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charts/chart2.xml" ContentType="application/vnd.openxmlformats-officedocument.drawingml.chart+xml"/>
  <Override PartName="/xl/charts/colors2.xml" ContentType="application/vnd.ms-office.chartcolorstyle+xml"/>
  <Override PartName="/xl/charts/style2.xml" ContentType="application/vnd.ms-office.chartstyle+xml"/>
  <Override PartName="/xl/externalLinks/externalLink1.xml" ContentType="application/vnd.openxmlformats-officedocument.spreadsheetml.externalLink+xml"/>
  <Override PartName="/customXml/itemProps1.xml" ContentType="application/vnd.openxmlformats-officedocument.customXmlProperties+xml"/>
  <Override PartName="/xl/calcChain.xml" ContentType="application/vnd.openxmlformats-officedocument.spreadsheetml.calcChain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30026"/>
  <workbookPr codeName="ThisWorkbook"/>
  <mc:AlternateContent xmlns:mc="http://schemas.openxmlformats.org/markup-compatibility/2006">
    <mc:Choice Requires="x15">
      <x15ac:absPath xmlns:x15ac="http://schemas.microsoft.com/office/spreadsheetml/2010/11/ac" url="https://nationalbankendk-my.sharepoint.com/personal/rkm_nationalbanken_dk/Documents/"/>
    </mc:Choice>
  </mc:AlternateContent>
  <xr:revisionPtr revIDLastSave="488" documentId="8_{154BB9F4-02AF-4AF0-A2A3-4D5F3FBF42EE}" xr6:coauthVersionLast="47" xr6:coauthVersionMax="47" xr10:uidLastSave="{4D8542E0-75C5-4615-91B0-4E7D920F2801}"/>
  <bookViews>
    <workbookView xWindow="-90" yWindow="-90" windowWidth="19380" windowHeight="10380" tabRatio="742" xr2:uid="{00000000-000D-0000-FFFF-FFFF00000000}"/>
  </bookViews>
  <sheets>
    <sheet name="Info" sheetId="1" r:id="rId1"/>
    <sheet name="DNBSTS" sheetId="4" r:id="rId2"/>
    <sheet name="DNBSTP" sheetId="5" r:id="rId3"/>
    <sheet name="DNBSTK" sheetId="6" r:id="rId4"/>
    <sheet name="DNBSIKO" sheetId="7" r:id="rId5"/>
    <sheet name="DNBSVKO" sheetId="8" r:id="rId6"/>
  </sheets>
  <externalReferences>
    <externalReference r:id="rId7"/>
  </externalReferences>
  <calcPr calcId="191029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AR64" i="8" l="1"/>
  <c r="AQ64" i="8"/>
  <c r="AP64" i="8"/>
  <c r="AO64" i="8"/>
  <c r="AN64" i="8"/>
  <c r="AM64" i="8"/>
  <c r="AL64" i="8"/>
  <c r="AK64" i="8"/>
  <c r="AJ64" i="8"/>
  <c r="AR63" i="8"/>
  <c r="AQ63" i="8"/>
  <c r="AP63" i="8"/>
  <c r="AO63" i="8"/>
  <c r="AN63" i="8"/>
  <c r="AM63" i="8"/>
  <c r="AL63" i="8"/>
  <c r="AK63" i="8"/>
  <c r="AJ63" i="8"/>
  <c r="AR62" i="8"/>
  <c r="AQ62" i="8"/>
  <c r="AP62" i="8"/>
  <c r="AO62" i="8"/>
  <c r="AN62" i="8"/>
  <c r="AM62" i="8"/>
  <c r="AL62" i="8"/>
  <c r="AK62" i="8"/>
  <c r="AJ62" i="8"/>
  <c r="AR61" i="8"/>
  <c r="AQ61" i="8"/>
  <c r="AP61" i="8"/>
  <c r="AO61" i="8"/>
  <c r="AN61" i="8"/>
  <c r="AM61" i="8"/>
  <c r="AL61" i="8"/>
  <c r="AK61" i="8"/>
  <c r="AJ61" i="8"/>
  <c r="AR60" i="8"/>
  <c r="AQ60" i="8"/>
  <c r="AP60" i="8"/>
  <c r="AO60" i="8"/>
  <c r="AN60" i="8"/>
  <c r="AM60" i="8"/>
  <c r="AL60" i="8"/>
  <c r="AK60" i="8"/>
  <c r="AJ60" i="8"/>
  <c r="AR59" i="8"/>
  <c r="AQ59" i="8"/>
  <c r="AP59" i="8"/>
  <c r="AO59" i="8"/>
  <c r="AN59" i="8"/>
  <c r="AM59" i="8"/>
  <c r="AL59" i="8"/>
  <c r="AK59" i="8"/>
  <c r="AJ59" i="8"/>
  <c r="AR58" i="8"/>
  <c r="AQ58" i="8"/>
  <c r="AP58" i="8"/>
  <c r="AO58" i="8"/>
  <c r="AN58" i="8"/>
  <c r="AM58" i="8"/>
  <c r="AL58" i="8"/>
  <c r="AK58" i="8"/>
  <c r="AJ58" i="8"/>
  <c r="AR57" i="8"/>
  <c r="AQ57" i="8"/>
  <c r="AP57" i="8"/>
  <c r="AO57" i="8"/>
  <c r="AN57" i="8"/>
  <c r="AM57" i="8"/>
  <c r="AL57" i="8"/>
  <c r="AK57" i="8"/>
  <c r="AJ57" i="8"/>
  <c r="AR56" i="8"/>
  <c r="AQ56" i="8"/>
  <c r="AP56" i="8"/>
  <c r="AO56" i="8"/>
  <c r="AN56" i="8"/>
  <c r="AM56" i="8"/>
  <c r="AL56" i="8"/>
  <c r="AK56" i="8"/>
  <c r="AJ56" i="8"/>
  <c r="AR55" i="8"/>
  <c r="AQ55" i="8"/>
  <c r="AP55" i="8"/>
  <c r="AO55" i="8"/>
  <c r="AN55" i="8"/>
  <c r="AM55" i="8"/>
  <c r="AL55" i="8"/>
  <c r="AK55" i="8"/>
  <c r="AJ55" i="8"/>
  <c r="AR54" i="8"/>
  <c r="AQ54" i="8"/>
  <c r="AP54" i="8"/>
  <c r="AO54" i="8"/>
  <c r="AN54" i="8"/>
  <c r="AM54" i="8"/>
  <c r="AL54" i="8"/>
  <c r="AK54" i="8"/>
  <c r="AJ54" i="8"/>
  <c r="AR53" i="8"/>
  <c r="AQ53" i="8"/>
  <c r="AP53" i="8"/>
  <c r="AO53" i="8"/>
  <c r="AN53" i="8"/>
  <c r="AM53" i="8"/>
  <c r="AL53" i="8"/>
  <c r="AK53" i="8"/>
  <c r="AJ53" i="8"/>
  <c r="AR52" i="8"/>
  <c r="AQ52" i="8"/>
  <c r="AP52" i="8"/>
  <c r="AO52" i="8"/>
  <c r="AN52" i="8"/>
  <c r="AM52" i="8"/>
  <c r="AL52" i="8"/>
  <c r="AK52" i="8"/>
  <c r="AJ52" i="8"/>
  <c r="AR50" i="8"/>
  <c r="AQ50" i="8"/>
  <c r="AP50" i="8"/>
  <c r="AO50" i="8"/>
  <c r="AN50" i="8"/>
  <c r="AM50" i="8"/>
  <c r="AL50" i="8"/>
  <c r="AK50" i="8"/>
  <c r="AJ50" i="8"/>
  <c r="AR49" i="8"/>
  <c r="AQ49" i="8"/>
  <c r="AP49" i="8"/>
  <c r="AO49" i="8"/>
  <c r="AN49" i="8"/>
  <c r="AM49" i="8"/>
  <c r="AL49" i="8"/>
  <c r="AK49" i="8"/>
  <c r="AJ49" i="8"/>
  <c r="AR48" i="8"/>
  <c r="AQ48" i="8"/>
  <c r="AP48" i="8"/>
  <c r="AO48" i="8"/>
  <c r="AN48" i="8"/>
  <c r="AM48" i="8"/>
  <c r="AL48" i="8"/>
  <c r="AK48" i="8"/>
  <c r="AJ48" i="8"/>
  <c r="AR47" i="8"/>
  <c r="AQ47" i="8"/>
  <c r="AP47" i="8"/>
  <c r="AO47" i="8"/>
  <c r="AN47" i="8"/>
  <c r="AM47" i="8"/>
  <c r="AL47" i="8"/>
  <c r="AK47" i="8"/>
  <c r="AJ47" i="8"/>
  <c r="AR45" i="8"/>
  <c r="AQ45" i="8"/>
  <c r="AP45" i="8"/>
  <c r="AO45" i="8"/>
  <c r="AN45" i="8"/>
  <c r="AM45" i="8"/>
  <c r="AL45" i="8"/>
  <c r="AK45" i="8"/>
  <c r="AJ45" i="8"/>
  <c r="AR44" i="8"/>
  <c r="AQ44" i="8"/>
  <c r="AP44" i="8"/>
  <c r="AO44" i="8"/>
  <c r="AN44" i="8"/>
  <c r="AM44" i="8"/>
  <c r="AL44" i="8"/>
  <c r="AK44" i="8"/>
  <c r="AJ44" i="8"/>
  <c r="AR43" i="8"/>
  <c r="AQ43" i="8"/>
  <c r="AP43" i="8"/>
  <c r="AO43" i="8"/>
  <c r="AN43" i="8"/>
  <c r="AM43" i="8"/>
  <c r="AL43" i="8"/>
  <c r="AK43" i="8"/>
  <c r="AJ43" i="8"/>
  <c r="AR42" i="8"/>
  <c r="AQ42" i="8"/>
  <c r="AP42" i="8"/>
  <c r="AO42" i="8"/>
  <c r="AN42" i="8"/>
  <c r="AM42" i="8"/>
  <c r="AL42" i="8"/>
  <c r="AK42" i="8"/>
  <c r="AJ42" i="8"/>
  <c r="AR41" i="8"/>
  <c r="AQ41" i="8"/>
  <c r="AP41" i="8"/>
  <c r="AO41" i="8"/>
  <c r="AN41" i="8"/>
  <c r="AM41" i="8"/>
  <c r="AL41" i="8"/>
  <c r="AK41" i="8"/>
  <c r="AJ41" i="8"/>
  <c r="AR40" i="8"/>
  <c r="AQ40" i="8"/>
  <c r="AP40" i="8"/>
  <c r="AO40" i="8"/>
  <c r="AN40" i="8"/>
  <c r="AM40" i="8"/>
  <c r="AL40" i="8"/>
  <c r="AK40" i="8"/>
  <c r="AJ40" i="8"/>
  <c r="AR39" i="8"/>
  <c r="AQ39" i="8"/>
  <c r="AP39" i="8"/>
  <c r="AO39" i="8"/>
  <c r="AN39" i="8"/>
  <c r="AM39" i="8"/>
  <c r="AL39" i="8"/>
  <c r="AK39" i="8"/>
  <c r="AJ39" i="8"/>
  <c r="AR38" i="8"/>
  <c r="AQ38" i="8"/>
  <c r="AP38" i="8"/>
  <c r="AO38" i="8"/>
  <c r="AN38" i="8"/>
  <c r="AM38" i="8"/>
  <c r="AL38" i="8"/>
  <c r="AK38" i="8"/>
  <c r="AJ38" i="8"/>
  <c r="AR37" i="8"/>
  <c r="AQ37" i="8"/>
  <c r="AP37" i="8"/>
  <c r="AO37" i="8"/>
  <c r="AN37" i="8"/>
  <c r="AM37" i="8"/>
  <c r="AL37" i="8"/>
  <c r="AK37" i="8"/>
  <c r="AJ37" i="8"/>
  <c r="AR36" i="8"/>
  <c r="AQ36" i="8"/>
  <c r="AP36" i="8"/>
  <c r="AO36" i="8"/>
  <c r="AN36" i="8"/>
  <c r="AM36" i="8"/>
  <c r="AL36" i="8"/>
  <c r="AK36" i="8"/>
  <c r="AJ36" i="8"/>
  <c r="AR35" i="8"/>
  <c r="AQ35" i="8"/>
  <c r="AP35" i="8"/>
  <c r="AO35" i="8"/>
  <c r="AN35" i="8"/>
  <c r="AM35" i="8"/>
  <c r="AL35" i="8"/>
  <c r="AK35" i="8"/>
  <c r="AJ35" i="8"/>
  <c r="AR34" i="8"/>
  <c r="AQ34" i="8"/>
  <c r="AP34" i="8"/>
  <c r="AO34" i="8"/>
  <c r="AN34" i="8"/>
  <c r="AM34" i="8"/>
  <c r="AL34" i="8"/>
  <c r="AK34" i="8"/>
  <c r="AJ34" i="8"/>
  <c r="AR33" i="8"/>
  <c r="AQ33" i="8"/>
  <c r="AP33" i="8"/>
  <c r="AO33" i="8"/>
  <c r="AN33" i="8"/>
  <c r="AM33" i="8"/>
  <c r="AL33" i="8"/>
  <c r="AK33" i="8"/>
  <c r="AJ33" i="8"/>
  <c r="AR32" i="8"/>
  <c r="AQ32" i="8"/>
  <c r="AP32" i="8"/>
  <c r="AO32" i="8"/>
  <c r="AN32" i="8"/>
  <c r="AM32" i="8"/>
  <c r="AL32" i="8"/>
  <c r="AK32" i="8"/>
  <c r="AJ32" i="8"/>
  <c r="AR31" i="8"/>
  <c r="AQ31" i="8"/>
  <c r="AP31" i="8"/>
  <c r="AO31" i="8"/>
  <c r="AN31" i="8"/>
  <c r="AM31" i="8"/>
  <c r="AL31" i="8"/>
  <c r="AK31" i="8"/>
  <c r="AJ31" i="8"/>
  <c r="AR30" i="8"/>
  <c r="AQ30" i="8"/>
  <c r="AP30" i="8"/>
  <c r="AO30" i="8"/>
  <c r="AN30" i="8"/>
  <c r="AM30" i="8"/>
  <c r="AL30" i="8"/>
  <c r="AK30" i="8"/>
  <c r="AJ30" i="8"/>
  <c r="AR29" i="8"/>
  <c r="AQ29" i="8"/>
  <c r="AP29" i="8"/>
  <c r="AO29" i="8"/>
  <c r="AN29" i="8"/>
  <c r="AM29" i="8"/>
  <c r="AL29" i="8"/>
  <c r="AK29" i="8"/>
  <c r="AJ29" i="8"/>
  <c r="AR28" i="8"/>
  <c r="AQ28" i="8"/>
  <c r="AP28" i="8"/>
  <c r="AO28" i="8"/>
  <c r="AN28" i="8"/>
  <c r="AM28" i="8"/>
  <c r="AL28" i="8"/>
  <c r="AK28" i="8"/>
  <c r="AJ28" i="8"/>
  <c r="AR27" i="8"/>
  <c r="AQ27" i="8"/>
  <c r="AP27" i="8"/>
  <c r="AO27" i="8"/>
  <c r="AN27" i="8"/>
  <c r="AM27" i="8"/>
  <c r="AL27" i="8"/>
  <c r="AK27" i="8"/>
  <c r="AJ27" i="8"/>
  <c r="AR26" i="8"/>
  <c r="AQ26" i="8"/>
  <c r="AP26" i="8"/>
  <c r="AO26" i="8"/>
  <c r="AN26" i="8"/>
  <c r="AM26" i="8"/>
  <c r="AL26" i="8"/>
  <c r="AK26" i="8"/>
  <c r="AJ26" i="8"/>
  <c r="AR25" i="8"/>
  <c r="AQ25" i="8"/>
  <c r="AP25" i="8"/>
  <c r="AO25" i="8"/>
  <c r="AN25" i="8"/>
  <c r="AM25" i="8"/>
  <c r="AL25" i="8"/>
  <c r="AK25" i="8"/>
  <c r="AJ25" i="8"/>
  <c r="AR24" i="8"/>
  <c r="AQ24" i="8"/>
  <c r="AP24" i="8"/>
  <c r="AO24" i="8"/>
  <c r="AN24" i="8"/>
  <c r="AM24" i="8"/>
  <c r="AL24" i="8"/>
  <c r="AK24" i="8"/>
  <c r="AJ24" i="8"/>
  <c r="AR23" i="8"/>
  <c r="AQ23" i="8"/>
  <c r="AP23" i="8"/>
  <c r="AO23" i="8"/>
  <c r="AN23" i="8"/>
  <c r="AM23" i="8"/>
  <c r="AL23" i="8"/>
  <c r="AK23" i="8"/>
  <c r="AJ23" i="8"/>
  <c r="AR22" i="8"/>
  <c r="AQ22" i="8"/>
  <c r="AP22" i="8"/>
  <c r="AO22" i="8"/>
  <c r="AN22" i="8"/>
  <c r="AM22" i="8"/>
  <c r="AL22" i="8"/>
  <c r="AK22" i="8"/>
  <c r="AJ22" i="8"/>
  <c r="AR20" i="8"/>
  <c r="AQ20" i="8"/>
  <c r="AP20" i="8"/>
  <c r="AO20" i="8"/>
  <c r="AN20" i="8"/>
  <c r="AM20" i="8"/>
  <c r="AL20" i="8"/>
  <c r="AK20" i="8"/>
  <c r="AJ20" i="8"/>
  <c r="AR19" i="8"/>
  <c r="AQ19" i="8"/>
  <c r="AP19" i="8"/>
  <c r="AO19" i="8"/>
  <c r="AN19" i="8"/>
  <c r="AM19" i="8"/>
  <c r="AL19" i="8"/>
  <c r="AK19" i="8"/>
  <c r="AJ19" i="8"/>
  <c r="AR18" i="8"/>
  <c r="AQ18" i="8"/>
  <c r="AP18" i="8"/>
  <c r="AO18" i="8"/>
  <c r="AN18" i="8"/>
  <c r="AM18" i="8"/>
  <c r="AL18" i="8"/>
  <c r="AK18" i="8"/>
  <c r="AJ18" i="8"/>
  <c r="AR17" i="8"/>
  <c r="AQ17" i="8"/>
  <c r="AP17" i="8"/>
  <c r="AO17" i="8"/>
  <c r="AN17" i="8"/>
  <c r="AM17" i="8"/>
  <c r="AL17" i="8"/>
  <c r="AK17" i="8"/>
  <c r="AJ17" i="8"/>
  <c r="AR15" i="8"/>
  <c r="AQ15" i="8"/>
  <c r="AP15" i="8"/>
  <c r="AO15" i="8"/>
  <c r="AN15" i="8"/>
  <c r="AM15" i="8"/>
  <c r="AL15" i="8"/>
  <c r="AK15" i="8"/>
  <c r="AJ15" i="8"/>
  <c r="AR14" i="8"/>
  <c r="AQ14" i="8"/>
  <c r="AP14" i="8"/>
  <c r="AO14" i="8"/>
  <c r="AN14" i="8"/>
  <c r="AM14" i="8"/>
  <c r="AL14" i="8"/>
  <c r="AK14" i="8"/>
  <c r="AJ14" i="8"/>
  <c r="AR13" i="8"/>
  <c r="AQ13" i="8"/>
  <c r="AP13" i="8"/>
  <c r="AO13" i="8"/>
  <c r="AN13" i="8"/>
  <c r="AM13" i="8"/>
  <c r="AL13" i="8"/>
  <c r="AK13" i="8"/>
  <c r="AJ13" i="8"/>
  <c r="AR12" i="8"/>
  <c r="AQ12" i="8"/>
  <c r="AP12" i="8"/>
  <c r="AO12" i="8"/>
  <c r="AN12" i="8"/>
  <c r="AM12" i="8"/>
  <c r="AL12" i="8"/>
  <c r="AK12" i="8"/>
  <c r="AJ12" i="8"/>
  <c r="AR11" i="8"/>
  <c r="AQ11" i="8"/>
  <c r="AP11" i="8"/>
  <c r="AO11" i="8"/>
  <c r="AN11" i="8"/>
  <c r="AM11" i="8"/>
  <c r="AL11" i="8"/>
  <c r="AK11" i="8"/>
  <c r="AJ11" i="8"/>
  <c r="AR10" i="8"/>
  <c r="AQ10" i="8"/>
  <c r="AP10" i="8"/>
  <c r="AO10" i="8"/>
  <c r="AN10" i="8"/>
  <c r="AM10" i="8"/>
  <c r="AL10" i="8"/>
  <c r="AK10" i="8"/>
  <c r="AJ10" i="8"/>
  <c r="AR9" i="8"/>
  <c r="AQ9" i="8"/>
  <c r="AP9" i="8"/>
  <c r="AO9" i="8"/>
  <c r="AN9" i="8"/>
  <c r="AM9" i="8"/>
  <c r="AL9" i="8"/>
  <c r="AK9" i="8"/>
  <c r="AJ9" i="8"/>
  <c r="AR8" i="8"/>
  <c r="AQ8" i="8"/>
  <c r="AP8" i="8"/>
  <c r="AO8" i="8"/>
  <c r="AN8" i="8"/>
  <c r="AM8" i="8"/>
  <c r="AL8" i="8"/>
  <c r="AK8" i="8"/>
  <c r="AJ8" i="8"/>
  <c r="AR7" i="8"/>
  <c r="AQ7" i="8"/>
  <c r="AP7" i="8"/>
  <c r="AO7" i="8"/>
  <c r="AN7" i="8"/>
  <c r="AM7" i="8"/>
  <c r="AL7" i="8"/>
  <c r="AK7" i="8"/>
  <c r="AJ7" i="8"/>
  <c r="AR6" i="8"/>
  <c r="AQ6" i="8"/>
  <c r="AP6" i="8"/>
  <c r="AO6" i="8"/>
  <c r="AN6" i="8"/>
  <c r="AM6" i="8"/>
  <c r="AL6" i="8"/>
  <c r="AK6" i="8"/>
  <c r="AJ6" i="8"/>
  <c r="AR5" i="8"/>
  <c r="AQ5" i="8"/>
  <c r="AP5" i="8"/>
  <c r="AO5" i="8"/>
  <c r="AN5" i="8"/>
  <c r="AM5" i="8"/>
  <c r="AL5" i="8"/>
  <c r="AK5" i="8"/>
  <c r="AJ5" i="8"/>
  <c r="BM6" i="6"/>
  <c r="BN6" i="6"/>
  <c r="BO6" i="6"/>
  <c r="BP6" i="6"/>
  <c r="BQ6" i="6"/>
  <c r="BR6" i="6"/>
  <c r="BS6" i="6"/>
  <c r="BT6" i="6"/>
  <c r="BU6" i="6"/>
  <c r="BV6" i="6"/>
  <c r="BW6" i="6"/>
  <c r="BX6" i="6"/>
  <c r="BY6" i="6"/>
  <c r="BZ6" i="6"/>
  <c r="CA6" i="6"/>
  <c r="CB6" i="6"/>
  <c r="CC6" i="6"/>
  <c r="CD6" i="6"/>
  <c r="CE6" i="6"/>
  <c r="CF6" i="6"/>
  <c r="CG6" i="6"/>
  <c r="CH6" i="6"/>
  <c r="CI6" i="6"/>
  <c r="CJ6" i="6"/>
  <c r="CK6" i="6"/>
  <c r="BM7" i="6"/>
  <c r="BN7" i="6"/>
  <c r="BO7" i="6"/>
  <c r="BP7" i="6"/>
  <c r="BQ7" i="6"/>
  <c r="BR7" i="6"/>
  <c r="BS7" i="6"/>
  <c r="BT7" i="6"/>
  <c r="BU7" i="6"/>
  <c r="BV7" i="6"/>
  <c r="BW7" i="6"/>
  <c r="BX7" i="6"/>
  <c r="BY7" i="6"/>
  <c r="BZ7" i="6"/>
  <c r="CA7" i="6"/>
  <c r="CB7" i="6"/>
  <c r="CC7" i="6"/>
  <c r="CD7" i="6"/>
  <c r="CE7" i="6"/>
  <c r="CF7" i="6"/>
  <c r="CG7" i="6"/>
  <c r="CH7" i="6"/>
  <c r="CI7" i="6"/>
  <c r="CJ7" i="6"/>
  <c r="CK7" i="6"/>
  <c r="BM8" i="6"/>
  <c r="BN8" i="6"/>
  <c r="BO8" i="6"/>
  <c r="BP8" i="6"/>
  <c r="BQ8" i="6"/>
  <c r="BR8" i="6"/>
  <c r="BS8" i="6"/>
  <c r="BT8" i="6"/>
  <c r="BU8" i="6"/>
  <c r="BV8" i="6"/>
  <c r="BW8" i="6"/>
  <c r="BX8" i="6"/>
  <c r="BY8" i="6"/>
  <c r="BZ8" i="6"/>
  <c r="CA8" i="6"/>
  <c r="CB8" i="6"/>
  <c r="CC8" i="6"/>
  <c r="CD8" i="6"/>
  <c r="CE8" i="6"/>
  <c r="CF8" i="6"/>
  <c r="CG8" i="6"/>
  <c r="CH8" i="6"/>
  <c r="CI8" i="6"/>
  <c r="CJ8" i="6"/>
  <c r="CK8" i="6"/>
  <c r="BM9" i="6"/>
  <c r="BN9" i="6"/>
  <c r="BO9" i="6"/>
  <c r="BP9" i="6"/>
  <c r="BQ9" i="6"/>
  <c r="BR9" i="6"/>
  <c r="BS9" i="6"/>
  <c r="BT9" i="6"/>
  <c r="BU9" i="6"/>
  <c r="BV9" i="6"/>
  <c r="BW9" i="6"/>
  <c r="BX9" i="6"/>
  <c r="BY9" i="6"/>
  <c r="BZ9" i="6"/>
  <c r="CA9" i="6"/>
  <c r="CB9" i="6"/>
  <c r="CC9" i="6"/>
  <c r="CD9" i="6"/>
  <c r="CE9" i="6"/>
  <c r="CF9" i="6"/>
  <c r="CG9" i="6"/>
  <c r="CH9" i="6"/>
  <c r="CI9" i="6"/>
  <c r="CJ9" i="6"/>
  <c r="CK9" i="6"/>
  <c r="BM10" i="6"/>
  <c r="BN10" i="6"/>
  <c r="BO10" i="6"/>
  <c r="BP10" i="6"/>
  <c r="BQ10" i="6"/>
  <c r="BR10" i="6"/>
  <c r="BS10" i="6"/>
  <c r="BT10" i="6"/>
  <c r="BU10" i="6"/>
  <c r="BV10" i="6"/>
  <c r="BW10" i="6"/>
  <c r="BX10" i="6"/>
  <c r="BY10" i="6"/>
  <c r="BZ10" i="6"/>
  <c r="CA10" i="6"/>
  <c r="CB10" i="6"/>
  <c r="CC10" i="6"/>
  <c r="CD10" i="6"/>
  <c r="CE10" i="6"/>
  <c r="CF10" i="6"/>
  <c r="CG10" i="6"/>
  <c r="CH10" i="6"/>
  <c r="CI10" i="6"/>
  <c r="CJ10" i="6"/>
  <c r="CK10" i="6"/>
  <c r="BM11" i="6"/>
  <c r="BN11" i="6"/>
  <c r="BO11" i="6"/>
  <c r="BP11" i="6"/>
  <c r="BQ11" i="6"/>
  <c r="BR11" i="6"/>
  <c r="BS11" i="6"/>
  <c r="BT11" i="6"/>
  <c r="BU11" i="6"/>
  <c r="BV11" i="6"/>
  <c r="BW11" i="6"/>
  <c r="BX11" i="6"/>
  <c r="BY11" i="6"/>
  <c r="BZ11" i="6"/>
  <c r="CA11" i="6"/>
  <c r="CB11" i="6"/>
  <c r="CC11" i="6"/>
  <c r="CD11" i="6"/>
  <c r="CE11" i="6"/>
  <c r="CF11" i="6"/>
  <c r="CG11" i="6"/>
  <c r="CH11" i="6"/>
  <c r="CI11" i="6"/>
  <c r="CJ11" i="6"/>
  <c r="CK11" i="6"/>
  <c r="BM12" i="6"/>
  <c r="BN12" i="6"/>
  <c r="BO12" i="6"/>
  <c r="BP12" i="6"/>
  <c r="BQ12" i="6"/>
  <c r="BR12" i="6"/>
  <c r="BS12" i="6"/>
  <c r="BT12" i="6"/>
  <c r="BU12" i="6"/>
  <c r="BV12" i="6"/>
  <c r="BW12" i="6"/>
  <c r="BX12" i="6"/>
  <c r="BY12" i="6"/>
  <c r="BZ12" i="6"/>
  <c r="CA12" i="6"/>
  <c r="CB12" i="6"/>
  <c r="CC12" i="6"/>
  <c r="CD12" i="6"/>
  <c r="CE12" i="6"/>
  <c r="CF12" i="6"/>
  <c r="CG12" i="6"/>
  <c r="CH12" i="6"/>
  <c r="CI12" i="6"/>
  <c r="CJ12" i="6"/>
  <c r="CK12" i="6"/>
  <c r="BM13" i="6"/>
  <c r="BN13" i="6"/>
  <c r="BO13" i="6"/>
  <c r="BP13" i="6"/>
  <c r="BQ13" i="6"/>
  <c r="BR13" i="6"/>
  <c r="BS13" i="6"/>
  <c r="BT13" i="6"/>
  <c r="BU13" i="6"/>
  <c r="BV13" i="6"/>
  <c r="BW13" i="6"/>
  <c r="BX13" i="6"/>
  <c r="BY13" i="6"/>
  <c r="BZ13" i="6"/>
  <c r="CA13" i="6"/>
  <c r="CB13" i="6"/>
  <c r="CC13" i="6"/>
  <c r="CD13" i="6"/>
  <c r="CE13" i="6"/>
  <c r="CF13" i="6"/>
  <c r="CG13" i="6"/>
  <c r="CH13" i="6"/>
  <c r="CI13" i="6"/>
  <c r="CJ13" i="6"/>
  <c r="CK13" i="6"/>
  <c r="BM14" i="6"/>
  <c r="BN14" i="6"/>
  <c r="BO14" i="6"/>
  <c r="BP14" i="6"/>
  <c r="BQ14" i="6"/>
  <c r="BR14" i="6"/>
  <c r="BS14" i="6"/>
  <c r="BT14" i="6"/>
  <c r="BU14" i="6"/>
  <c r="BV14" i="6"/>
  <c r="BW14" i="6"/>
  <c r="BX14" i="6"/>
  <c r="BY14" i="6"/>
  <c r="BZ14" i="6"/>
  <c r="CA14" i="6"/>
  <c r="CB14" i="6"/>
  <c r="CC14" i="6"/>
  <c r="CD14" i="6"/>
  <c r="CE14" i="6"/>
  <c r="CF14" i="6"/>
  <c r="CG14" i="6"/>
  <c r="CH14" i="6"/>
  <c r="CI14" i="6"/>
  <c r="CJ14" i="6"/>
  <c r="CK14" i="6"/>
  <c r="BM15" i="6"/>
  <c r="BN15" i="6"/>
  <c r="BO15" i="6"/>
  <c r="BP15" i="6"/>
  <c r="BQ15" i="6"/>
  <c r="BR15" i="6"/>
  <c r="BS15" i="6"/>
  <c r="BT15" i="6"/>
  <c r="BU15" i="6"/>
  <c r="BV15" i="6"/>
  <c r="BW15" i="6"/>
  <c r="BX15" i="6"/>
  <c r="BY15" i="6"/>
  <c r="BZ15" i="6"/>
  <c r="CA15" i="6"/>
  <c r="CB15" i="6"/>
  <c r="CC15" i="6"/>
  <c r="CD15" i="6"/>
  <c r="CE15" i="6"/>
  <c r="CF15" i="6"/>
  <c r="CG15" i="6"/>
  <c r="CH15" i="6"/>
  <c r="CI15" i="6"/>
  <c r="CJ15" i="6"/>
  <c r="CK15" i="6"/>
  <c r="BM16" i="6"/>
  <c r="BN16" i="6"/>
  <c r="BO16" i="6"/>
  <c r="BP16" i="6"/>
  <c r="BQ16" i="6"/>
  <c r="BR16" i="6"/>
  <c r="BS16" i="6"/>
  <c r="BT16" i="6"/>
  <c r="BU16" i="6"/>
  <c r="BV16" i="6"/>
  <c r="BW16" i="6"/>
  <c r="BX16" i="6"/>
  <c r="BY16" i="6"/>
  <c r="BZ16" i="6"/>
  <c r="CA16" i="6"/>
  <c r="CB16" i="6"/>
  <c r="CC16" i="6"/>
  <c r="CD16" i="6"/>
  <c r="CE16" i="6"/>
  <c r="CF16" i="6"/>
  <c r="CG16" i="6"/>
  <c r="CH16" i="6"/>
  <c r="CI16" i="6"/>
  <c r="CJ16" i="6"/>
  <c r="CK16" i="6"/>
  <c r="BM17" i="6"/>
  <c r="BN17" i="6"/>
  <c r="BO17" i="6"/>
  <c r="BP17" i="6"/>
  <c r="BQ17" i="6"/>
  <c r="BR17" i="6"/>
  <c r="BS17" i="6"/>
  <c r="BT17" i="6"/>
  <c r="BU17" i="6"/>
  <c r="BV17" i="6"/>
  <c r="BW17" i="6"/>
  <c r="BX17" i="6"/>
  <c r="BY17" i="6"/>
  <c r="BZ17" i="6"/>
  <c r="CA17" i="6"/>
  <c r="CB17" i="6"/>
  <c r="CC17" i="6"/>
  <c r="CD17" i="6"/>
  <c r="CE17" i="6"/>
  <c r="CF17" i="6"/>
  <c r="CG17" i="6"/>
  <c r="CH17" i="6"/>
  <c r="CI17" i="6"/>
  <c r="CJ17" i="6"/>
  <c r="CK17" i="6"/>
  <c r="BM18" i="6"/>
  <c r="BN18" i="6"/>
  <c r="BO18" i="6"/>
  <c r="BP18" i="6"/>
  <c r="BQ18" i="6"/>
  <c r="BR18" i="6"/>
  <c r="BS18" i="6"/>
  <c r="BT18" i="6"/>
  <c r="BU18" i="6"/>
  <c r="BV18" i="6"/>
  <c r="BW18" i="6"/>
  <c r="BX18" i="6"/>
  <c r="BY18" i="6"/>
  <c r="BZ18" i="6"/>
  <c r="CA18" i="6"/>
  <c r="CB18" i="6"/>
  <c r="CC18" i="6"/>
  <c r="CD18" i="6"/>
  <c r="CE18" i="6"/>
  <c r="CF18" i="6"/>
  <c r="CG18" i="6"/>
  <c r="CH18" i="6"/>
  <c r="CI18" i="6"/>
  <c r="CJ18" i="6"/>
  <c r="CK18" i="6"/>
  <c r="BM19" i="6"/>
  <c r="BN19" i="6"/>
  <c r="BO19" i="6"/>
  <c r="BP19" i="6"/>
  <c r="BQ19" i="6"/>
  <c r="BR19" i="6"/>
  <c r="BS19" i="6"/>
  <c r="BT19" i="6"/>
  <c r="BU19" i="6"/>
  <c r="BV19" i="6"/>
  <c r="BW19" i="6"/>
  <c r="BX19" i="6"/>
  <c r="BY19" i="6"/>
  <c r="BZ19" i="6"/>
  <c r="CA19" i="6"/>
  <c r="CB19" i="6"/>
  <c r="CC19" i="6"/>
  <c r="CD19" i="6"/>
  <c r="CE19" i="6"/>
  <c r="CF19" i="6"/>
  <c r="CG19" i="6"/>
  <c r="CH19" i="6"/>
  <c r="CI19" i="6"/>
  <c r="CJ19" i="6"/>
  <c r="CK19" i="6"/>
  <c r="BM20" i="6"/>
  <c r="BN20" i="6"/>
  <c r="BO20" i="6"/>
  <c r="BP20" i="6"/>
  <c r="BQ20" i="6"/>
  <c r="BR20" i="6"/>
  <c r="BS20" i="6"/>
  <c r="BT20" i="6"/>
  <c r="BU20" i="6"/>
  <c r="BV20" i="6"/>
  <c r="BW20" i="6"/>
  <c r="BX20" i="6"/>
  <c r="BY20" i="6"/>
  <c r="BZ20" i="6"/>
  <c r="CA20" i="6"/>
  <c r="CB20" i="6"/>
  <c r="CC20" i="6"/>
  <c r="CD20" i="6"/>
  <c r="CE20" i="6"/>
  <c r="CF20" i="6"/>
  <c r="CG20" i="6"/>
  <c r="CH20" i="6"/>
  <c r="CI20" i="6"/>
  <c r="CJ20" i="6"/>
  <c r="CK20" i="6"/>
  <c r="BM21" i="6"/>
  <c r="BN21" i="6"/>
  <c r="BO21" i="6"/>
  <c r="BP21" i="6"/>
  <c r="BQ21" i="6"/>
  <c r="BR21" i="6"/>
  <c r="BS21" i="6"/>
  <c r="BT21" i="6"/>
  <c r="BU21" i="6"/>
  <c r="BV21" i="6"/>
  <c r="BW21" i="6"/>
  <c r="BX21" i="6"/>
  <c r="BY21" i="6"/>
  <c r="BZ21" i="6"/>
  <c r="CA21" i="6"/>
  <c r="CB21" i="6"/>
  <c r="CC21" i="6"/>
  <c r="CD21" i="6"/>
  <c r="CE21" i="6"/>
  <c r="CF21" i="6"/>
  <c r="CG21" i="6"/>
  <c r="CH21" i="6"/>
  <c r="CI21" i="6"/>
  <c r="CJ21" i="6"/>
  <c r="CK21" i="6"/>
  <c r="BM22" i="6"/>
  <c r="BN22" i="6"/>
  <c r="BO22" i="6"/>
  <c r="BP22" i="6"/>
  <c r="BQ22" i="6"/>
  <c r="BR22" i="6"/>
  <c r="BS22" i="6"/>
  <c r="BT22" i="6"/>
  <c r="BU22" i="6"/>
  <c r="BV22" i="6"/>
  <c r="BW22" i="6"/>
  <c r="BX22" i="6"/>
  <c r="BY22" i="6"/>
  <c r="BZ22" i="6"/>
  <c r="CA22" i="6"/>
  <c r="CB22" i="6"/>
  <c r="CC22" i="6"/>
  <c r="CD22" i="6"/>
  <c r="CE22" i="6"/>
  <c r="CF22" i="6"/>
  <c r="CG22" i="6"/>
  <c r="CH22" i="6"/>
  <c r="CI22" i="6"/>
  <c r="CJ22" i="6"/>
  <c r="CK22" i="6"/>
  <c r="BM23" i="6"/>
  <c r="BN23" i="6"/>
  <c r="BO23" i="6"/>
  <c r="BP23" i="6"/>
  <c r="BQ23" i="6"/>
  <c r="BR23" i="6"/>
  <c r="BS23" i="6"/>
  <c r="BT23" i="6"/>
  <c r="BU23" i="6"/>
  <c r="BV23" i="6"/>
  <c r="BW23" i="6"/>
  <c r="BX23" i="6"/>
  <c r="BY23" i="6"/>
  <c r="BZ23" i="6"/>
  <c r="CA23" i="6"/>
  <c r="CB23" i="6"/>
  <c r="CC23" i="6"/>
  <c r="CD23" i="6"/>
  <c r="CE23" i="6"/>
  <c r="CF23" i="6"/>
  <c r="CG23" i="6"/>
  <c r="CH23" i="6"/>
  <c r="CI23" i="6"/>
  <c r="CJ23" i="6"/>
  <c r="CK23" i="6"/>
  <c r="BM24" i="6"/>
  <c r="BN24" i="6"/>
  <c r="BO24" i="6"/>
  <c r="BP24" i="6"/>
  <c r="BQ24" i="6"/>
  <c r="BR24" i="6"/>
  <c r="BS24" i="6"/>
  <c r="BT24" i="6"/>
  <c r="BU24" i="6"/>
  <c r="BV24" i="6"/>
  <c r="BW24" i="6"/>
  <c r="BX24" i="6"/>
  <c r="BY24" i="6"/>
  <c r="BZ24" i="6"/>
  <c r="CA24" i="6"/>
  <c r="CB24" i="6"/>
  <c r="CC24" i="6"/>
  <c r="CD24" i="6"/>
  <c r="CE24" i="6"/>
  <c r="CF24" i="6"/>
  <c r="CG24" i="6"/>
  <c r="CH24" i="6"/>
  <c r="CI24" i="6"/>
  <c r="CJ24" i="6"/>
  <c r="CK24" i="6"/>
  <c r="BM25" i="6"/>
  <c r="BN25" i="6"/>
  <c r="BO25" i="6"/>
  <c r="BP25" i="6"/>
  <c r="BQ25" i="6"/>
  <c r="BR25" i="6"/>
  <c r="BS25" i="6"/>
  <c r="BT25" i="6"/>
  <c r="BU25" i="6"/>
  <c r="BV25" i="6"/>
  <c r="BW25" i="6"/>
  <c r="BX25" i="6"/>
  <c r="BY25" i="6"/>
  <c r="BZ25" i="6"/>
  <c r="CA25" i="6"/>
  <c r="CB25" i="6"/>
  <c r="CC25" i="6"/>
  <c r="CD25" i="6"/>
  <c r="CE25" i="6"/>
  <c r="CF25" i="6"/>
  <c r="CG25" i="6"/>
  <c r="CH25" i="6"/>
  <c r="CI25" i="6"/>
  <c r="CJ25" i="6"/>
  <c r="CK25" i="6"/>
  <c r="BM26" i="6"/>
  <c r="BN26" i="6"/>
  <c r="BO26" i="6"/>
  <c r="BP26" i="6"/>
  <c r="BQ26" i="6"/>
  <c r="BR26" i="6"/>
  <c r="BS26" i="6"/>
  <c r="BT26" i="6"/>
  <c r="BU26" i="6"/>
  <c r="BV26" i="6"/>
  <c r="BW26" i="6"/>
  <c r="BX26" i="6"/>
  <c r="BY26" i="6"/>
  <c r="BZ26" i="6"/>
  <c r="CA26" i="6"/>
  <c r="CB26" i="6"/>
  <c r="CC26" i="6"/>
  <c r="CD26" i="6"/>
  <c r="CE26" i="6"/>
  <c r="CF26" i="6"/>
  <c r="CG26" i="6"/>
  <c r="CH26" i="6"/>
  <c r="CI26" i="6"/>
  <c r="CJ26" i="6"/>
  <c r="CK26" i="6"/>
  <c r="BM27" i="6"/>
  <c r="BN27" i="6"/>
  <c r="BO27" i="6"/>
  <c r="BP27" i="6"/>
  <c r="BQ27" i="6"/>
  <c r="BR27" i="6"/>
  <c r="BS27" i="6"/>
  <c r="BT27" i="6"/>
  <c r="BU27" i="6"/>
  <c r="BV27" i="6"/>
  <c r="BW27" i="6"/>
  <c r="BX27" i="6"/>
  <c r="BY27" i="6"/>
  <c r="BZ27" i="6"/>
  <c r="CA27" i="6"/>
  <c r="CB27" i="6"/>
  <c r="CC27" i="6"/>
  <c r="CD27" i="6"/>
  <c r="CE27" i="6"/>
  <c r="CF27" i="6"/>
  <c r="CG27" i="6"/>
  <c r="CH27" i="6"/>
  <c r="CI27" i="6"/>
  <c r="CJ27" i="6"/>
  <c r="CK27" i="6"/>
  <c r="BM28" i="6"/>
  <c r="BN28" i="6"/>
  <c r="BO28" i="6"/>
  <c r="BP28" i="6"/>
  <c r="BQ28" i="6"/>
  <c r="BR28" i="6"/>
  <c r="BS28" i="6"/>
  <c r="BT28" i="6"/>
  <c r="BU28" i="6"/>
  <c r="BV28" i="6"/>
  <c r="BW28" i="6"/>
  <c r="BX28" i="6"/>
  <c r="BY28" i="6"/>
  <c r="BZ28" i="6"/>
  <c r="CA28" i="6"/>
  <c r="CB28" i="6"/>
  <c r="CC28" i="6"/>
  <c r="CD28" i="6"/>
  <c r="CE28" i="6"/>
  <c r="CF28" i="6"/>
  <c r="CG28" i="6"/>
  <c r="CH28" i="6"/>
  <c r="CI28" i="6"/>
  <c r="CJ28" i="6"/>
  <c r="CK28" i="6"/>
  <c r="BM29" i="6"/>
  <c r="BN29" i="6"/>
  <c r="BO29" i="6"/>
  <c r="BP29" i="6"/>
  <c r="BQ29" i="6"/>
  <c r="BR29" i="6"/>
  <c r="BS29" i="6"/>
  <c r="BT29" i="6"/>
  <c r="BU29" i="6"/>
  <c r="BV29" i="6"/>
  <c r="BW29" i="6"/>
  <c r="BX29" i="6"/>
  <c r="BY29" i="6"/>
  <c r="BZ29" i="6"/>
  <c r="CA29" i="6"/>
  <c r="CB29" i="6"/>
  <c r="CC29" i="6"/>
  <c r="CD29" i="6"/>
  <c r="CE29" i="6"/>
  <c r="CF29" i="6"/>
  <c r="CG29" i="6"/>
  <c r="CH29" i="6"/>
  <c r="CI29" i="6"/>
  <c r="CJ29" i="6"/>
  <c r="CK29" i="6"/>
  <c r="BM30" i="6"/>
  <c r="BN30" i="6"/>
  <c r="BO30" i="6"/>
  <c r="BP30" i="6"/>
  <c r="BQ30" i="6"/>
  <c r="BR30" i="6"/>
  <c r="BS30" i="6"/>
  <c r="BT30" i="6"/>
  <c r="BU30" i="6"/>
  <c r="BV30" i="6"/>
  <c r="BW30" i="6"/>
  <c r="BX30" i="6"/>
  <c r="BY30" i="6"/>
  <c r="BZ30" i="6"/>
  <c r="CA30" i="6"/>
  <c r="CB30" i="6"/>
  <c r="CC30" i="6"/>
  <c r="CD30" i="6"/>
  <c r="CE30" i="6"/>
  <c r="CF30" i="6"/>
  <c r="CG30" i="6"/>
  <c r="CH30" i="6"/>
  <c r="CI30" i="6"/>
  <c r="CJ30" i="6"/>
  <c r="CK30" i="6"/>
  <c r="BM31" i="6"/>
  <c r="BN31" i="6"/>
  <c r="BO31" i="6"/>
  <c r="BP31" i="6"/>
  <c r="BQ31" i="6"/>
  <c r="BR31" i="6"/>
  <c r="BS31" i="6"/>
  <c r="BT31" i="6"/>
  <c r="BU31" i="6"/>
  <c r="BV31" i="6"/>
  <c r="BW31" i="6"/>
  <c r="BX31" i="6"/>
  <c r="BY31" i="6"/>
  <c r="BZ31" i="6"/>
  <c r="CA31" i="6"/>
  <c r="CB31" i="6"/>
  <c r="CC31" i="6"/>
  <c r="CD31" i="6"/>
  <c r="CE31" i="6"/>
  <c r="CF31" i="6"/>
  <c r="CG31" i="6"/>
  <c r="CH31" i="6"/>
  <c r="CI31" i="6"/>
  <c r="CJ31" i="6"/>
  <c r="CK31" i="6"/>
  <c r="BM32" i="6"/>
  <c r="BN32" i="6"/>
  <c r="BO32" i="6"/>
  <c r="BP32" i="6"/>
  <c r="BQ32" i="6"/>
  <c r="BR32" i="6"/>
  <c r="BS32" i="6"/>
  <c r="BT32" i="6"/>
  <c r="BU32" i="6"/>
  <c r="BV32" i="6"/>
  <c r="BW32" i="6"/>
  <c r="BX32" i="6"/>
  <c r="BY32" i="6"/>
  <c r="BZ32" i="6"/>
  <c r="CA32" i="6"/>
  <c r="CB32" i="6"/>
  <c r="CC32" i="6"/>
  <c r="CD32" i="6"/>
  <c r="CE32" i="6"/>
  <c r="CF32" i="6"/>
  <c r="CG32" i="6"/>
  <c r="CH32" i="6"/>
  <c r="CI32" i="6"/>
  <c r="CJ32" i="6"/>
  <c r="CK32" i="6"/>
  <c r="BM33" i="6"/>
  <c r="BN33" i="6"/>
  <c r="BO33" i="6"/>
  <c r="BP33" i="6"/>
  <c r="BQ33" i="6"/>
  <c r="BR33" i="6"/>
  <c r="BS33" i="6"/>
  <c r="BT33" i="6"/>
  <c r="BU33" i="6"/>
  <c r="BV33" i="6"/>
  <c r="BW33" i="6"/>
  <c r="BX33" i="6"/>
  <c r="BY33" i="6"/>
  <c r="BZ33" i="6"/>
  <c r="CA33" i="6"/>
  <c r="CB33" i="6"/>
  <c r="CC33" i="6"/>
  <c r="CD33" i="6"/>
  <c r="CE33" i="6"/>
  <c r="CF33" i="6"/>
  <c r="CG33" i="6"/>
  <c r="CH33" i="6"/>
  <c r="CI33" i="6"/>
  <c r="CJ33" i="6"/>
  <c r="CK33" i="6"/>
  <c r="BM34" i="6"/>
  <c r="BN34" i="6"/>
  <c r="BO34" i="6"/>
  <c r="BP34" i="6"/>
  <c r="BQ34" i="6"/>
  <c r="BR34" i="6"/>
  <c r="BS34" i="6"/>
  <c r="BT34" i="6"/>
  <c r="BU34" i="6"/>
  <c r="BV34" i="6"/>
  <c r="BW34" i="6"/>
  <c r="BX34" i="6"/>
  <c r="BY34" i="6"/>
  <c r="BZ34" i="6"/>
  <c r="CA34" i="6"/>
  <c r="CB34" i="6"/>
  <c r="CC34" i="6"/>
  <c r="CD34" i="6"/>
  <c r="CE34" i="6"/>
  <c r="CF34" i="6"/>
  <c r="CG34" i="6"/>
  <c r="CH34" i="6"/>
  <c r="CI34" i="6"/>
  <c r="CJ34" i="6"/>
  <c r="CK34" i="6"/>
  <c r="BM35" i="6"/>
  <c r="BN35" i="6"/>
  <c r="BO35" i="6"/>
  <c r="BP35" i="6"/>
  <c r="BQ35" i="6"/>
  <c r="BR35" i="6"/>
  <c r="BS35" i="6"/>
  <c r="BT35" i="6"/>
  <c r="BU35" i="6"/>
  <c r="BV35" i="6"/>
  <c r="BW35" i="6"/>
  <c r="BX35" i="6"/>
  <c r="BY35" i="6"/>
  <c r="BZ35" i="6"/>
  <c r="CA35" i="6"/>
  <c r="CB35" i="6"/>
  <c r="CC35" i="6"/>
  <c r="CD35" i="6"/>
  <c r="CE35" i="6"/>
  <c r="CF35" i="6"/>
  <c r="CG35" i="6"/>
  <c r="CH35" i="6"/>
  <c r="CI35" i="6"/>
  <c r="CJ35" i="6"/>
  <c r="CK35" i="6"/>
  <c r="BM36" i="6"/>
  <c r="BN36" i="6"/>
  <c r="BO36" i="6"/>
  <c r="BP36" i="6"/>
  <c r="BQ36" i="6"/>
  <c r="BR36" i="6"/>
  <c r="BS36" i="6"/>
  <c r="BT36" i="6"/>
  <c r="BU36" i="6"/>
  <c r="BV36" i="6"/>
  <c r="BW36" i="6"/>
  <c r="BX36" i="6"/>
  <c r="BY36" i="6"/>
  <c r="BZ36" i="6"/>
  <c r="CA36" i="6"/>
  <c r="CB36" i="6"/>
  <c r="CC36" i="6"/>
  <c r="CD36" i="6"/>
  <c r="CE36" i="6"/>
  <c r="CF36" i="6"/>
  <c r="CG36" i="6"/>
  <c r="CH36" i="6"/>
  <c r="CI36" i="6"/>
  <c r="CJ36" i="6"/>
  <c r="CK36" i="6"/>
  <c r="BM37" i="6"/>
  <c r="BN37" i="6"/>
  <c r="BO37" i="6"/>
  <c r="BP37" i="6"/>
  <c r="BQ37" i="6"/>
  <c r="BR37" i="6"/>
  <c r="BS37" i="6"/>
  <c r="BT37" i="6"/>
  <c r="BU37" i="6"/>
  <c r="BV37" i="6"/>
  <c r="BW37" i="6"/>
  <c r="BX37" i="6"/>
  <c r="BY37" i="6"/>
  <c r="BZ37" i="6"/>
  <c r="CA37" i="6"/>
  <c r="CB37" i="6"/>
  <c r="CC37" i="6"/>
  <c r="CD37" i="6"/>
  <c r="CE37" i="6"/>
  <c r="CF37" i="6"/>
  <c r="CG37" i="6"/>
  <c r="CH37" i="6"/>
  <c r="CI37" i="6"/>
  <c r="CJ37" i="6"/>
  <c r="CK37" i="6"/>
  <c r="BM38" i="6"/>
  <c r="BN38" i="6"/>
  <c r="BO38" i="6"/>
  <c r="BP38" i="6"/>
  <c r="BQ38" i="6"/>
  <c r="BR38" i="6"/>
  <c r="BS38" i="6"/>
  <c r="BT38" i="6"/>
  <c r="BU38" i="6"/>
  <c r="BV38" i="6"/>
  <c r="BW38" i="6"/>
  <c r="BX38" i="6"/>
  <c r="BY38" i="6"/>
  <c r="BZ38" i="6"/>
  <c r="CA38" i="6"/>
  <c r="CB38" i="6"/>
  <c r="CC38" i="6"/>
  <c r="CD38" i="6"/>
  <c r="CE38" i="6"/>
  <c r="CF38" i="6"/>
  <c r="CG38" i="6"/>
  <c r="CH38" i="6"/>
  <c r="CI38" i="6"/>
  <c r="CJ38" i="6"/>
  <c r="CK38" i="6"/>
  <c r="BM39" i="6"/>
  <c r="BN39" i="6"/>
  <c r="BO39" i="6"/>
  <c r="BP39" i="6"/>
  <c r="BQ39" i="6"/>
  <c r="BR39" i="6"/>
  <c r="BS39" i="6"/>
  <c r="BT39" i="6"/>
  <c r="BU39" i="6"/>
  <c r="BV39" i="6"/>
  <c r="BW39" i="6"/>
  <c r="BX39" i="6"/>
  <c r="BY39" i="6"/>
  <c r="BZ39" i="6"/>
  <c r="CA39" i="6"/>
  <c r="CB39" i="6"/>
  <c r="CC39" i="6"/>
  <c r="CD39" i="6"/>
  <c r="CE39" i="6"/>
  <c r="CF39" i="6"/>
  <c r="CG39" i="6"/>
  <c r="CH39" i="6"/>
  <c r="CI39" i="6"/>
  <c r="CJ39" i="6"/>
  <c r="CK39" i="6"/>
  <c r="BM40" i="6"/>
  <c r="BN40" i="6"/>
  <c r="BO40" i="6"/>
  <c r="BP40" i="6"/>
  <c r="BQ40" i="6"/>
  <c r="BR40" i="6"/>
  <c r="BS40" i="6"/>
  <c r="BT40" i="6"/>
  <c r="BU40" i="6"/>
  <c r="BV40" i="6"/>
  <c r="BW40" i="6"/>
  <c r="BX40" i="6"/>
  <c r="BY40" i="6"/>
  <c r="BZ40" i="6"/>
  <c r="CA40" i="6"/>
  <c r="CB40" i="6"/>
  <c r="CC40" i="6"/>
  <c r="CD40" i="6"/>
  <c r="CE40" i="6"/>
  <c r="CF40" i="6"/>
  <c r="CG40" i="6"/>
  <c r="CH40" i="6"/>
  <c r="CI40" i="6"/>
  <c r="CJ40" i="6"/>
  <c r="CK40" i="6"/>
  <c r="BM41" i="6"/>
  <c r="BN41" i="6"/>
  <c r="BO41" i="6"/>
  <c r="BP41" i="6"/>
  <c r="BQ41" i="6"/>
  <c r="BR41" i="6"/>
  <c r="BS41" i="6"/>
  <c r="BT41" i="6"/>
  <c r="BU41" i="6"/>
  <c r="BV41" i="6"/>
  <c r="BW41" i="6"/>
  <c r="BX41" i="6"/>
  <c r="BY41" i="6"/>
  <c r="BZ41" i="6"/>
  <c r="CA41" i="6"/>
  <c r="CB41" i="6"/>
  <c r="CC41" i="6"/>
  <c r="CD41" i="6"/>
  <c r="CE41" i="6"/>
  <c r="CF41" i="6"/>
  <c r="CG41" i="6"/>
  <c r="CH41" i="6"/>
  <c r="CI41" i="6"/>
  <c r="CJ41" i="6"/>
  <c r="CK41" i="6"/>
  <c r="BM42" i="6"/>
  <c r="BN42" i="6"/>
  <c r="BO42" i="6"/>
  <c r="BP42" i="6"/>
  <c r="BQ42" i="6"/>
  <c r="BR42" i="6"/>
  <c r="BS42" i="6"/>
  <c r="BT42" i="6"/>
  <c r="BU42" i="6"/>
  <c r="BV42" i="6"/>
  <c r="BW42" i="6"/>
  <c r="BX42" i="6"/>
  <c r="BY42" i="6"/>
  <c r="BZ42" i="6"/>
  <c r="CA42" i="6"/>
  <c r="CB42" i="6"/>
  <c r="CC42" i="6"/>
  <c r="CD42" i="6"/>
  <c r="CE42" i="6"/>
  <c r="CF42" i="6"/>
  <c r="CG42" i="6"/>
  <c r="CH42" i="6"/>
  <c r="CI42" i="6"/>
  <c r="CJ42" i="6"/>
  <c r="CK42" i="6"/>
  <c r="BM43" i="6"/>
  <c r="BN43" i="6"/>
  <c r="BO43" i="6"/>
  <c r="BP43" i="6"/>
  <c r="BQ43" i="6"/>
  <c r="BR43" i="6"/>
  <c r="BS43" i="6"/>
  <c r="BT43" i="6"/>
  <c r="BU43" i="6"/>
  <c r="BV43" i="6"/>
  <c r="BW43" i="6"/>
  <c r="BX43" i="6"/>
  <c r="BY43" i="6"/>
  <c r="BZ43" i="6"/>
  <c r="CA43" i="6"/>
  <c r="CB43" i="6"/>
  <c r="CC43" i="6"/>
  <c r="CD43" i="6"/>
  <c r="CE43" i="6"/>
  <c r="CF43" i="6"/>
  <c r="CG43" i="6"/>
  <c r="CH43" i="6"/>
  <c r="CI43" i="6"/>
  <c r="CJ43" i="6"/>
  <c r="CK43" i="6"/>
  <c r="BM44" i="6"/>
  <c r="BN44" i="6"/>
  <c r="BO44" i="6"/>
  <c r="BP44" i="6"/>
  <c r="BQ44" i="6"/>
  <c r="BR44" i="6"/>
  <c r="BS44" i="6"/>
  <c r="BT44" i="6"/>
  <c r="BU44" i="6"/>
  <c r="BV44" i="6"/>
  <c r="BW44" i="6"/>
  <c r="BX44" i="6"/>
  <c r="BY44" i="6"/>
  <c r="BZ44" i="6"/>
  <c r="CA44" i="6"/>
  <c r="CB44" i="6"/>
  <c r="CC44" i="6"/>
  <c r="CD44" i="6"/>
  <c r="CE44" i="6"/>
  <c r="CF44" i="6"/>
  <c r="CG44" i="6"/>
  <c r="CH44" i="6"/>
  <c r="CI44" i="6"/>
  <c r="CJ44" i="6"/>
  <c r="CK44" i="6"/>
  <c r="BM45" i="6"/>
  <c r="BN45" i="6"/>
  <c r="BO45" i="6"/>
  <c r="BP45" i="6"/>
  <c r="BQ45" i="6"/>
  <c r="BR45" i="6"/>
  <c r="BS45" i="6"/>
  <c r="BT45" i="6"/>
  <c r="BU45" i="6"/>
  <c r="BV45" i="6"/>
  <c r="BW45" i="6"/>
  <c r="BX45" i="6"/>
  <c r="BY45" i="6"/>
  <c r="BZ45" i="6"/>
  <c r="CA45" i="6"/>
  <c r="CB45" i="6"/>
  <c r="CC45" i="6"/>
  <c r="CD45" i="6"/>
  <c r="CE45" i="6"/>
  <c r="CF45" i="6"/>
  <c r="CG45" i="6"/>
  <c r="CH45" i="6"/>
  <c r="CI45" i="6"/>
  <c r="CJ45" i="6"/>
  <c r="CK45" i="6"/>
  <c r="BM46" i="6"/>
  <c r="BN46" i="6"/>
  <c r="BO46" i="6"/>
  <c r="BP46" i="6"/>
  <c r="BQ46" i="6"/>
  <c r="BR46" i="6"/>
  <c r="BS46" i="6"/>
  <c r="BT46" i="6"/>
  <c r="BU46" i="6"/>
  <c r="BV46" i="6"/>
  <c r="BW46" i="6"/>
  <c r="BX46" i="6"/>
  <c r="BY46" i="6"/>
  <c r="BZ46" i="6"/>
  <c r="CA46" i="6"/>
  <c r="CB46" i="6"/>
  <c r="CC46" i="6"/>
  <c r="CD46" i="6"/>
  <c r="CE46" i="6"/>
  <c r="CF46" i="6"/>
  <c r="CG46" i="6"/>
  <c r="CH46" i="6"/>
  <c r="CI46" i="6"/>
  <c r="CJ46" i="6"/>
  <c r="CK46" i="6"/>
  <c r="BN5" i="6"/>
  <c r="BO5" i="6"/>
  <c r="BP5" i="6"/>
  <c r="BQ5" i="6"/>
  <c r="BR5" i="6"/>
  <c r="BS5" i="6"/>
  <c r="BT5" i="6"/>
  <c r="BU5" i="6"/>
  <c r="BV5" i="6"/>
  <c r="BW5" i="6"/>
  <c r="BX5" i="6"/>
  <c r="BY5" i="6"/>
  <c r="BZ5" i="6"/>
  <c r="CA5" i="6"/>
  <c r="CB5" i="6"/>
  <c r="CC5" i="6"/>
  <c r="CD5" i="6"/>
  <c r="CE5" i="6"/>
  <c r="CF5" i="6"/>
  <c r="CG5" i="6"/>
  <c r="CH5" i="6"/>
  <c r="CI5" i="6"/>
  <c r="CJ5" i="6"/>
  <c r="CK5" i="6"/>
  <c r="BM5" i="6"/>
  <c r="AO40" i="7"/>
  <c r="AN40" i="7"/>
  <c r="AM40" i="7"/>
  <c r="AL40" i="7"/>
  <c r="AK40" i="7"/>
  <c r="AJ40" i="7"/>
  <c r="AI40" i="7"/>
  <c r="AH40" i="7"/>
  <c r="AG40" i="7"/>
  <c r="AO39" i="7"/>
  <c r="AN39" i="7"/>
  <c r="AM39" i="7"/>
  <c r="AL39" i="7"/>
  <c r="AK39" i="7"/>
  <c r="AJ39" i="7"/>
  <c r="AI39" i="7"/>
  <c r="AH39" i="7"/>
  <c r="AG39" i="7"/>
  <c r="AO38" i="7"/>
  <c r="AN38" i="7"/>
  <c r="AM38" i="7"/>
  <c r="AL38" i="7"/>
  <c r="AK38" i="7"/>
  <c r="AJ38" i="7"/>
  <c r="AI38" i="7"/>
  <c r="AH38" i="7"/>
  <c r="AG38" i="7"/>
  <c r="AO37" i="7"/>
  <c r="AN37" i="7"/>
  <c r="AM37" i="7"/>
  <c r="AL37" i="7"/>
  <c r="AK37" i="7"/>
  <c r="AJ37" i="7"/>
  <c r="AI37" i="7"/>
  <c r="AH37" i="7"/>
  <c r="AG37" i="7"/>
  <c r="AO36" i="7"/>
  <c r="AN36" i="7"/>
  <c r="AM36" i="7"/>
  <c r="AL36" i="7"/>
  <c r="AK36" i="7"/>
  <c r="AJ36" i="7"/>
  <c r="AI36" i="7"/>
  <c r="AH36" i="7"/>
  <c r="AG36" i="7"/>
  <c r="AO35" i="7"/>
  <c r="AN35" i="7"/>
  <c r="AM35" i="7"/>
  <c r="AL35" i="7"/>
  <c r="AK35" i="7"/>
  <c r="AJ35" i="7"/>
  <c r="AI35" i="7"/>
  <c r="AH35" i="7"/>
  <c r="AG35" i="7"/>
  <c r="AO34" i="7"/>
  <c r="AN34" i="7"/>
  <c r="AM34" i="7"/>
  <c r="AL34" i="7"/>
  <c r="AK34" i="7"/>
  <c r="AJ34" i="7"/>
  <c r="AI34" i="7"/>
  <c r="AH34" i="7"/>
  <c r="AG34" i="7"/>
  <c r="AO33" i="7"/>
  <c r="AN33" i="7"/>
  <c r="AM33" i="7"/>
  <c r="AL33" i="7"/>
  <c r="AK33" i="7"/>
  <c r="AJ33" i="7"/>
  <c r="AI33" i="7"/>
  <c r="AH33" i="7"/>
  <c r="AG33" i="7"/>
  <c r="AO32" i="7"/>
  <c r="AN32" i="7"/>
  <c r="AM32" i="7"/>
  <c r="AL32" i="7"/>
  <c r="AK32" i="7"/>
  <c r="AJ32" i="7"/>
  <c r="AI32" i="7"/>
  <c r="AH32" i="7"/>
  <c r="AG32" i="7"/>
  <c r="AO31" i="7"/>
  <c r="AN31" i="7"/>
  <c r="AM31" i="7"/>
  <c r="AL31" i="7"/>
  <c r="AK31" i="7"/>
  <c r="AJ31" i="7"/>
  <c r="AI31" i="7"/>
  <c r="AH31" i="7"/>
  <c r="AG31" i="7"/>
  <c r="AO30" i="7"/>
  <c r="AN30" i="7"/>
  <c r="AM30" i="7"/>
  <c r="AL30" i="7"/>
  <c r="AK30" i="7"/>
  <c r="AJ30" i="7"/>
  <c r="AI30" i="7"/>
  <c r="AH30" i="7"/>
  <c r="AG30" i="7"/>
  <c r="AO29" i="7"/>
  <c r="AN29" i="7"/>
  <c r="AM29" i="7"/>
  <c r="AL29" i="7"/>
  <c r="AK29" i="7"/>
  <c r="AJ29" i="7"/>
  <c r="AI29" i="7"/>
  <c r="AH29" i="7"/>
  <c r="AG29" i="7"/>
  <c r="AO28" i="7"/>
  <c r="AN28" i="7"/>
  <c r="AM28" i="7"/>
  <c r="AL28" i="7"/>
  <c r="AK28" i="7"/>
  <c r="AJ28" i="7"/>
  <c r="AI28" i="7"/>
  <c r="AH28" i="7"/>
  <c r="AG28" i="7"/>
  <c r="AO27" i="7"/>
  <c r="AN27" i="7"/>
  <c r="AM27" i="7"/>
  <c r="AL27" i="7"/>
  <c r="AK27" i="7"/>
  <c r="AJ27" i="7"/>
  <c r="AI27" i="7"/>
  <c r="AH27" i="7"/>
  <c r="AG27" i="7"/>
  <c r="AO26" i="7"/>
  <c r="AN26" i="7"/>
  <c r="AM26" i="7"/>
  <c r="AL26" i="7"/>
  <c r="AK26" i="7"/>
  <c r="AJ26" i="7"/>
  <c r="AI26" i="7"/>
  <c r="AH26" i="7"/>
  <c r="AG26" i="7"/>
  <c r="AO25" i="7"/>
  <c r="AN25" i="7"/>
  <c r="AM25" i="7"/>
  <c r="AL25" i="7"/>
  <c r="AK25" i="7"/>
  <c r="AJ25" i="7"/>
  <c r="AI25" i="7"/>
  <c r="AH25" i="7"/>
  <c r="AG25" i="7"/>
  <c r="AO24" i="7"/>
  <c r="AN24" i="7"/>
  <c r="AM24" i="7"/>
  <c r="AL24" i="7"/>
  <c r="AK24" i="7"/>
  <c r="AJ24" i="7"/>
  <c r="AI24" i="7"/>
  <c r="AH24" i="7"/>
  <c r="AG24" i="7"/>
  <c r="AO23" i="7"/>
  <c r="AN23" i="7"/>
  <c r="AM23" i="7"/>
  <c r="AL23" i="7"/>
  <c r="AK23" i="7"/>
  <c r="AJ23" i="7"/>
  <c r="AI23" i="7"/>
  <c r="AH23" i="7"/>
  <c r="AG23" i="7"/>
  <c r="AO22" i="7"/>
  <c r="AN22" i="7"/>
  <c r="AM22" i="7"/>
  <c r="AL22" i="7"/>
  <c r="AK22" i="7"/>
  <c r="AJ22" i="7"/>
  <c r="AI22" i="7"/>
  <c r="AH22" i="7"/>
  <c r="AG22" i="7"/>
  <c r="AO21" i="7"/>
  <c r="AN21" i="7"/>
  <c r="AM21" i="7"/>
  <c r="AL21" i="7"/>
  <c r="AK21" i="7"/>
  <c r="AJ21" i="7"/>
  <c r="AI21" i="7"/>
  <c r="AH21" i="7"/>
  <c r="AG21" i="7"/>
  <c r="AO20" i="7"/>
  <c r="AN20" i="7"/>
  <c r="AM20" i="7"/>
  <c r="AL20" i="7"/>
  <c r="AK20" i="7"/>
  <c r="AJ20" i="7"/>
  <c r="AI20" i="7"/>
  <c r="AH20" i="7"/>
  <c r="AG20" i="7"/>
  <c r="AO19" i="7"/>
  <c r="AN19" i="7"/>
  <c r="AM19" i="7"/>
  <c r="AL19" i="7"/>
  <c r="AK19" i="7"/>
  <c r="AJ19" i="7"/>
  <c r="AI19" i="7"/>
  <c r="AH19" i="7"/>
  <c r="AG19" i="7"/>
  <c r="AO18" i="7"/>
  <c r="AN18" i="7"/>
  <c r="AM18" i="7"/>
  <c r="AL18" i="7"/>
  <c r="AK18" i="7"/>
  <c r="AJ18" i="7"/>
  <c r="AI18" i="7"/>
  <c r="AH18" i="7"/>
  <c r="AG18" i="7"/>
  <c r="AO17" i="7"/>
  <c r="AN17" i="7"/>
  <c r="AM17" i="7"/>
  <c r="AL17" i="7"/>
  <c r="AK17" i="7"/>
  <c r="AJ17" i="7"/>
  <c r="AI17" i="7"/>
  <c r="AH17" i="7"/>
  <c r="AG17" i="7"/>
  <c r="AO16" i="7"/>
  <c r="AN16" i="7"/>
  <c r="AM16" i="7"/>
  <c r="AL16" i="7"/>
  <c r="AK16" i="7"/>
  <c r="AJ16" i="7"/>
  <c r="AI16" i="7"/>
  <c r="AH16" i="7"/>
  <c r="AG16" i="7"/>
  <c r="AO15" i="7"/>
  <c r="AN15" i="7"/>
  <c r="AM15" i="7"/>
  <c r="AL15" i="7"/>
  <c r="AK15" i="7"/>
  <c r="AJ15" i="7"/>
  <c r="AI15" i="7"/>
  <c r="AH15" i="7"/>
  <c r="AG15" i="7"/>
  <c r="AO14" i="7"/>
  <c r="AN14" i="7"/>
  <c r="AM14" i="7"/>
  <c r="AL14" i="7"/>
  <c r="AK14" i="7"/>
  <c r="AJ14" i="7"/>
  <c r="AI14" i="7"/>
  <c r="AH14" i="7"/>
  <c r="AG14" i="7"/>
  <c r="AO13" i="7"/>
  <c r="AN13" i="7"/>
  <c r="AM13" i="7"/>
  <c r="AL13" i="7"/>
  <c r="AK13" i="7"/>
  <c r="AJ13" i="7"/>
  <c r="AI13" i="7"/>
  <c r="AH13" i="7"/>
  <c r="AG13" i="7"/>
  <c r="AO12" i="7"/>
  <c r="AN12" i="7"/>
  <c r="AM12" i="7"/>
  <c r="AL12" i="7"/>
  <c r="AK12" i="7"/>
  <c r="AJ12" i="7"/>
  <c r="AI12" i="7"/>
  <c r="AH12" i="7"/>
  <c r="AG12" i="7"/>
  <c r="AO11" i="7"/>
  <c r="AN11" i="7"/>
  <c r="AM11" i="7"/>
  <c r="AL11" i="7"/>
  <c r="AK11" i="7"/>
  <c r="AJ11" i="7"/>
  <c r="AI11" i="7"/>
  <c r="AH11" i="7"/>
  <c r="AG11" i="7"/>
  <c r="AO10" i="7"/>
  <c r="AN10" i="7"/>
  <c r="AM10" i="7"/>
  <c r="AL10" i="7"/>
  <c r="AK10" i="7"/>
  <c r="AJ10" i="7"/>
  <c r="AI10" i="7"/>
  <c r="AH10" i="7"/>
  <c r="AG10" i="7"/>
  <c r="AO9" i="7"/>
  <c r="AN9" i="7"/>
  <c r="AM9" i="7"/>
  <c r="AL9" i="7"/>
  <c r="AK9" i="7"/>
  <c r="AJ9" i="7"/>
  <c r="AI9" i="7"/>
  <c r="AH9" i="7"/>
  <c r="AG9" i="7"/>
  <c r="AO8" i="7"/>
  <c r="AN8" i="7"/>
  <c r="AM8" i="7"/>
  <c r="AL8" i="7"/>
  <c r="AK8" i="7"/>
  <c r="AJ8" i="7"/>
  <c r="AI8" i="7"/>
  <c r="AH8" i="7"/>
  <c r="AG8" i="7"/>
  <c r="AO7" i="7"/>
  <c r="AN7" i="7"/>
  <c r="AM7" i="7"/>
  <c r="AL7" i="7"/>
  <c r="AK7" i="7"/>
  <c r="AJ7" i="7"/>
  <c r="AI7" i="7"/>
  <c r="AH7" i="7"/>
  <c r="AG7" i="7"/>
  <c r="AO6" i="7"/>
  <c r="AN6" i="7"/>
  <c r="AM6" i="7"/>
  <c r="AL6" i="7"/>
  <c r="AK6" i="7"/>
  <c r="AJ6" i="7"/>
  <c r="AI6" i="7"/>
  <c r="AH6" i="7"/>
  <c r="AG6" i="7"/>
  <c r="AO5" i="7"/>
  <c r="AN5" i="7"/>
  <c r="AM5" i="7"/>
  <c r="AL5" i="7"/>
  <c r="AK5" i="7"/>
  <c r="AJ5" i="7"/>
  <c r="AI5" i="7"/>
  <c r="AH5" i="7"/>
  <c r="AG5" i="7"/>
  <c r="BM6" i="5"/>
  <c r="BN6" i="5"/>
  <c r="BO6" i="5"/>
  <c r="BP6" i="5"/>
  <c r="BQ6" i="5"/>
  <c r="BR6" i="5"/>
  <c r="BS6" i="5"/>
  <c r="BT6" i="5"/>
  <c r="BU6" i="5"/>
  <c r="BV6" i="5"/>
  <c r="BW6" i="5"/>
  <c r="BX6" i="5"/>
  <c r="BY6" i="5"/>
  <c r="BZ6" i="5"/>
  <c r="CA6" i="5"/>
  <c r="CB6" i="5"/>
  <c r="CC6" i="5"/>
  <c r="CD6" i="5"/>
  <c r="CE6" i="5"/>
  <c r="CF6" i="5"/>
  <c r="CG6" i="5"/>
  <c r="CH6" i="5"/>
  <c r="CI6" i="5"/>
  <c r="CJ6" i="5"/>
  <c r="CK6" i="5"/>
  <c r="BM7" i="5"/>
  <c r="BN7" i="5"/>
  <c r="BO7" i="5"/>
  <c r="BP7" i="5"/>
  <c r="BQ7" i="5"/>
  <c r="BR7" i="5"/>
  <c r="BS7" i="5"/>
  <c r="BT7" i="5"/>
  <c r="BU7" i="5"/>
  <c r="BV7" i="5"/>
  <c r="BW7" i="5"/>
  <c r="BX7" i="5"/>
  <c r="BY7" i="5"/>
  <c r="BZ7" i="5"/>
  <c r="CA7" i="5"/>
  <c r="CB7" i="5"/>
  <c r="CC7" i="5"/>
  <c r="CD7" i="5"/>
  <c r="CE7" i="5"/>
  <c r="CF7" i="5"/>
  <c r="CG7" i="5"/>
  <c r="CH7" i="5"/>
  <c r="CI7" i="5"/>
  <c r="CJ7" i="5"/>
  <c r="CK7" i="5"/>
  <c r="BM8" i="5"/>
  <c r="BN8" i="5"/>
  <c r="BO8" i="5"/>
  <c r="BP8" i="5"/>
  <c r="BQ8" i="5"/>
  <c r="BR8" i="5"/>
  <c r="BS8" i="5"/>
  <c r="BT8" i="5"/>
  <c r="BU8" i="5"/>
  <c r="BV8" i="5"/>
  <c r="BW8" i="5"/>
  <c r="BX8" i="5"/>
  <c r="BY8" i="5"/>
  <c r="BZ8" i="5"/>
  <c r="CA8" i="5"/>
  <c r="CB8" i="5"/>
  <c r="CC8" i="5"/>
  <c r="CD8" i="5"/>
  <c r="CE8" i="5"/>
  <c r="CF8" i="5"/>
  <c r="CG8" i="5"/>
  <c r="CH8" i="5"/>
  <c r="CI8" i="5"/>
  <c r="CJ8" i="5"/>
  <c r="CK8" i="5"/>
  <c r="BM9" i="5"/>
  <c r="BN9" i="5"/>
  <c r="BO9" i="5"/>
  <c r="BP9" i="5"/>
  <c r="BQ9" i="5"/>
  <c r="BR9" i="5"/>
  <c r="BS9" i="5"/>
  <c r="BT9" i="5"/>
  <c r="BU9" i="5"/>
  <c r="BV9" i="5"/>
  <c r="BW9" i="5"/>
  <c r="BX9" i="5"/>
  <c r="BY9" i="5"/>
  <c r="BZ9" i="5"/>
  <c r="CA9" i="5"/>
  <c r="CB9" i="5"/>
  <c r="CC9" i="5"/>
  <c r="CD9" i="5"/>
  <c r="CE9" i="5"/>
  <c r="CF9" i="5"/>
  <c r="CG9" i="5"/>
  <c r="CH9" i="5"/>
  <c r="CI9" i="5"/>
  <c r="CJ9" i="5"/>
  <c r="CK9" i="5"/>
  <c r="BM10" i="5"/>
  <c r="BN10" i="5"/>
  <c r="BO10" i="5"/>
  <c r="BP10" i="5"/>
  <c r="BQ10" i="5"/>
  <c r="BR10" i="5"/>
  <c r="BS10" i="5"/>
  <c r="BT10" i="5"/>
  <c r="BU10" i="5"/>
  <c r="BV10" i="5"/>
  <c r="BW10" i="5"/>
  <c r="BX10" i="5"/>
  <c r="BY10" i="5"/>
  <c r="BZ10" i="5"/>
  <c r="CA10" i="5"/>
  <c r="CB10" i="5"/>
  <c r="CC10" i="5"/>
  <c r="CD10" i="5"/>
  <c r="CE10" i="5"/>
  <c r="CF10" i="5"/>
  <c r="CG10" i="5"/>
  <c r="CH10" i="5"/>
  <c r="CI10" i="5"/>
  <c r="CJ10" i="5"/>
  <c r="CK10" i="5"/>
  <c r="BM11" i="5"/>
  <c r="BN11" i="5"/>
  <c r="BO11" i="5"/>
  <c r="BP11" i="5"/>
  <c r="BQ11" i="5"/>
  <c r="BR11" i="5"/>
  <c r="BS11" i="5"/>
  <c r="BT11" i="5"/>
  <c r="BU11" i="5"/>
  <c r="BV11" i="5"/>
  <c r="BW11" i="5"/>
  <c r="BX11" i="5"/>
  <c r="BY11" i="5"/>
  <c r="BZ11" i="5"/>
  <c r="CA11" i="5"/>
  <c r="CB11" i="5"/>
  <c r="CC11" i="5"/>
  <c r="CD11" i="5"/>
  <c r="CE11" i="5"/>
  <c r="CF11" i="5"/>
  <c r="CG11" i="5"/>
  <c r="CH11" i="5"/>
  <c r="CI11" i="5"/>
  <c r="CJ11" i="5"/>
  <c r="CK11" i="5"/>
  <c r="BM12" i="5"/>
  <c r="BN12" i="5"/>
  <c r="BO12" i="5"/>
  <c r="BP12" i="5"/>
  <c r="BQ12" i="5"/>
  <c r="BR12" i="5"/>
  <c r="BS12" i="5"/>
  <c r="BT12" i="5"/>
  <c r="BU12" i="5"/>
  <c r="BV12" i="5"/>
  <c r="BW12" i="5"/>
  <c r="BX12" i="5"/>
  <c r="BY12" i="5"/>
  <c r="BZ12" i="5"/>
  <c r="CA12" i="5"/>
  <c r="CB12" i="5"/>
  <c r="CC12" i="5"/>
  <c r="CD12" i="5"/>
  <c r="CE12" i="5"/>
  <c r="CF12" i="5"/>
  <c r="CG12" i="5"/>
  <c r="CH12" i="5"/>
  <c r="CI12" i="5"/>
  <c r="CJ12" i="5"/>
  <c r="CK12" i="5"/>
  <c r="BM13" i="5"/>
  <c r="BN13" i="5"/>
  <c r="BO13" i="5"/>
  <c r="BP13" i="5"/>
  <c r="BQ13" i="5"/>
  <c r="BR13" i="5"/>
  <c r="BS13" i="5"/>
  <c r="BT13" i="5"/>
  <c r="BU13" i="5"/>
  <c r="BV13" i="5"/>
  <c r="BW13" i="5"/>
  <c r="BX13" i="5"/>
  <c r="BY13" i="5"/>
  <c r="BZ13" i="5"/>
  <c r="CA13" i="5"/>
  <c r="CB13" i="5"/>
  <c r="CC13" i="5"/>
  <c r="CD13" i="5"/>
  <c r="CE13" i="5"/>
  <c r="CF13" i="5"/>
  <c r="CG13" i="5"/>
  <c r="CH13" i="5"/>
  <c r="CI13" i="5"/>
  <c r="CJ13" i="5"/>
  <c r="CK13" i="5"/>
  <c r="BM14" i="5"/>
  <c r="BN14" i="5"/>
  <c r="BO14" i="5"/>
  <c r="BP14" i="5"/>
  <c r="BQ14" i="5"/>
  <c r="BR14" i="5"/>
  <c r="BS14" i="5"/>
  <c r="BT14" i="5"/>
  <c r="BU14" i="5"/>
  <c r="BV14" i="5"/>
  <c r="BW14" i="5"/>
  <c r="BX14" i="5"/>
  <c r="BY14" i="5"/>
  <c r="BZ14" i="5"/>
  <c r="CA14" i="5"/>
  <c r="CB14" i="5"/>
  <c r="CC14" i="5"/>
  <c r="CD14" i="5"/>
  <c r="CE14" i="5"/>
  <c r="CF14" i="5"/>
  <c r="CG14" i="5"/>
  <c r="CH14" i="5"/>
  <c r="CI14" i="5"/>
  <c r="CJ14" i="5"/>
  <c r="CK14" i="5"/>
  <c r="BM15" i="5"/>
  <c r="BN15" i="5"/>
  <c r="BO15" i="5"/>
  <c r="BP15" i="5"/>
  <c r="BQ15" i="5"/>
  <c r="BR15" i="5"/>
  <c r="BS15" i="5"/>
  <c r="BT15" i="5"/>
  <c r="BU15" i="5"/>
  <c r="BV15" i="5"/>
  <c r="BW15" i="5"/>
  <c r="BX15" i="5"/>
  <c r="BY15" i="5"/>
  <c r="BZ15" i="5"/>
  <c r="CA15" i="5"/>
  <c r="CB15" i="5"/>
  <c r="CC15" i="5"/>
  <c r="CD15" i="5"/>
  <c r="CE15" i="5"/>
  <c r="CF15" i="5"/>
  <c r="CG15" i="5"/>
  <c r="CH15" i="5"/>
  <c r="CI15" i="5"/>
  <c r="CJ15" i="5"/>
  <c r="CK15" i="5"/>
  <c r="BM16" i="5"/>
  <c r="BN16" i="5"/>
  <c r="BO16" i="5"/>
  <c r="BP16" i="5"/>
  <c r="BQ16" i="5"/>
  <c r="BR16" i="5"/>
  <c r="BS16" i="5"/>
  <c r="BT16" i="5"/>
  <c r="BU16" i="5"/>
  <c r="BV16" i="5"/>
  <c r="BW16" i="5"/>
  <c r="BX16" i="5"/>
  <c r="BY16" i="5"/>
  <c r="BZ16" i="5"/>
  <c r="CA16" i="5"/>
  <c r="CB16" i="5"/>
  <c r="CC16" i="5"/>
  <c r="CD16" i="5"/>
  <c r="CE16" i="5"/>
  <c r="CF16" i="5"/>
  <c r="CG16" i="5"/>
  <c r="CH16" i="5"/>
  <c r="CI16" i="5"/>
  <c r="CJ16" i="5"/>
  <c r="CK16" i="5"/>
  <c r="BM17" i="5"/>
  <c r="BN17" i="5"/>
  <c r="BO17" i="5"/>
  <c r="BP17" i="5"/>
  <c r="BQ17" i="5"/>
  <c r="BR17" i="5"/>
  <c r="BS17" i="5"/>
  <c r="BT17" i="5"/>
  <c r="BU17" i="5"/>
  <c r="BV17" i="5"/>
  <c r="BW17" i="5"/>
  <c r="BX17" i="5"/>
  <c r="BY17" i="5"/>
  <c r="BZ17" i="5"/>
  <c r="CA17" i="5"/>
  <c r="CB17" i="5"/>
  <c r="CC17" i="5"/>
  <c r="CD17" i="5"/>
  <c r="CE17" i="5"/>
  <c r="CF17" i="5"/>
  <c r="CG17" i="5"/>
  <c r="CH17" i="5"/>
  <c r="CI17" i="5"/>
  <c r="CJ17" i="5"/>
  <c r="CK17" i="5"/>
  <c r="BM18" i="5"/>
  <c r="BN18" i="5"/>
  <c r="BO18" i="5"/>
  <c r="BP18" i="5"/>
  <c r="BQ18" i="5"/>
  <c r="BR18" i="5"/>
  <c r="BS18" i="5"/>
  <c r="BT18" i="5"/>
  <c r="BU18" i="5"/>
  <c r="BV18" i="5"/>
  <c r="BW18" i="5"/>
  <c r="BX18" i="5"/>
  <c r="BY18" i="5"/>
  <c r="BZ18" i="5"/>
  <c r="CA18" i="5"/>
  <c r="CB18" i="5"/>
  <c r="CC18" i="5"/>
  <c r="CD18" i="5"/>
  <c r="CE18" i="5"/>
  <c r="CF18" i="5"/>
  <c r="CG18" i="5"/>
  <c r="CH18" i="5"/>
  <c r="CI18" i="5"/>
  <c r="CJ18" i="5"/>
  <c r="CK18" i="5"/>
  <c r="BM19" i="5"/>
  <c r="BN19" i="5"/>
  <c r="BO19" i="5"/>
  <c r="BP19" i="5"/>
  <c r="BQ19" i="5"/>
  <c r="BR19" i="5"/>
  <c r="BS19" i="5"/>
  <c r="BT19" i="5"/>
  <c r="BU19" i="5"/>
  <c r="BV19" i="5"/>
  <c r="BW19" i="5"/>
  <c r="BX19" i="5"/>
  <c r="BY19" i="5"/>
  <c r="BZ19" i="5"/>
  <c r="CA19" i="5"/>
  <c r="CB19" i="5"/>
  <c r="CC19" i="5"/>
  <c r="CD19" i="5"/>
  <c r="CE19" i="5"/>
  <c r="CF19" i="5"/>
  <c r="CG19" i="5"/>
  <c r="CH19" i="5"/>
  <c r="CI19" i="5"/>
  <c r="CJ19" i="5"/>
  <c r="CK19" i="5"/>
  <c r="BM20" i="5"/>
  <c r="BN20" i="5"/>
  <c r="BO20" i="5"/>
  <c r="BP20" i="5"/>
  <c r="BQ20" i="5"/>
  <c r="BR20" i="5"/>
  <c r="BS20" i="5"/>
  <c r="BT20" i="5"/>
  <c r="BU20" i="5"/>
  <c r="BV20" i="5"/>
  <c r="BW20" i="5"/>
  <c r="BX20" i="5"/>
  <c r="BY20" i="5"/>
  <c r="BZ20" i="5"/>
  <c r="CA20" i="5"/>
  <c r="CB20" i="5"/>
  <c r="CC20" i="5"/>
  <c r="CD20" i="5"/>
  <c r="CE20" i="5"/>
  <c r="CF20" i="5"/>
  <c r="CG20" i="5"/>
  <c r="CH20" i="5"/>
  <c r="CI20" i="5"/>
  <c r="CJ20" i="5"/>
  <c r="CK20" i="5"/>
  <c r="BM21" i="5"/>
  <c r="BN21" i="5"/>
  <c r="BO21" i="5"/>
  <c r="BP21" i="5"/>
  <c r="BQ21" i="5"/>
  <c r="BR21" i="5"/>
  <c r="BS21" i="5"/>
  <c r="BT21" i="5"/>
  <c r="BU21" i="5"/>
  <c r="BV21" i="5"/>
  <c r="BW21" i="5"/>
  <c r="BX21" i="5"/>
  <c r="BY21" i="5"/>
  <c r="BZ21" i="5"/>
  <c r="CA21" i="5"/>
  <c r="CB21" i="5"/>
  <c r="CC21" i="5"/>
  <c r="CD21" i="5"/>
  <c r="CE21" i="5"/>
  <c r="CF21" i="5"/>
  <c r="CG21" i="5"/>
  <c r="CH21" i="5"/>
  <c r="CI21" i="5"/>
  <c r="CJ21" i="5"/>
  <c r="CK21" i="5"/>
  <c r="BM22" i="5"/>
  <c r="BN22" i="5"/>
  <c r="BO22" i="5"/>
  <c r="BP22" i="5"/>
  <c r="BQ22" i="5"/>
  <c r="BR22" i="5"/>
  <c r="BS22" i="5"/>
  <c r="BT22" i="5"/>
  <c r="BU22" i="5"/>
  <c r="BV22" i="5"/>
  <c r="BW22" i="5"/>
  <c r="BX22" i="5"/>
  <c r="BY22" i="5"/>
  <c r="BZ22" i="5"/>
  <c r="CA22" i="5"/>
  <c r="CB22" i="5"/>
  <c r="CC22" i="5"/>
  <c r="CD22" i="5"/>
  <c r="CE22" i="5"/>
  <c r="CF22" i="5"/>
  <c r="CG22" i="5"/>
  <c r="CH22" i="5"/>
  <c r="CI22" i="5"/>
  <c r="CJ22" i="5"/>
  <c r="CK22" i="5"/>
  <c r="BM23" i="5"/>
  <c r="BN23" i="5"/>
  <c r="BO23" i="5"/>
  <c r="BP23" i="5"/>
  <c r="BQ23" i="5"/>
  <c r="BR23" i="5"/>
  <c r="BS23" i="5"/>
  <c r="BT23" i="5"/>
  <c r="BU23" i="5"/>
  <c r="BV23" i="5"/>
  <c r="BW23" i="5"/>
  <c r="BX23" i="5"/>
  <c r="BY23" i="5"/>
  <c r="BZ23" i="5"/>
  <c r="CA23" i="5"/>
  <c r="CB23" i="5"/>
  <c r="CC23" i="5"/>
  <c r="CD23" i="5"/>
  <c r="CE23" i="5"/>
  <c r="CF23" i="5"/>
  <c r="CG23" i="5"/>
  <c r="CH23" i="5"/>
  <c r="CI23" i="5"/>
  <c r="CJ23" i="5"/>
  <c r="CK23" i="5"/>
  <c r="BM24" i="5"/>
  <c r="BN24" i="5"/>
  <c r="BO24" i="5"/>
  <c r="BP24" i="5"/>
  <c r="BQ24" i="5"/>
  <c r="BR24" i="5"/>
  <c r="BS24" i="5"/>
  <c r="BT24" i="5"/>
  <c r="BU24" i="5"/>
  <c r="BV24" i="5"/>
  <c r="BW24" i="5"/>
  <c r="BX24" i="5"/>
  <c r="BY24" i="5"/>
  <c r="BZ24" i="5"/>
  <c r="CA24" i="5"/>
  <c r="CB24" i="5"/>
  <c r="CC24" i="5"/>
  <c r="CD24" i="5"/>
  <c r="CE24" i="5"/>
  <c r="CF24" i="5"/>
  <c r="CG24" i="5"/>
  <c r="CH24" i="5"/>
  <c r="CI24" i="5"/>
  <c r="CJ24" i="5"/>
  <c r="CK24" i="5"/>
  <c r="BM25" i="5"/>
  <c r="BN25" i="5"/>
  <c r="BO25" i="5"/>
  <c r="BP25" i="5"/>
  <c r="BQ25" i="5"/>
  <c r="BR25" i="5"/>
  <c r="BS25" i="5"/>
  <c r="BT25" i="5"/>
  <c r="BU25" i="5"/>
  <c r="BV25" i="5"/>
  <c r="BW25" i="5"/>
  <c r="BX25" i="5"/>
  <c r="BY25" i="5"/>
  <c r="BZ25" i="5"/>
  <c r="CA25" i="5"/>
  <c r="CB25" i="5"/>
  <c r="CC25" i="5"/>
  <c r="CD25" i="5"/>
  <c r="CE25" i="5"/>
  <c r="CF25" i="5"/>
  <c r="CG25" i="5"/>
  <c r="CH25" i="5"/>
  <c r="CI25" i="5"/>
  <c r="CJ25" i="5"/>
  <c r="CK25" i="5"/>
  <c r="BM26" i="5"/>
  <c r="BN26" i="5"/>
  <c r="BO26" i="5"/>
  <c r="BP26" i="5"/>
  <c r="BQ26" i="5"/>
  <c r="BR26" i="5"/>
  <c r="BS26" i="5"/>
  <c r="BT26" i="5"/>
  <c r="BU26" i="5"/>
  <c r="BV26" i="5"/>
  <c r="BW26" i="5"/>
  <c r="BX26" i="5"/>
  <c r="BY26" i="5"/>
  <c r="BZ26" i="5"/>
  <c r="CA26" i="5"/>
  <c r="CB26" i="5"/>
  <c r="CC26" i="5"/>
  <c r="CD26" i="5"/>
  <c r="CE26" i="5"/>
  <c r="CF26" i="5"/>
  <c r="CG26" i="5"/>
  <c r="CH26" i="5"/>
  <c r="CI26" i="5"/>
  <c r="CJ26" i="5"/>
  <c r="CK26" i="5"/>
  <c r="BM27" i="5"/>
  <c r="BN27" i="5"/>
  <c r="BO27" i="5"/>
  <c r="BP27" i="5"/>
  <c r="BQ27" i="5"/>
  <c r="BR27" i="5"/>
  <c r="BS27" i="5"/>
  <c r="BT27" i="5"/>
  <c r="BU27" i="5"/>
  <c r="BV27" i="5"/>
  <c r="BW27" i="5"/>
  <c r="BX27" i="5"/>
  <c r="BY27" i="5"/>
  <c r="BZ27" i="5"/>
  <c r="CA27" i="5"/>
  <c r="CB27" i="5"/>
  <c r="CC27" i="5"/>
  <c r="CD27" i="5"/>
  <c r="CE27" i="5"/>
  <c r="CF27" i="5"/>
  <c r="CG27" i="5"/>
  <c r="CH27" i="5"/>
  <c r="CI27" i="5"/>
  <c r="CJ27" i="5"/>
  <c r="CK27" i="5"/>
  <c r="BM28" i="5"/>
  <c r="BN28" i="5"/>
  <c r="BO28" i="5"/>
  <c r="BP28" i="5"/>
  <c r="BQ28" i="5"/>
  <c r="BR28" i="5"/>
  <c r="BS28" i="5"/>
  <c r="BT28" i="5"/>
  <c r="BU28" i="5"/>
  <c r="BV28" i="5"/>
  <c r="BW28" i="5"/>
  <c r="BX28" i="5"/>
  <c r="BY28" i="5"/>
  <c r="BZ28" i="5"/>
  <c r="CA28" i="5"/>
  <c r="CB28" i="5"/>
  <c r="CC28" i="5"/>
  <c r="CD28" i="5"/>
  <c r="CE28" i="5"/>
  <c r="CF28" i="5"/>
  <c r="CG28" i="5"/>
  <c r="CH28" i="5"/>
  <c r="CI28" i="5"/>
  <c r="CJ28" i="5"/>
  <c r="CK28" i="5"/>
  <c r="BM29" i="5"/>
  <c r="BN29" i="5"/>
  <c r="BO29" i="5"/>
  <c r="BP29" i="5"/>
  <c r="BQ29" i="5"/>
  <c r="BR29" i="5"/>
  <c r="BS29" i="5"/>
  <c r="BT29" i="5"/>
  <c r="BU29" i="5"/>
  <c r="BV29" i="5"/>
  <c r="BW29" i="5"/>
  <c r="BX29" i="5"/>
  <c r="BY29" i="5"/>
  <c r="BZ29" i="5"/>
  <c r="CA29" i="5"/>
  <c r="CB29" i="5"/>
  <c r="CC29" i="5"/>
  <c r="CD29" i="5"/>
  <c r="CE29" i="5"/>
  <c r="CF29" i="5"/>
  <c r="CG29" i="5"/>
  <c r="CH29" i="5"/>
  <c r="CI29" i="5"/>
  <c r="CJ29" i="5"/>
  <c r="CK29" i="5"/>
  <c r="BM30" i="5"/>
  <c r="BN30" i="5"/>
  <c r="BO30" i="5"/>
  <c r="BP30" i="5"/>
  <c r="BQ30" i="5"/>
  <c r="BR30" i="5"/>
  <c r="BS30" i="5"/>
  <c r="BT30" i="5"/>
  <c r="BU30" i="5"/>
  <c r="BV30" i="5"/>
  <c r="BW30" i="5"/>
  <c r="BX30" i="5"/>
  <c r="BY30" i="5"/>
  <c r="BZ30" i="5"/>
  <c r="CA30" i="5"/>
  <c r="CB30" i="5"/>
  <c r="CC30" i="5"/>
  <c r="CD30" i="5"/>
  <c r="CE30" i="5"/>
  <c r="CF30" i="5"/>
  <c r="CG30" i="5"/>
  <c r="CH30" i="5"/>
  <c r="CI30" i="5"/>
  <c r="CJ30" i="5"/>
  <c r="CK30" i="5"/>
  <c r="BM31" i="5"/>
  <c r="BN31" i="5"/>
  <c r="BO31" i="5"/>
  <c r="BP31" i="5"/>
  <c r="BQ31" i="5"/>
  <c r="BR31" i="5"/>
  <c r="BS31" i="5"/>
  <c r="BT31" i="5"/>
  <c r="BU31" i="5"/>
  <c r="BV31" i="5"/>
  <c r="BW31" i="5"/>
  <c r="BX31" i="5"/>
  <c r="BY31" i="5"/>
  <c r="BZ31" i="5"/>
  <c r="CA31" i="5"/>
  <c r="CB31" i="5"/>
  <c r="CC31" i="5"/>
  <c r="CD31" i="5"/>
  <c r="CE31" i="5"/>
  <c r="CF31" i="5"/>
  <c r="CG31" i="5"/>
  <c r="CH31" i="5"/>
  <c r="CI31" i="5"/>
  <c r="CJ31" i="5"/>
  <c r="CK31" i="5"/>
  <c r="BM32" i="5"/>
  <c r="BN32" i="5"/>
  <c r="BO32" i="5"/>
  <c r="BP32" i="5"/>
  <c r="BQ32" i="5"/>
  <c r="BR32" i="5"/>
  <c r="BS32" i="5"/>
  <c r="BT32" i="5"/>
  <c r="BU32" i="5"/>
  <c r="BV32" i="5"/>
  <c r="BW32" i="5"/>
  <c r="BX32" i="5"/>
  <c r="BY32" i="5"/>
  <c r="BZ32" i="5"/>
  <c r="CA32" i="5"/>
  <c r="CB32" i="5"/>
  <c r="CC32" i="5"/>
  <c r="CD32" i="5"/>
  <c r="CE32" i="5"/>
  <c r="CF32" i="5"/>
  <c r="CG32" i="5"/>
  <c r="CH32" i="5"/>
  <c r="CI32" i="5"/>
  <c r="CJ32" i="5"/>
  <c r="CK32" i="5"/>
  <c r="BM33" i="5"/>
  <c r="BN33" i="5"/>
  <c r="BO33" i="5"/>
  <c r="BP33" i="5"/>
  <c r="BQ33" i="5"/>
  <c r="BR33" i="5"/>
  <c r="BS33" i="5"/>
  <c r="BT33" i="5"/>
  <c r="BU33" i="5"/>
  <c r="BV33" i="5"/>
  <c r="BW33" i="5"/>
  <c r="BX33" i="5"/>
  <c r="BY33" i="5"/>
  <c r="BZ33" i="5"/>
  <c r="CA33" i="5"/>
  <c r="CB33" i="5"/>
  <c r="CC33" i="5"/>
  <c r="CD33" i="5"/>
  <c r="CE33" i="5"/>
  <c r="CF33" i="5"/>
  <c r="CG33" i="5"/>
  <c r="CH33" i="5"/>
  <c r="CI33" i="5"/>
  <c r="CJ33" i="5"/>
  <c r="CK33" i="5"/>
  <c r="BM34" i="5"/>
  <c r="BN34" i="5"/>
  <c r="BO34" i="5"/>
  <c r="BP34" i="5"/>
  <c r="BQ34" i="5"/>
  <c r="BR34" i="5"/>
  <c r="BS34" i="5"/>
  <c r="BT34" i="5"/>
  <c r="BU34" i="5"/>
  <c r="BV34" i="5"/>
  <c r="BW34" i="5"/>
  <c r="BX34" i="5"/>
  <c r="BY34" i="5"/>
  <c r="BZ34" i="5"/>
  <c r="CA34" i="5"/>
  <c r="CB34" i="5"/>
  <c r="CC34" i="5"/>
  <c r="CD34" i="5"/>
  <c r="CE34" i="5"/>
  <c r="CF34" i="5"/>
  <c r="CG34" i="5"/>
  <c r="CH34" i="5"/>
  <c r="CI34" i="5"/>
  <c r="CJ34" i="5"/>
  <c r="CK34" i="5"/>
  <c r="BM35" i="5"/>
  <c r="BN35" i="5"/>
  <c r="BO35" i="5"/>
  <c r="BP35" i="5"/>
  <c r="BQ35" i="5"/>
  <c r="BR35" i="5"/>
  <c r="BS35" i="5"/>
  <c r="BT35" i="5"/>
  <c r="BU35" i="5"/>
  <c r="BV35" i="5"/>
  <c r="BW35" i="5"/>
  <c r="BX35" i="5"/>
  <c r="BY35" i="5"/>
  <c r="BZ35" i="5"/>
  <c r="CA35" i="5"/>
  <c r="CB35" i="5"/>
  <c r="CC35" i="5"/>
  <c r="CD35" i="5"/>
  <c r="CE35" i="5"/>
  <c r="CF35" i="5"/>
  <c r="CG35" i="5"/>
  <c r="CH35" i="5"/>
  <c r="CI35" i="5"/>
  <c r="CJ35" i="5"/>
  <c r="CK35" i="5"/>
  <c r="BM36" i="5"/>
  <c r="BN36" i="5"/>
  <c r="BO36" i="5"/>
  <c r="BP36" i="5"/>
  <c r="BQ36" i="5"/>
  <c r="BR36" i="5"/>
  <c r="BS36" i="5"/>
  <c r="BT36" i="5"/>
  <c r="BU36" i="5"/>
  <c r="BV36" i="5"/>
  <c r="BW36" i="5"/>
  <c r="BX36" i="5"/>
  <c r="BY36" i="5"/>
  <c r="BZ36" i="5"/>
  <c r="CA36" i="5"/>
  <c r="CB36" i="5"/>
  <c r="CC36" i="5"/>
  <c r="CD36" i="5"/>
  <c r="CE36" i="5"/>
  <c r="CF36" i="5"/>
  <c r="CG36" i="5"/>
  <c r="CH36" i="5"/>
  <c r="CI36" i="5"/>
  <c r="CJ36" i="5"/>
  <c r="CK36" i="5"/>
  <c r="BM37" i="5"/>
  <c r="BN37" i="5"/>
  <c r="BO37" i="5"/>
  <c r="BP37" i="5"/>
  <c r="BQ37" i="5"/>
  <c r="BR37" i="5"/>
  <c r="BS37" i="5"/>
  <c r="BT37" i="5"/>
  <c r="BU37" i="5"/>
  <c r="BV37" i="5"/>
  <c r="BW37" i="5"/>
  <c r="BX37" i="5"/>
  <c r="BY37" i="5"/>
  <c r="BZ37" i="5"/>
  <c r="CA37" i="5"/>
  <c r="CB37" i="5"/>
  <c r="CC37" i="5"/>
  <c r="CD37" i="5"/>
  <c r="CE37" i="5"/>
  <c r="CF37" i="5"/>
  <c r="CG37" i="5"/>
  <c r="CH37" i="5"/>
  <c r="CI37" i="5"/>
  <c r="CJ37" i="5"/>
  <c r="CK37" i="5"/>
  <c r="BM38" i="5"/>
  <c r="BN38" i="5"/>
  <c r="BO38" i="5"/>
  <c r="BP38" i="5"/>
  <c r="BQ38" i="5"/>
  <c r="BR38" i="5"/>
  <c r="BS38" i="5"/>
  <c r="BT38" i="5"/>
  <c r="BU38" i="5"/>
  <c r="BV38" i="5"/>
  <c r="BW38" i="5"/>
  <c r="BX38" i="5"/>
  <c r="BY38" i="5"/>
  <c r="BZ38" i="5"/>
  <c r="CA38" i="5"/>
  <c r="CB38" i="5"/>
  <c r="CC38" i="5"/>
  <c r="CD38" i="5"/>
  <c r="CE38" i="5"/>
  <c r="CF38" i="5"/>
  <c r="CG38" i="5"/>
  <c r="CH38" i="5"/>
  <c r="CI38" i="5"/>
  <c r="CJ38" i="5"/>
  <c r="CK38" i="5"/>
  <c r="BM39" i="5"/>
  <c r="BN39" i="5"/>
  <c r="BO39" i="5"/>
  <c r="BP39" i="5"/>
  <c r="BQ39" i="5"/>
  <c r="BR39" i="5"/>
  <c r="BS39" i="5"/>
  <c r="BT39" i="5"/>
  <c r="BU39" i="5"/>
  <c r="BV39" i="5"/>
  <c r="BW39" i="5"/>
  <c r="BX39" i="5"/>
  <c r="BY39" i="5"/>
  <c r="BZ39" i="5"/>
  <c r="CA39" i="5"/>
  <c r="CB39" i="5"/>
  <c r="CC39" i="5"/>
  <c r="CD39" i="5"/>
  <c r="CE39" i="5"/>
  <c r="CF39" i="5"/>
  <c r="CG39" i="5"/>
  <c r="CH39" i="5"/>
  <c r="CI39" i="5"/>
  <c r="CJ39" i="5"/>
  <c r="CK39" i="5"/>
  <c r="BM40" i="5"/>
  <c r="BN40" i="5"/>
  <c r="BO40" i="5"/>
  <c r="BP40" i="5"/>
  <c r="BQ40" i="5"/>
  <c r="BR40" i="5"/>
  <c r="BS40" i="5"/>
  <c r="BT40" i="5"/>
  <c r="BU40" i="5"/>
  <c r="BV40" i="5"/>
  <c r="BW40" i="5"/>
  <c r="BX40" i="5"/>
  <c r="BY40" i="5"/>
  <c r="BZ40" i="5"/>
  <c r="CA40" i="5"/>
  <c r="CB40" i="5"/>
  <c r="CC40" i="5"/>
  <c r="CD40" i="5"/>
  <c r="CE40" i="5"/>
  <c r="CF40" i="5"/>
  <c r="CG40" i="5"/>
  <c r="CH40" i="5"/>
  <c r="CI40" i="5"/>
  <c r="CJ40" i="5"/>
  <c r="CK40" i="5"/>
  <c r="BM41" i="5"/>
  <c r="BN41" i="5"/>
  <c r="BO41" i="5"/>
  <c r="BP41" i="5"/>
  <c r="BQ41" i="5"/>
  <c r="BR41" i="5"/>
  <c r="BS41" i="5"/>
  <c r="BT41" i="5"/>
  <c r="BU41" i="5"/>
  <c r="BV41" i="5"/>
  <c r="BW41" i="5"/>
  <c r="BX41" i="5"/>
  <c r="BY41" i="5"/>
  <c r="BZ41" i="5"/>
  <c r="CA41" i="5"/>
  <c r="CB41" i="5"/>
  <c r="CC41" i="5"/>
  <c r="CD41" i="5"/>
  <c r="CE41" i="5"/>
  <c r="CF41" i="5"/>
  <c r="CG41" i="5"/>
  <c r="CH41" i="5"/>
  <c r="CI41" i="5"/>
  <c r="CJ41" i="5"/>
  <c r="CK41" i="5"/>
  <c r="BM42" i="5"/>
  <c r="BN42" i="5"/>
  <c r="BO42" i="5"/>
  <c r="BP42" i="5"/>
  <c r="BQ42" i="5"/>
  <c r="BR42" i="5"/>
  <c r="BS42" i="5"/>
  <c r="BT42" i="5"/>
  <c r="BU42" i="5"/>
  <c r="BV42" i="5"/>
  <c r="BW42" i="5"/>
  <c r="BX42" i="5"/>
  <c r="BY42" i="5"/>
  <c r="BZ42" i="5"/>
  <c r="CA42" i="5"/>
  <c r="CB42" i="5"/>
  <c r="CC42" i="5"/>
  <c r="CD42" i="5"/>
  <c r="CE42" i="5"/>
  <c r="CF42" i="5"/>
  <c r="CG42" i="5"/>
  <c r="CH42" i="5"/>
  <c r="CI42" i="5"/>
  <c r="CJ42" i="5"/>
  <c r="CK42" i="5"/>
  <c r="BM43" i="5"/>
  <c r="BN43" i="5"/>
  <c r="BO43" i="5"/>
  <c r="BP43" i="5"/>
  <c r="BQ43" i="5"/>
  <c r="BR43" i="5"/>
  <c r="BS43" i="5"/>
  <c r="BT43" i="5"/>
  <c r="BU43" i="5"/>
  <c r="BV43" i="5"/>
  <c r="BW43" i="5"/>
  <c r="BX43" i="5"/>
  <c r="BY43" i="5"/>
  <c r="BZ43" i="5"/>
  <c r="CA43" i="5"/>
  <c r="CB43" i="5"/>
  <c r="CC43" i="5"/>
  <c r="CD43" i="5"/>
  <c r="CE43" i="5"/>
  <c r="CF43" i="5"/>
  <c r="CG43" i="5"/>
  <c r="CH43" i="5"/>
  <c r="CI43" i="5"/>
  <c r="CJ43" i="5"/>
  <c r="CK43" i="5"/>
  <c r="BM44" i="5"/>
  <c r="BN44" i="5"/>
  <c r="BO44" i="5"/>
  <c r="BP44" i="5"/>
  <c r="BQ44" i="5"/>
  <c r="BR44" i="5"/>
  <c r="BS44" i="5"/>
  <c r="BT44" i="5"/>
  <c r="BU44" i="5"/>
  <c r="BV44" i="5"/>
  <c r="BW44" i="5"/>
  <c r="BX44" i="5"/>
  <c r="BY44" i="5"/>
  <c r="BZ44" i="5"/>
  <c r="CA44" i="5"/>
  <c r="CB44" i="5"/>
  <c r="CC44" i="5"/>
  <c r="CD44" i="5"/>
  <c r="CE44" i="5"/>
  <c r="CF44" i="5"/>
  <c r="CG44" i="5"/>
  <c r="CH44" i="5"/>
  <c r="CI44" i="5"/>
  <c r="CJ44" i="5"/>
  <c r="CK44" i="5"/>
  <c r="BM45" i="5"/>
  <c r="BN45" i="5"/>
  <c r="BO45" i="5"/>
  <c r="BP45" i="5"/>
  <c r="BQ45" i="5"/>
  <c r="BR45" i="5"/>
  <c r="BS45" i="5"/>
  <c r="BT45" i="5"/>
  <c r="BU45" i="5"/>
  <c r="BV45" i="5"/>
  <c r="BW45" i="5"/>
  <c r="BX45" i="5"/>
  <c r="BY45" i="5"/>
  <c r="BZ45" i="5"/>
  <c r="CA45" i="5"/>
  <c r="CB45" i="5"/>
  <c r="CC45" i="5"/>
  <c r="CD45" i="5"/>
  <c r="CE45" i="5"/>
  <c r="CF45" i="5"/>
  <c r="CG45" i="5"/>
  <c r="CH45" i="5"/>
  <c r="CI45" i="5"/>
  <c r="CJ45" i="5"/>
  <c r="CK45" i="5"/>
  <c r="BM46" i="5"/>
  <c r="BN46" i="5"/>
  <c r="BO46" i="5"/>
  <c r="BP46" i="5"/>
  <c r="BQ46" i="5"/>
  <c r="BR46" i="5"/>
  <c r="BS46" i="5"/>
  <c r="BT46" i="5"/>
  <c r="BU46" i="5"/>
  <c r="BV46" i="5"/>
  <c r="BW46" i="5"/>
  <c r="BX46" i="5"/>
  <c r="BY46" i="5"/>
  <c r="BZ46" i="5"/>
  <c r="CA46" i="5"/>
  <c r="CB46" i="5"/>
  <c r="CC46" i="5"/>
  <c r="CD46" i="5"/>
  <c r="CE46" i="5"/>
  <c r="CF46" i="5"/>
  <c r="CG46" i="5"/>
  <c r="CH46" i="5"/>
  <c r="CI46" i="5"/>
  <c r="CJ46" i="5"/>
  <c r="CK46" i="5"/>
  <c r="BN5" i="5"/>
  <c r="BO5" i="5"/>
  <c r="BP5" i="5"/>
  <c r="BQ5" i="5"/>
  <c r="BR5" i="5"/>
  <c r="BS5" i="5"/>
  <c r="BT5" i="5"/>
  <c r="BU5" i="5"/>
  <c r="BV5" i="5"/>
  <c r="BW5" i="5"/>
  <c r="BX5" i="5"/>
  <c r="BY5" i="5"/>
  <c r="BZ5" i="5"/>
  <c r="CA5" i="5"/>
  <c r="CB5" i="5"/>
  <c r="CC5" i="5"/>
  <c r="CD5" i="5"/>
  <c r="CE5" i="5"/>
  <c r="CF5" i="5"/>
  <c r="CG5" i="5"/>
  <c r="CH5" i="5"/>
  <c r="CI5" i="5"/>
  <c r="CJ5" i="5"/>
  <c r="CK5" i="5"/>
  <c r="BM5" i="5"/>
  <c r="CN301" i="4"/>
  <c r="CM301" i="4"/>
  <c r="CL301" i="4"/>
  <c r="CK301" i="4"/>
  <c r="CJ301" i="4"/>
  <c r="CI301" i="4"/>
  <c r="CH301" i="4"/>
  <c r="CG301" i="4"/>
  <c r="CF301" i="4"/>
  <c r="CE301" i="4"/>
  <c r="CD301" i="4"/>
  <c r="CC301" i="4"/>
  <c r="CB301" i="4"/>
  <c r="CA301" i="4"/>
  <c r="BZ301" i="4"/>
  <c r="BY301" i="4"/>
  <c r="BX301" i="4"/>
  <c r="BW301" i="4"/>
  <c r="BV301" i="4"/>
  <c r="BU301" i="4"/>
  <c r="BT301" i="4"/>
  <c r="BS301" i="4"/>
  <c r="BR301" i="4"/>
  <c r="BQ301" i="4"/>
  <c r="BP301" i="4"/>
  <c r="CN300" i="4"/>
  <c r="CM300" i="4"/>
  <c r="CL300" i="4"/>
  <c r="CK300" i="4"/>
  <c r="CJ300" i="4"/>
  <c r="CI300" i="4"/>
  <c r="CH300" i="4"/>
  <c r="CG300" i="4"/>
  <c r="CF300" i="4"/>
  <c r="CE300" i="4"/>
  <c r="CD300" i="4"/>
  <c r="CC300" i="4"/>
  <c r="CB300" i="4"/>
  <c r="CA300" i="4"/>
  <c r="BZ300" i="4"/>
  <c r="BY300" i="4"/>
  <c r="BX300" i="4"/>
  <c r="BW300" i="4"/>
  <c r="BV300" i="4"/>
  <c r="BU300" i="4"/>
  <c r="BT300" i="4"/>
  <c r="BS300" i="4"/>
  <c r="BR300" i="4"/>
  <c r="BQ300" i="4"/>
  <c r="BP300" i="4"/>
  <c r="CN299" i="4"/>
  <c r="CM299" i="4"/>
  <c r="CL299" i="4"/>
  <c r="CK299" i="4"/>
  <c r="CJ299" i="4"/>
  <c r="CI299" i="4"/>
  <c r="CH299" i="4"/>
  <c r="CG299" i="4"/>
  <c r="CF299" i="4"/>
  <c r="CE299" i="4"/>
  <c r="CD299" i="4"/>
  <c r="CC299" i="4"/>
  <c r="CB299" i="4"/>
  <c r="CA299" i="4"/>
  <c r="BZ299" i="4"/>
  <c r="BY299" i="4"/>
  <c r="BX299" i="4"/>
  <c r="BW299" i="4"/>
  <c r="BV299" i="4"/>
  <c r="BU299" i="4"/>
  <c r="BT299" i="4"/>
  <c r="BS299" i="4"/>
  <c r="BR299" i="4"/>
  <c r="BQ299" i="4"/>
  <c r="BP299" i="4"/>
  <c r="CN298" i="4"/>
  <c r="CM298" i="4"/>
  <c r="CL298" i="4"/>
  <c r="CK298" i="4"/>
  <c r="CJ298" i="4"/>
  <c r="CI298" i="4"/>
  <c r="CH298" i="4"/>
  <c r="CG298" i="4"/>
  <c r="CF298" i="4"/>
  <c r="CE298" i="4"/>
  <c r="CD298" i="4"/>
  <c r="CC298" i="4"/>
  <c r="CB298" i="4"/>
  <c r="CA298" i="4"/>
  <c r="BZ298" i="4"/>
  <c r="BY298" i="4"/>
  <c r="BX298" i="4"/>
  <c r="BW298" i="4"/>
  <c r="BV298" i="4"/>
  <c r="BU298" i="4"/>
  <c r="BT298" i="4"/>
  <c r="BS298" i="4"/>
  <c r="BR298" i="4"/>
  <c r="BQ298" i="4"/>
  <c r="BP298" i="4"/>
  <c r="CN296" i="4"/>
  <c r="CM296" i="4"/>
  <c r="CL296" i="4"/>
  <c r="CK296" i="4"/>
  <c r="CJ296" i="4"/>
  <c r="CI296" i="4"/>
  <c r="CH296" i="4"/>
  <c r="CG296" i="4"/>
  <c r="CF296" i="4"/>
  <c r="CE296" i="4"/>
  <c r="CD296" i="4"/>
  <c r="CC296" i="4"/>
  <c r="CB296" i="4"/>
  <c r="CA296" i="4"/>
  <c r="BZ296" i="4"/>
  <c r="BY296" i="4"/>
  <c r="BX296" i="4"/>
  <c r="BW296" i="4"/>
  <c r="BV296" i="4"/>
  <c r="BU296" i="4"/>
  <c r="BT296" i="4"/>
  <c r="BS296" i="4"/>
  <c r="BR296" i="4"/>
  <c r="BQ296" i="4"/>
  <c r="BP296" i="4"/>
  <c r="CN295" i="4"/>
  <c r="CM295" i="4"/>
  <c r="CL295" i="4"/>
  <c r="CK295" i="4"/>
  <c r="CJ295" i="4"/>
  <c r="CI295" i="4"/>
  <c r="CH295" i="4"/>
  <c r="CG295" i="4"/>
  <c r="CF295" i="4"/>
  <c r="CE295" i="4"/>
  <c r="CD295" i="4"/>
  <c r="CC295" i="4"/>
  <c r="CB295" i="4"/>
  <c r="CA295" i="4"/>
  <c r="BZ295" i="4"/>
  <c r="BY295" i="4"/>
  <c r="BX295" i="4"/>
  <c r="BW295" i="4"/>
  <c r="BV295" i="4"/>
  <c r="BU295" i="4"/>
  <c r="BT295" i="4"/>
  <c r="BS295" i="4"/>
  <c r="BR295" i="4"/>
  <c r="BQ295" i="4"/>
  <c r="BP295" i="4"/>
  <c r="CN281" i="4"/>
  <c r="CM281" i="4"/>
  <c r="CL281" i="4"/>
  <c r="CK281" i="4"/>
  <c r="CJ281" i="4"/>
  <c r="CI281" i="4"/>
  <c r="CH281" i="4"/>
  <c r="CG281" i="4"/>
  <c r="CF281" i="4"/>
  <c r="CE281" i="4"/>
  <c r="CD281" i="4"/>
  <c r="CC281" i="4"/>
  <c r="CB281" i="4"/>
  <c r="CA281" i="4"/>
  <c r="BZ281" i="4"/>
  <c r="BY281" i="4"/>
  <c r="BX281" i="4"/>
  <c r="BW281" i="4"/>
  <c r="BV281" i="4"/>
  <c r="BU281" i="4"/>
  <c r="BT281" i="4"/>
  <c r="BS281" i="4"/>
  <c r="BR281" i="4"/>
  <c r="BQ281" i="4"/>
  <c r="BP281" i="4"/>
  <c r="CN280" i="4"/>
  <c r="CM280" i="4"/>
  <c r="CL280" i="4"/>
  <c r="CK280" i="4"/>
  <c r="CJ280" i="4"/>
  <c r="CI280" i="4"/>
  <c r="CH280" i="4"/>
  <c r="CG280" i="4"/>
  <c r="CF280" i="4"/>
  <c r="CE280" i="4"/>
  <c r="CD280" i="4"/>
  <c r="CC280" i="4"/>
  <c r="CB280" i="4"/>
  <c r="CA280" i="4"/>
  <c r="BZ280" i="4"/>
  <c r="BY280" i="4"/>
  <c r="BX280" i="4"/>
  <c r="BW280" i="4"/>
  <c r="BV280" i="4"/>
  <c r="BU280" i="4"/>
  <c r="BT280" i="4"/>
  <c r="BS280" i="4"/>
  <c r="BR280" i="4"/>
  <c r="BQ280" i="4"/>
  <c r="BP280" i="4"/>
  <c r="CN279" i="4"/>
  <c r="CM279" i="4"/>
  <c r="CL279" i="4"/>
  <c r="CK279" i="4"/>
  <c r="CJ279" i="4"/>
  <c r="CI279" i="4"/>
  <c r="CH279" i="4"/>
  <c r="CG279" i="4"/>
  <c r="CF279" i="4"/>
  <c r="CE279" i="4"/>
  <c r="CD279" i="4"/>
  <c r="CC279" i="4"/>
  <c r="CB279" i="4"/>
  <c r="CA279" i="4"/>
  <c r="BZ279" i="4"/>
  <c r="BY279" i="4"/>
  <c r="BX279" i="4"/>
  <c r="BW279" i="4"/>
  <c r="BV279" i="4"/>
  <c r="BU279" i="4"/>
  <c r="BT279" i="4"/>
  <c r="BS279" i="4"/>
  <c r="BR279" i="4"/>
  <c r="BQ279" i="4"/>
  <c r="BP279" i="4"/>
  <c r="CN278" i="4"/>
  <c r="CM278" i="4"/>
  <c r="CL278" i="4"/>
  <c r="CK278" i="4"/>
  <c r="CJ278" i="4"/>
  <c r="CI278" i="4"/>
  <c r="CH278" i="4"/>
  <c r="CG278" i="4"/>
  <c r="CF278" i="4"/>
  <c r="CE278" i="4"/>
  <c r="CD278" i="4"/>
  <c r="CC278" i="4"/>
  <c r="CB278" i="4"/>
  <c r="CA278" i="4"/>
  <c r="BZ278" i="4"/>
  <c r="BY278" i="4"/>
  <c r="BX278" i="4"/>
  <c r="BW278" i="4"/>
  <c r="BV278" i="4"/>
  <c r="BU278" i="4"/>
  <c r="BT278" i="4"/>
  <c r="BS278" i="4"/>
  <c r="BR278" i="4"/>
  <c r="BQ278" i="4"/>
  <c r="BP278" i="4"/>
  <c r="CN276" i="4"/>
  <c r="CM276" i="4"/>
  <c r="CL276" i="4"/>
  <c r="CK276" i="4"/>
  <c r="CJ276" i="4"/>
  <c r="CI276" i="4"/>
  <c r="CH276" i="4"/>
  <c r="CG276" i="4"/>
  <c r="CF276" i="4"/>
  <c r="CE276" i="4"/>
  <c r="CD276" i="4"/>
  <c r="CC276" i="4"/>
  <c r="CB276" i="4"/>
  <c r="CA276" i="4"/>
  <c r="BZ276" i="4"/>
  <c r="BY276" i="4"/>
  <c r="BX276" i="4"/>
  <c r="BW276" i="4"/>
  <c r="BV276" i="4"/>
  <c r="BU276" i="4"/>
  <c r="BT276" i="4"/>
  <c r="BS276" i="4"/>
  <c r="BR276" i="4"/>
  <c r="BQ276" i="4"/>
  <c r="BP276" i="4"/>
  <c r="CN275" i="4"/>
  <c r="CM275" i="4"/>
  <c r="CL275" i="4"/>
  <c r="CK275" i="4"/>
  <c r="CJ275" i="4"/>
  <c r="CI275" i="4"/>
  <c r="CH275" i="4"/>
  <c r="CG275" i="4"/>
  <c r="CF275" i="4"/>
  <c r="CE275" i="4"/>
  <c r="CD275" i="4"/>
  <c r="CC275" i="4"/>
  <c r="CB275" i="4"/>
  <c r="CA275" i="4"/>
  <c r="BZ275" i="4"/>
  <c r="BY275" i="4"/>
  <c r="BX275" i="4"/>
  <c r="BW275" i="4"/>
  <c r="BV275" i="4"/>
  <c r="BU275" i="4"/>
  <c r="BT275" i="4"/>
  <c r="BS275" i="4"/>
  <c r="BR275" i="4"/>
  <c r="BQ275" i="4"/>
  <c r="BP275" i="4"/>
  <c r="CN271" i="4"/>
  <c r="CM271" i="4"/>
  <c r="CL271" i="4"/>
  <c r="CK271" i="4"/>
  <c r="CJ271" i="4"/>
  <c r="CI271" i="4"/>
  <c r="CH271" i="4"/>
  <c r="CG271" i="4"/>
  <c r="CF271" i="4"/>
  <c r="CE271" i="4"/>
  <c r="CD271" i="4"/>
  <c r="CC271" i="4"/>
  <c r="CB271" i="4"/>
  <c r="CA271" i="4"/>
  <c r="BZ271" i="4"/>
  <c r="BY271" i="4"/>
  <c r="BX271" i="4"/>
  <c r="BW271" i="4"/>
  <c r="BV271" i="4"/>
  <c r="BU271" i="4"/>
  <c r="BT271" i="4"/>
  <c r="BS271" i="4"/>
  <c r="BR271" i="4"/>
  <c r="BQ271" i="4"/>
  <c r="BP271" i="4"/>
  <c r="CN270" i="4"/>
  <c r="CM270" i="4"/>
  <c r="CL270" i="4"/>
  <c r="CK270" i="4"/>
  <c r="CJ270" i="4"/>
  <c r="CI270" i="4"/>
  <c r="CH270" i="4"/>
  <c r="CG270" i="4"/>
  <c r="CF270" i="4"/>
  <c r="CE270" i="4"/>
  <c r="CD270" i="4"/>
  <c r="CC270" i="4"/>
  <c r="CB270" i="4"/>
  <c r="CA270" i="4"/>
  <c r="BZ270" i="4"/>
  <c r="BY270" i="4"/>
  <c r="BX270" i="4"/>
  <c r="BW270" i="4"/>
  <c r="BV270" i="4"/>
  <c r="BU270" i="4"/>
  <c r="BT270" i="4"/>
  <c r="BS270" i="4"/>
  <c r="BR270" i="4"/>
  <c r="BQ270" i="4"/>
  <c r="BP270" i="4"/>
  <c r="CN269" i="4"/>
  <c r="CM269" i="4"/>
  <c r="CL269" i="4"/>
  <c r="CK269" i="4"/>
  <c r="CJ269" i="4"/>
  <c r="CI269" i="4"/>
  <c r="CH269" i="4"/>
  <c r="CG269" i="4"/>
  <c r="CF269" i="4"/>
  <c r="CE269" i="4"/>
  <c r="CD269" i="4"/>
  <c r="CC269" i="4"/>
  <c r="CB269" i="4"/>
  <c r="CA269" i="4"/>
  <c r="BZ269" i="4"/>
  <c r="BY269" i="4"/>
  <c r="BX269" i="4"/>
  <c r="BW269" i="4"/>
  <c r="BV269" i="4"/>
  <c r="BU269" i="4"/>
  <c r="BT269" i="4"/>
  <c r="BS269" i="4"/>
  <c r="BR269" i="4"/>
  <c r="BQ269" i="4"/>
  <c r="BP269" i="4"/>
  <c r="CN268" i="4"/>
  <c r="CM268" i="4"/>
  <c r="CL268" i="4"/>
  <c r="CK268" i="4"/>
  <c r="CJ268" i="4"/>
  <c r="CI268" i="4"/>
  <c r="CH268" i="4"/>
  <c r="CG268" i="4"/>
  <c r="CF268" i="4"/>
  <c r="CE268" i="4"/>
  <c r="CD268" i="4"/>
  <c r="CC268" i="4"/>
  <c r="CB268" i="4"/>
  <c r="CA268" i="4"/>
  <c r="BZ268" i="4"/>
  <c r="BY268" i="4"/>
  <c r="BX268" i="4"/>
  <c r="BW268" i="4"/>
  <c r="BV268" i="4"/>
  <c r="BU268" i="4"/>
  <c r="BT268" i="4"/>
  <c r="BS268" i="4"/>
  <c r="BR268" i="4"/>
  <c r="BQ268" i="4"/>
  <c r="BP268" i="4"/>
  <c r="CN266" i="4"/>
  <c r="CM266" i="4"/>
  <c r="CL266" i="4"/>
  <c r="CK266" i="4"/>
  <c r="CJ266" i="4"/>
  <c r="CI266" i="4"/>
  <c r="CH266" i="4"/>
  <c r="CG266" i="4"/>
  <c r="CF266" i="4"/>
  <c r="CE266" i="4"/>
  <c r="CD266" i="4"/>
  <c r="CC266" i="4"/>
  <c r="CB266" i="4"/>
  <c r="CA266" i="4"/>
  <c r="BZ266" i="4"/>
  <c r="BY266" i="4"/>
  <c r="BX266" i="4"/>
  <c r="BW266" i="4"/>
  <c r="BV266" i="4"/>
  <c r="BU266" i="4"/>
  <c r="BT266" i="4"/>
  <c r="BS266" i="4"/>
  <c r="BR266" i="4"/>
  <c r="BQ266" i="4"/>
  <c r="BP266" i="4"/>
  <c r="CN265" i="4"/>
  <c r="CM265" i="4"/>
  <c r="CL265" i="4"/>
  <c r="CK265" i="4"/>
  <c r="CJ265" i="4"/>
  <c r="CI265" i="4"/>
  <c r="CH265" i="4"/>
  <c r="CG265" i="4"/>
  <c r="CF265" i="4"/>
  <c r="CE265" i="4"/>
  <c r="CD265" i="4"/>
  <c r="CC265" i="4"/>
  <c r="CB265" i="4"/>
  <c r="CA265" i="4"/>
  <c r="BZ265" i="4"/>
  <c r="BY265" i="4"/>
  <c r="BX265" i="4"/>
  <c r="BW265" i="4"/>
  <c r="BV265" i="4"/>
  <c r="BU265" i="4"/>
  <c r="BT265" i="4"/>
  <c r="BS265" i="4"/>
  <c r="BR265" i="4"/>
  <c r="BQ265" i="4"/>
  <c r="BP265" i="4"/>
  <c r="CN261" i="4"/>
  <c r="CM261" i="4"/>
  <c r="CL261" i="4"/>
  <c r="CK261" i="4"/>
  <c r="CJ261" i="4"/>
  <c r="CI261" i="4"/>
  <c r="CH261" i="4"/>
  <c r="CG261" i="4"/>
  <c r="CF261" i="4"/>
  <c r="CE261" i="4"/>
  <c r="CD261" i="4"/>
  <c r="CC261" i="4"/>
  <c r="CB261" i="4"/>
  <c r="CA261" i="4"/>
  <c r="BZ261" i="4"/>
  <c r="BY261" i="4"/>
  <c r="BX261" i="4"/>
  <c r="BW261" i="4"/>
  <c r="BV261" i="4"/>
  <c r="BU261" i="4"/>
  <c r="BT261" i="4"/>
  <c r="BS261" i="4"/>
  <c r="BR261" i="4"/>
  <c r="BQ261" i="4"/>
  <c r="BP261" i="4"/>
  <c r="CN260" i="4"/>
  <c r="CM260" i="4"/>
  <c r="CL260" i="4"/>
  <c r="CK260" i="4"/>
  <c r="CJ260" i="4"/>
  <c r="CI260" i="4"/>
  <c r="CH260" i="4"/>
  <c r="CG260" i="4"/>
  <c r="CF260" i="4"/>
  <c r="CE260" i="4"/>
  <c r="CD260" i="4"/>
  <c r="CC260" i="4"/>
  <c r="CB260" i="4"/>
  <c r="CA260" i="4"/>
  <c r="BZ260" i="4"/>
  <c r="BY260" i="4"/>
  <c r="BX260" i="4"/>
  <c r="BW260" i="4"/>
  <c r="BV260" i="4"/>
  <c r="BU260" i="4"/>
  <c r="BT260" i="4"/>
  <c r="BS260" i="4"/>
  <c r="BR260" i="4"/>
  <c r="BQ260" i="4"/>
  <c r="BP260" i="4"/>
  <c r="CN259" i="4"/>
  <c r="CM259" i="4"/>
  <c r="CL259" i="4"/>
  <c r="CK259" i="4"/>
  <c r="CJ259" i="4"/>
  <c r="CI259" i="4"/>
  <c r="CH259" i="4"/>
  <c r="CG259" i="4"/>
  <c r="CF259" i="4"/>
  <c r="CE259" i="4"/>
  <c r="CD259" i="4"/>
  <c r="CC259" i="4"/>
  <c r="CB259" i="4"/>
  <c r="CA259" i="4"/>
  <c r="BZ259" i="4"/>
  <c r="BY259" i="4"/>
  <c r="BX259" i="4"/>
  <c r="BW259" i="4"/>
  <c r="BV259" i="4"/>
  <c r="BU259" i="4"/>
  <c r="BT259" i="4"/>
  <c r="BS259" i="4"/>
  <c r="BR259" i="4"/>
  <c r="BQ259" i="4"/>
  <c r="BP259" i="4"/>
  <c r="CN258" i="4"/>
  <c r="CM258" i="4"/>
  <c r="CL258" i="4"/>
  <c r="CK258" i="4"/>
  <c r="CJ258" i="4"/>
  <c r="CI258" i="4"/>
  <c r="CH258" i="4"/>
  <c r="CG258" i="4"/>
  <c r="CF258" i="4"/>
  <c r="CE258" i="4"/>
  <c r="CD258" i="4"/>
  <c r="CC258" i="4"/>
  <c r="CB258" i="4"/>
  <c r="CA258" i="4"/>
  <c r="BZ258" i="4"/>
  <c r="BY258" i="4"/>
  <c r="BX258" i="4"/>
  <c r="BW258" i="4"/>
  <c r="BV258" i="4"/>
  <c r="BU258" i="4"/>
  <c r="BT258" i="4"/>
  <c r="BS258" i="4"/>
  <c r="BR258" i="4"/>
  <c r="BQ258" i="4"/>
  <c r="BP258" i="4"/>
  <c r="CN256" i="4"/>
  <c r="CM256" i="4"/>
  <c r="CL256" i="4"/>
  <c r="CK256" i="4"/>
  <c r="CJ256" i="4"/>
  <c r="CI256" i="4"/>
  <c r="CH256" i="4"/>
  <c r="CG256" i="4"/>
  <c r="CF256" i="4"/>
  <c r="CE256" i="4"/>
  <c r="CD256" i="4"/>
  <c r="CC256" i="4"/>
  <c r="CB256" i="4"/>
  <c r="CA256" i="4"/>
  <c r="BZ256" i="4"/>
  <c r="BY256" i="4"/>
  <c r="BX256" i="4"/>
  <c r="BW256" i="4"/>
  <c r="BV256" i="4"/>
  <c r="BU256" i="4"/>
  <c r="BT256" i="4"/>
  <c r="BS256" i="4"/>
  <c r="BR256" i="4"/>
  <c r="BQ256" i="4"/>
  <c r="BP256" i="4"/>
  <c r="CN255" i="4"/>
  <c r="CM255" i="4"/>
  <c r="CL255" i="4"/>
  <c r="CK255" i="4"/>
  <c r="CJ255" i="4"/>
  <c r="CI255" i="4"/>
  <c r="CH255" i="4"/>
  <c r="CG255" i="4"/>
  <c r="CF255" i="4"/>
  <c r="CE255" i="4"/>
  <c r="CD255" i="4"/>
  <c r="CC255" i="4"/>
  <c r="CB255" i="4"/>
  <c r="CA255" i="4"/>
  <c r="BZ255" i="4"/>
  <c r="BY255" i="4"/>
  <c r="BX255" i="4"/>
  <c r="BW255" i="4"/>
  <c r="BV255" i="4"/>
  <c r="BU255" i="4"/>
  <c r="BT255" i="4"/>
  <c r="BS255" i="4"/>
  <c r="BR255" i="4"/>
  <c r="BQ255" i="4"/>
  <c r="BP255" i="4"/>
  <c r="CN254" i="4"/>
  <c r="CM254" i="4"/>
  <c r="CL254" i="4"/>
  <c r="CK254" i="4"/>
  <c r="CJ254" i="4"/>
  <c r="CI254" i="4"/>
  <c r="CH254" i="4"/>
  <c r="CG254" i="4"/>
  <c r="CF254" i="4"/>
  <c r="CE254" i="4"/>
  <c r="CD254" i="4"/>
  <c r="CC254" i="4"/>
  <c r="CB254" i="4"/>
  <c r="CA254" i="4"/>
  <c r="BZ254" i="4"/>
  <c r="BY254" i="4"/>
  <c r="BX254" i="4"/>
  <c r="BW254" i="4"/>
  <c r="BV254" i="4"/>
  <c r="BU254" i="4"/>
  <c r="BT254" i="4"/>
  <c r="BS254" i="4"/>
  <c r="BR254" i="4"/>
  <c r="BQ254" i="4"/>
  <c r="BP254" i="4"/>
  <c r="CN253" i="4"/>
  <c r="CM253" i="4"/>
  <c r="CL253" i="4"/>
  <c r="CK253" i="4"/>
  <c r="CJ253" i="4"/>
  <c r="CI253" i="4"/>
  <c r="CH253" i="4"/>
  <c r="CG253" i="4"/>
  <c r="CF253" i="4"/>
  <c r="CE253" i="4"/>
  <c r="CD253" i="4"/>
  <c r="CC253" i="4"/>
  <c r="CB253" i="4"/>
  <c r="CA253" i="4"/>
  <c r="BZ253" i="4"/>
  <c r="BY253" i="4"/>
  <c r="BX253" i="4"/>
  <c r="BW253" i="4"/>
  <c r="BV253" i="4"/>
  <c r="BU253" i="4"/>
  <c r="BT253" i="4"/>
  <c r="BS253" i="4"/>
  <c r="BR253" i="4"/>
  <c r="BQ253" i="4"/>
  <c r="BP253" i="4"/>
  <c r="CN252" i="4"/>
  <c r="CM252" i="4"/>
  <c r="CL252" i="4"/>
  <c r="CK252" i="4"/>
  <c r="CJ252" i="4"/>
  <c r="CI252" i="4"/>
  <c r="CH252" i="4"/>
  <c r="CG252" i="4"/>
  <c r="CF252" i="4"/>
  <c r="CE252" i="4"/>
  <c r="CD252" i="4"/>
  <c r="CC252" i="4"/>
  <c r="CB252" i="4"/>
  <c r="CA252" i="4"/>
  <c r="BZ252" i="4"/>
  <c r="BY252" i="4"/>
  <c r="BX252" i="4"/>
  <c r="BW252" i="4"/>
  <c r="BV252" i="4"/>
  <c r="BU252" i="4"/>
  <c r="BT252" i="4"/>
  <c r="BS252" i="4"/>
  <c r="BR252" i="4"/>
  <c r="BQ252" i="4"/>
  <c r="BP252" i="4"/>
  <c r="CN251" i="4"/>
  <c r="CM251" i="4"/>
  <c r="CL251" i="4"/>
  <c r="CK251" i="4"/>
  <c r="CJ251" i="4"/>
  <c r="CI251" i="4"/>
  <c r="CH251" i="4"/>
  <c r="CG251" i="4"/>
  <c r="CF251" i="4"/>
  <c r="CE251" i="4"/>
  <c r="CD251" i="4"/>
  <c r="CC251" i="4"/>
  <c r="CB251" i="4"/>
  <c r="CA251" i="4"/>
  <c r="BZ251" i="4"/>
  <c r="BY251" i="4"/>
  <c r="BX251" i="4"/>
  <c r="BW251" i="4"/>
  <c r="BV251" i="4"/>
  <c r="BU251" i="4"/>
  <c r="BT251" i="4"/>
  <c r="BS251" i="4"/>
  <c r="BR251" i="4"/>
  <c r="BQ251" i="4"/>
  <c r="BP251" i="4"/>
  <c r="CN250" i="4"/>
  <c r="CM250" i="4"/>
  <c r="CL250" i="4"/>
  <c r="CK250" i="4"/>
  <c r="CJ250" i="4"/>
  <c r="CI250" i="4"/>
  <c r="CH250" i="4"/>
  <c r="CG250" i="4"/>
  <c r="CF250" i="4"/>
  <c r="CE250" i="4"/>
  <c r="CD250" i="4"/>
  <c r="CC250" i="4"/>
  <c r="CB250" i="4"/>
  <c r="CA250" i="4"/>
  <c r="BZ250" i="4"/>
  <c r="BY250" i="4"/>
  <c r="BX250" i="4"/>
  <c r="BW250" i="4"/>
  <c r="BV250" i="4"/>
  <c r="BU250" i="4"/>
  <c r="BT250" i="4"/>
  <c r="BS250" i="4"/>
  <c r="BR250" i="4"/>
  <c r="BQ250" i="4"/>
  <c r="BP250" i="4"/>
  <c r="CN249" i="4"/>
  <c r="CM249" i="4"/>
  <c r="CL249" i="4"/>
  <c r="CK249" i="4"/>
  <c r="CJ249" i="4"/>
  <c r="CI249" i="4"/>
  <c r="CH249" i="4"/>
  <c r="CG249" i="4"/>
  <c r="CF249" i="4"/>
  <c r="CE249" i="4"/>
  <c r="CD249" i="4"/>
  <c r="CC249" i="4"/>
  <c r="CB249" i="4"/>
  <c r="CA249" i="4"/>
  <c r="BZ249" i="4"/>
  <c r="BY249" i="4"/>
  <c r="BX249" i="4"/>
  <c r="BW249" i="4"/>
  <c r="BV249" i="4"/>
  <c r="BU249" i="4"/>
  <c r="BT249" i="4"/>
  <c r="BS249" i="4"/>
  <c r="BR249" i="4"/>
  <c r="BQ249" i="4"/>
  <c r="BP249" i="4"/>
  <c r="CN248" i="4"/>
  <c r="CM248" i="4"/>
  <c r="CL248" i="4"/>
  <c r="CK248" i="4"/>
  <c r="CJ248" i="4"/>
  <c r="CI248" i="4"/>
  <c r="CH248" i="4"/>
  <c r="CG248" i="4"/>
  <c r="CF248" i="4"/>
  <c r="CE248" i="4"/>
  <c r="CD248" i="4"/>
  <c r="CC248" i="4"/>
  <c r="CB248" i="4"/>
  <c r="CA248" i="4"/>
  <c r="BZ248" i="4"/>
  <c r="BY248" i="4"/>
  <c r="BX248" i="4"/>
  <c r="BW248" i="4"/>
  <c r="BV248" i="4"/>
  <c r="BU248" i="4"/>
  <c r="BT248" i="4"/>
  <c r="BS248" i="4"/>
  <c r="BR248" i="4"/>
  <c r="BQ248" i="4"/>
  <c r="BP248" i="4"/>
  <c r="CN247" i="4"/>
  <c r="CM247" i="4"/>
  <c r="CL247" i="4"/>
  <c r="CK247" i="4"/>
  <c r="CJ247" i="4"/>
  <c r="CI247" i="4"/>
  <c r="CH247" i="4"/>
  <c r="CG247" i="4"/>
  <c r="CF247" i="4"/>
  <c r="CE247" i="4"/>
  <c r="CD247" i="4"/>
  <c r="CC247" i="4"/>
  <c r="CB247" i="4"/>
  <c r="CA247" i="4"/>
  <c r="BZ247" i="4"/>
  <c r="BY247" i="4"/>
  <c r="BX247" i="4"/>
  <c r="BW247" i="4"/>
  <c r="BV247" i="4"/>
  <c r="BU247" i="4"/>
  <c r="BT247" i="4"/>
  <c r="BS247" i="4"/>
  <c r="BR247" i="4"/>
  <c r="BQ247" i="4"/>
  <c r="BP247" i="4"/>
  <c r="CN246" i="4"/>
  <c r="CM246" i="4"/>
  <c r="CL246" i="4"/>
  <c r="CK246" i="4"/>
  <c r="CJ246" i="4"/>
  <c r="CI246" i="4"/>
  <c r="CH246" i="4"/>
  <c r="CG246" i="4"/>
  <c r="CF246" i="4"/>
  <c r="CE246" i="4"/>
  <c r="CD246" i="4"/>
  <c r="CC246" i="4"/>
  <c r="CB246" i="4"/>
  <c r="CA246" i="4"/>
  <c r="BZ246" i="4"/>
  <c r="BY246" i="4"/>
  <c r="BX246" i="4"/>
  <c r="BW246" i="4"/>
  <c r="BV246" i="4"/>
  <c r="BU246" i="4"/>
  <c r="BT246" i="4"/>
  <c r="BS246" i="4"/>
  <c r="BR246" i="4"/>
  <c r="BQ246" i="4"/>
  <c r="BP246" i="4"/>
  <c r="CN245" i="4"/>
  <c r="CM245" i="4"/>
  <c r="CL245" i="4"/>
  <c r="CK245" i="4"/>
  <c r="CJ245" i="4"/>
  <c r="CI245" i="4"/>
  <c r="CH245" i="4"/>
  <c r="CG245" i="4"/>
  <c r="CF245" i="4"/>
  <c r="CE245" i="4"/>
  <c r="CD245" i="4"/>
  <c r="CC245" i="4"/>
  <c r="CB245" i="4"/>
  <c r="CA245" i="4"/>
  <c r="BZ245" i="4"/>
  <c r="BY245" i="4"/>
  <c r="BX245" i="4"/>
  <c r="BW245" i="4"/>
  <c r="BV245" i="4"/>
  <c r="BU245" i="4"/>
  <c r="BT245" i="4"/>
  <c r="BS245" i="4"/>
  <c r="BR245" i="4"/>
  <c r="BQ245" i="4"/>
  <c r="BP245" i="4"/>
  <c r="CN241" i="4"/>
  <c r="CM241" i="4"/>
  <c r="CL241" i="4"/>
  <c r="CK241" i="4"/>
  <c r="CJ241" i="4"/>
  <c r="CI241" i="4"/>
  <c r="CH241" i="4"/>
  <c r="CG241" i="4"/>
  <c r="CF241" i="4"/>
  <c r="CE241" i="4"/>
  <c r="CD241" i="4"/>
  <c r="CC241" i="4"/>
  <c r="CB241" i="4"/>
  <c r="CA241" i="4"/>
  <c r="BZ241" i="4"/>
  <c r="BY241" i="4"/>
  <c r="BX241" i="4"/>
  <c r="BW241" i="4"/>
  <c r="BV241" i="4"/>
  <c r="BU241" i="4"/>
  <c r="BT241" i="4"/>
  <c r="BS241" i="4"/>
  <c r="BR241" i="4"/>
  <c r="BQ241" i="4"/>
  <c r="BP241" i="4"/>
  <c r="CN240" i="4"/>
  <c r="CM240" i="4"/>
  <c r="CL240" i="4"/>
  <c r="CK240" i="4"/>
  <c r="CJ240" i="4"/>
  <c r="CI240" i="4"/>
  <c r="CH240" i="4"/>
  <c r="CG240" i="4"/>
  <c r="CF240" i="4"/>
  <c r="CE240" i="4"/>
  <c r="CD240" i="4"/>
  <c r="CC240" i="4"/>
  <c r="CB240" i="4"/>
  <c r="CA240" i="4"/>
  <c r="BZ240" i="4"/>
  <c r="BY240" i="4"/>
  <c r="BX240" i="4"/>
  <c r="BW240" i="4"/>
  <c r="BV240" i="4"/>
  <c r="BU240" i="4"/>
  <c r="BT240" i="4"/>
  <c r="BS240" i="4"/>
  <c r="BR240" i="4"/>
  <c r="BQ240" i="4"/>
  <c r="BP240" i="4"/>
  <c r="CN239" i="4"/>
  <c r="CM239" i="4"/>
  <c r="CL239" i="4"/>
  <c r="CK239" i="4"/>
  <c r="CJ239" i="4"/>
  <c r="CI239" i="4"/>
  <c r="CH239" i="4"/>
  <c r="CG239" i="4"/>
  <c r="CF239" i="4"/>
  <c r="CE239" i="4"/>
  <c r="CD239" i="4"/>
  <c r="CC239" i="4"/>
  <c r="CB239" i="4"/>
  <c r="CA239" i="4"/>
  <c r="BZ239" i="4"/>
  <c r="BY239" i="4"/>
  <c r="BX239" i="4"/>
  <c r="BW239" i="4"/>
  <c r="BV239" i="4"/>
  <c r="BU239" i="4"/>
  <c r="BT239" i="4"/>
  <c r="BS239" i="4"/>
  <c r="BR239" i="4"/>
  <c r="BQ239" i="4"/>
  <c r="BP239" i="4"/>
  <c r="CN238" i="4"/>
  <c r="CM238" i="4"/>
  <c r="CL238" i="4"/>
  <c r="CK238" i="4"/>
  <c r="CJ238" i="4"/>
  <c r="CI238" i="4"/>
  <c r="CH238" i="4"/>
  <c r="CG238" i="4"/>
  <c r="CF238" i="4"/>
  <c r="CE238" i="4"/>
  <c r="CD238" i="4"/>
  <c r="CC238" i="4"/>
  <c r="CB238" i="4"/>
  <c r="CA238" i="4"/>
  <c r="BZ238" i="4"/>
  <c r="BY238" i="4"/>
  <c r="BX238" i="4"/>
  <c r="BW238" i="4"/>
  <c r="BV238" i="4"/>
  <c r="BU238" i="4"/>
  <c r="BT238" i="4"/>
  <c r="BS238" i="4"/>
  <c r="BR238" i="4"/>
  <c r="BQ238" i="4"/>
  <c r="BP238" i="4"/>
  <c r="CN237" i="4"/>
  <c r="CM237" i="4"/>
  <c r="CL237" i="4"/>
  <c r="CK237" i="4"/>
  <c r="CJ237" i="4"/>
  <c r="CI237" i="4"/>
  <c r="CH237" i="4"/>
  <c r="CG237" i="4"/>
  <c r="CF237" i="4"/>
  <c r="CE237" i="4"/>
  <c r="CD237" i="4"/>
  <c r="CC237" i="4"/>
  <c r="CB237" i="4"/>
  <c r="CA237" i="4"/>
  <c r="BZ237" i="4"/>
  <c r="BY237" i="4"/>
  <c r="BX237" i="4"/>
  <c r="BW237" i="4"/>
  <c r="BV237" i="4"/>
  <c r="BU237" i="4"/>
  <c r="BT237" i="4"/>
  <c r="BS237" i="4"/>
  <c r="BR237" i="4"/>
  <c r="BQ237" i="4"/>
  <c r="BP237" i="4"/>
  <c r="CN236" i="4"/>
  <c r="CM236" i="4"/>
  <c r="CL236" i="4"/>
  <c r="CK236" i="4"/>
  <c r="CJ236" i="4"/>
  <c r="CI236" i="4"/>
  <c r="CH236" i="4"/>
  <c r="CG236" i="4"/>
  <c r="CF236" i="4"/>
  <c r="CE236" i="4"/>
  <c r="CD236" i="4"/>
  <c r="CC236" i="4"/>
  <c r="CB236" i="4"/>
  <c r="CA236" i="4"/>
  <c r="BZ236" i="4"/>
  <c r="BY236" i="4"/>
  <c r="BX236" i="4"/>
  <c r="BW236" i="4"/>
  <c r="BV236" i="4"/>
  <c r="BU236" i="4"/>
  <c r="BT236" i="4"/>
  <c r="BS236" i="4"/>
  <c r="BR236" i="4"/>
  <c r="BQ236" i="4"/>
  <c r="BP236" i="4"/>
  <c r="CN235" i="4"/>
  <c r="CM235" i="4"/>
  <c r="CL235" i="4"/>
  <c r="CK235" i="4"/>
  <c r="CJ235" i="4"/>
  <c r="CI235" i="4"/>
  <c r="CH235" i="4"/>
  <c r="CG235" i="4"/>
  <c r="CF235" i="4"/>
  <c r="CE235" i="4"/>
  <c r="CD235" i="4"/>
  <c r="CC235" i="4"/>
  <c r="CB235" i="4"/>
  <c r="CA235" i="4"/>
  <c r="BZ235" i="4"/>
  <c r="BY235" i="4"/>
  <c r="BX235" i="4"/>
  <c r="BW235" i="4"/>
  <c r="BV235" i="4"/>
  <c r="BU235" i="4"/>
  <c r="BT235" i="4"/>
  <c r="BS235" i="4"/>
  <c r="BR235" i="4"/>
  <c r="BQ235" i="4"/>
  <c r="BP235" i="4"/>
  <c r="CN234" i="4"/>
  <c r="CM234" i="4"/>
  <c r="CL234" i="4"/>
  <c r="CK234" i="4"/>
  <c r="CJ234" i="4"/>
  <c r="CI234" i="4"/>
  <c r="CH234" i="4"/>
  <c r="CG234" i="4"/>
  <c r="CF234" i="4"/>
  <c r="CE234" i="4"/>
  <c r="CD234" i="4"/>
  <c r="CC234" i="4"/>
  <c r="CB234" i="4"/>
  <c r="CA234" i="4"/>
  <c r="BZ234" i="4"/>
  <c r="BY234" i="4"/>
  <c r="BX234" i="4"/>
  <c r="BW234" i="4"/>
  <c r="BV234" i="4"/>
  <c r="BU234" i="4"/>
  <c r="BT234" i="4"/>
  <c r="BS234" i="4"/>
  <c r="BR234" i="4"/>
  <c r="BQ234" i="4"/>
  <c r="BP234" i="4"/>
  <c r="CN233" i="4"/>
  <c r="CM233" i="4"/>
  <c r="CL233" i="4"/>
  <c r="CK233" i="4"/>
  <c r="CJ233" i="4"/>
  <c r="CI233" i="4"/>
  <c r="CH233" i="4"/>
  <c r="CG233" i="4"/>
  <c r="CF233" i="4"/>
  <c r="CE233" i="4"/>
  <c r="CD233" i="4"/>
  <c r="CC233" i="4"/>
  <c r="CB233" i="4"/>
  <c r="CA233" i="4"/>
  <c r="BZ233" i="4"/>
  <c r="BY233" i="4"/>
  <c r="BX233" i="4"/>
  <c r="BW233" i="4"/>
  <c r="BV233" i="4"/>
  <c r="BU233" i="4"/>
  <c r="BT233" i="4"/>
  <c r="BS233" i="4"/>
  <c r="BR233" i="4"/>
  <c r="BQ233" i="4"/>
  <c r="BP233" i="4"/>
  <c r="CN232" i="4"/>
  <c r="CM232" i="4"/>
  <c r="CL232" i="4"/>
  <c r="CK232" i="4"/>
  <c r="CJ232" i="4"/>
  <c r="CI232" i="4"/>
  <c r="CH232" i="4"/>
  <c r="CG232" i="4"/>
  <c r="CF232" i="4"/>
  <c r="CE232" i="4"/>
  <c r="CD232" i="4"/>
  <c r="CC232" i="4"/>
  <c r="CB232" i="4"/>
  <c r="CA232" i="4"/>
  <c r="BZ232" i="4"/>
  <c r="BY232" i="4"/>
  <c r="BX232" i="4"/>
  <c r="BW232" i="4"/>
  <c r="BV232" i="4"/>
  <c r="BU232" i="4"/>
  <c r="BT232" i="4"/>
  <c r="BS232" i="4"/>
  <c r="BR232" i="4"/>
  <c r="BQ232" i="4"/>
  <c r="BP232" i="4"/>
  <c r="CN231" i="4"/>
  <c r="CM231" i="4"/>
  <c r="CL231" i="4"/>
  <c r="CK231" i="4"/>
  <c r="CJ231" i="4"/>
  <c r="CI231" i="4"/>
  <c r="CH231" i="4"/>
  <c r="CG231" i="4"/>
  <c r="CF231" i="4"/>
  <c r="CE231" i="4"/>
  <c r="CD231" i="4"/>
  <c r="CC231" i="4"/>
  <c r="CB231" i="4"/>
  <c r="CA231" i="4"/>
  <c r="BZ231" i="4"/>
  <c r="BY231" i="4"/>
  <c r="BX231" i="4"/>
  <c r="BW231" i="4"/>
  <c r="BV231" i="4"/>
  <c r="BU231" i="4"/>
  <c r="BT231" i="4"/>
  <c r="BS231" i="4"/>
  <c r="BR231" i="4"/>
  <c r="BQ231" i="4"/>
  <c r="BP231" i="4"/>
  <c r="CN230" i="4"/>
  <c r="CM230" i="4"/>
  <c r="CL230" i="4"/>
  <c r="CK230" i="4"/>
  <c r="CJ230" i="4"/>
  <c r="CI230" i="4"/>
  <c r="CH230" i="4"/>
  <c r="CG230" i="4"/>
  <c r="CF230" i="4"/>
  <c r="CE230" i="4"/>
  <c r="CD230" i="4"/>
  <c r="CC230" i="4"/>
  <c r="CB230" i="4"/>
  <c r="CA230" i="4"/>
  <c r="BZ230" i="4"/>
  <c r="BY230" i="4"/>
  <c r="BX230" i="4"/>
  <c r="BW230" i="4"/>
  <c r="BV230" i="4"/>
  <c r="BU230" i="4"/>
  <c r="BT230" i="4"/>
  <c r="BS230" i="4"/>
  <c r="BR230" i="4"/>
  <c r="BQ230" i="4"/>
  <c r="BP230" i="4"/>
  <c r="CN229" i="4"/>
  <c r="CM229" i="4"/>
  <c r="CL229" i="4"/>
  <c r="CK229" i="4"/>
  <c r="CJ229" i="4"/>
  <c r="CI229" i="4"/>
  <c r="CH229" i="4"/>
  <c r="CG229" i="4"/>
  <c r="CF229" i="4"/>
  <c r="CE229" i="4"/>
  <c r="CD229" i="4"/>
  <c r="CC229" i="4"/>
  <c r="CB229" i="4"/>
  <c r="CA229" i="4"/>
  <c r="BZ229" i="4"/>
  <c r="BY229" i="4"/>
  <c r="BX229" i="4"/>
  <c r="BW229" i="4"/>
  <c r="BV229" i="4"/>
  <c r="BU229" i="4"/>
  <c r="BT229" i="4"/>
  <c r="BS229" i="4"/>
  <c r="BR229" i="4"/>
  <c r="BQ229" i="4"/>
  <c r="BP229" i="4"/>
  <c r="CN228" i="4"/>
  <c r="CM228" i="4"/>
  <c r="CL228" i="4"/>
  <c r="CK228" i="4"/>
  <c r="CJ228" i="4"/>
  <c r="CI228" i="4"/>
  <c r="CH228" i="4"/>
  <c r="CG228" i="4"/>
  <c r="CF228" i="4"/>
  <c r="CE228" i="4"/>
  <c r="CD228" i="4"/>
  <c r="CC228" i="4"/>
  <c r="CB228" i="4"/>
  <c r="CA228" i="4"/>
  <c r="BZ228" i="4"/>
  <c r="BY228" i="4"/>
  <c r="BX228" i="4"/>
  <c r="BW228" i="4"/>
  <c r="BV228" i="4"/>
  <c r="BU228" i="4"/>
  <c r="BT228" i="4"/>
  <c r="BS228" i="4"/>
  <c r="BR228" i="4"/>
  <c r="BQ228" i="4"/>
  <c r="BP228" i="4"/>
  <c r="CN227" i="4"/>
  <c r="CM227" i="4"/>
  <c r="CL227" i="4"/>
  <c r="CK227" i="4"/>
  <c r="CJ227" i="4"/>
  <c r="CI227" i="4"/>
  <c r="CH227" i="4"/>
  <c r="CG227" i="4"/>
  <c r="CF227" i="4"/>
  <c r="CE227" i="4"/>
  <c r="CD227" i="4"/>
  <c r="CC227" i="4"/>
  <c r="CB227" i="4"/>
  <c r="CA227" i="4"/>
  <c r="BZ227" i="4"/>
  <c r="BY227" i="4"/>
  <c r="BX227" i="4"/>
  <c r="BW227" i="4"/>
  <c r="BV227" i="4"/>
  <c r="BU227" i="4"/>
  <c r="BT227" i="4"/>
  <c r="BS227" i="4"/>
  <c r="BR227" i="4"/>
  <c r="BQ227" i="4"/>
  <c r="BP227" i="4"/>
  <c r="CN226" i="4"/>
  <c r="CM226" i="4"/>
  <c r="CL226" i="4"/>
  <c r="CK226" i="4"/>
  <c r="CJ226" i="4"/>
  <c r="CI226" i="4"/>
  <c r="CH226" i="4"/>
  <c r="CG226" i="4"/>
  <c r="CF226" i="4"/>
  <c r="CE226" i="4"/>
  <c r="CD226" i="4"/>
  <c r="CC226" i="4"/>
  <c r="CB226" i="4"/>
  <c r="CA226" i="4"/>
  <c r="BZ226" i="4"/>
  <c r="BY226" i="4"/>
  <c r="BX226" i="4"/>
  <c r="BW226" i="4"/>
  <c r="BV226" i="4"/>
  <c r="BU226" i="4"/>
  <c r="BT226" i="4"/>
  <c r="BS226" i="4"/>
  <c r="BR226" i="4"/>
  <c r="BQ226" i="4"/>
  <c r="BP226" i="4"/>
  <c r="CN225" i="4"/>
  <c r="CM225" i="4"/>
  <c r="CL225" i="4"/>
  <c r="CK225" i="4"/>
  <c r="CJ225" i="4"/>
  <c r="CI225" i="4"/>
  <c r="CH225" i="4"/>
  <c r="CG225" i="4"/>
  <c r="CF225" i="4"/>
  <c r="CE225" i="4"/>
  <c r="CD225" i="4"/>
  <c r="CC225" i="4"/>
  <c r="CB225" i="4"/>
  <c r="CA225" i="4"/>
  <c r="BZ225" i="4"/>
  <c r="BY225" i="4"/>
  <c r="BX225" i="4"/>
  <c r="BW225" i="4"/>
  <c r="BV225" i="4"/>
  <c r="BU225" i="4"/>
  <c r="BT225" i="4"/>
  <c r="BS225" i="4"/>
  <c r="BR225" i="4"/>
  <c r="BQ225" i="4"/>
  <c r="BP225" i="4"/>
  <c r="CN224" i="4"/>
  <c r="CM224" i="4"/>
  <c r="CL224" i="4"/>
  <c r="CK224" i="4"/>
  <c r="CJ224" i="4"/>
  <c r="CI224" i="4"/>
  <c r="CH224" i="4"/>
  <c r="CG224" i="4"/>
  <c r="CF224" i="4"/>
  <c r="CE224" i="4"/>
  <c r="CD224" i="4"/>
  <c r="CC224" i="4"/>
  <c r="CB224" i="4"/>
  <c r="CA224" i="4"/>
  <c r="BZ224" i="4"/>
  <c r="BY224" i="4"/>
  <c r="BX224" i="4"/>
  <c r="BW224" i="4"/>
  <c r="BV224" i="4"/>
  <c r="BU224" i="4"/>
  <c r="BT224" i="4"/>
  <c r="BS224" i="4"/>
  <c r="BR224" i="4"/>
  <c r="BQ224" i="4"/>
  <c r="BP224" i="4"/>
  <c r="CN223" i="4"/>
  <c r="CM223" i="4"/>
  <c r="CL223" i="4"/>
  <c r="CK223" i="4"/>
  <c r="CJ223" i="4"/>
  <c r="CI223" i="4"/>
  <c r="CH223" i="4"/>
  <c r="CG223" i="4"/>
  <c r="CF223" i="4"/>
  <c r="CE223" i="4"/>
  <c r="CD223" i="4"/>
  <c r="CC223" i="4"/>
  <c r="CB223" i="4"/>
  <c r="CA223" i="4"/>
  <c r="BZ223" i="4"/>
  <c r="BY223" i="4"/>
  <c r="BX223" i="4"/>
  <c r="BW223" i="4"/>
  <c r="BV223" i="4"/>
  <c r="BU223" i="4"/>
  <c r="BT223" i="4"/>
  <c r="BS223" i="4"/>
  <c r="BR223" i="4"/>
  <c r="BQ223" i="4"/>
  <c r="BP223" i="4"/>
  <c r="CN222" i="4"/>
  <c r="CM222" i="4"/>
  <c r="CL222" i="4"/>
  <c r="CK222" i="4"/>
  <c r="CJ222" i="4"/>
  <c r="CI222" i="4"/>
  <c r="CH222" i="4"/>
  <c r="CG222" i="4"/>
  <c r="CF222" i="4"/>
  <c r="CE222" i="4"/>
  <c r="CD222" i="4"/>
  <c r="CC222" i="4"/>
  <c r="CB222" i="4"/>
  <c r="CA222" i="4"/>
  <c r="BZ222" i="4"/>
  <c r="BY222" i="4"/>
  <c r="BX222" i="4"/>
  <c r="BW222" i="4"/>
  <c r="BV222" i="4"/>
  <c r="BU222" i="4"/>
  <c r="BT222" i="4"/>
  <c r="BS222" i="4"/>
  <c r="BR222" i="4"/>
  <c r="BQ222" i="4"/>
  <c r="BP222" i="4"/>
  <c r="CN221" i="4"/>
  <c r="CM221" i="4"/>
  <c r="CL221" i="4"/>
  <c r="CK221" i="4"/>
  <c r="CJ221" i="4"/>
  <c r="CI221" i="4"/>
  <c r="CH221" i="4"/>
  <c r="CG221" i="4"/>
  <c r="CF221" i="4"/>
  <c r="CE221" i="4"/>
  <c r="CD221" i="4"/>
  <c r="CC221" i="4"/>
  <c r="CB221" i="4"/>
  <c r="CA221" i="4"/>
  <c r="BZ221" i="4"/>
  <c r="BY221" i="4"/>
  <c r="BX221" i="4"/>
  <c r="BW221" i="4"/>
  <c r="BV221" i="4"/>
  <c r="BU221" i="4"/>
  <c r="BT221" i="4"/>
  <c r="BS221" i="4"/>
  <c r="BR221" i="4"/>
  <c r="BQ221" i="4"/>
  <c r="BP221" i="4"/>
  <c r="CN220" i="4"/>
  <c r="CM220" i="4"/>
  <c r="CL220" i="4"/>
  <c r="CK220" i="4"/>
  <c r="CJ220" i="4"/>
  <c r="CI220" i="4"/>
  <c r="CH220" i="4"/>
  <c r="CG220" i="4"/>
  <c r="CF220" i="4"/>
  <c r="CE220" i="4"/>
  <c r="CD220" i="4"/>
  <c r="CC220" i="4"/>
  <c r="CB220" i="4"/>
  <c r="CA220" i="4"/>
  <c r="BZ220" i="4"/>
  <c r="BY220" i="4"/>
  <c r="BX220" i="4"/>
  <c r="BW220" i="4"/>
  <c r="BV220" i="4"/>
  <c r="BU220" i="4"/>
  <c r="BT220" i="4"/>
  <c r="BS220" i="4"/>
  <c r="BR220" i="4"/>
  <c r="BQ220" i="4"/>
  <c r="BP220" i="4"/>
  <c r="CN219" i="4"/>
  <c r="CM219" i="4"/>
  <c r="CL219" i="4"/>
  <c r="CK219" i="4"/>
  <c r="CJ219" i="4"/>
  <c r="CI219" i="4"/>
  <c r="CH219" i="4"/>
  <c r="CG219" i="4"/>
  <c r="CF219" i="4"/>
  <c r="CE219" i="4"/>
  <c r="CD219" i="4"/>
  <c r="CC219" i="4"/>
  <c r="CB219" i="4"/>
  <c r="CA219" i="4"/>
  <c r="BZ219" i="4"/>
  <c r="BY219" i="4"/>
  <c r="BX219" i="4"/>
  <c r="BW219" i="4"/>
  <c r="BV219" i="4"/>
  <c r="BU219" i="4"/>
  <c r="BT219" i="4"/>
  <c r="BS219" i="4"/>
  <c r="BR219" i="4"/>
  <c r="BQ219" i="4"/>
  <c r="BP219" i="4"/>
  <c r="CN218" i="4"/>
  <c r="CM218" i="4"/>
  <c r="CL218" i="4"/>
  <c r="CK218" i="4"/>
  <c r="CJ218" i="4"/>
  <c r="CI218" i="4"/>
  <c r="CH218" i="4"/>
  <c r="CG218" i="4"/>
  <c r="CF218" i="4"/>
  <c r="CE218" i="4"/>
  <c r="CD218" i="4"/>
  <c r="CC218" i="4"/>
  <c r="CB218" i="4"/>
  <c r="CA218" i="4"/>
  <c r="BZ218" i="4"/>
  <c r="BY218" i="4"/>
  <c r="BX218" i="4"/>
  <c r="BW218" i="4"/>
  <c r="BV218" i="4"/>
  <c r="BU218" i="4"/>
  <c r="BT218" i="4"/>
  <c r="BS218" i="4"/>
  <c r="BR218" i="4"/>
  <c r="BQ218" i="4"/>
  <c r="BP218" i="4"/>
  <c r="CN217" i="4"/>
  <c r="CM217" i="4"/>
  <c r="CL217" i="4"/>
  <c r="CK217" i="4"/>
  <c r="CJ217" i="4"/>
  <c r="CI217" i="4"/>
  <c r="CH217" i="4"/>
  <c r="CG217" i="4"/>
  <c r="CF217" i="4"/>
  <c r="CE217" i="4"/>
  <c r="CD217" i="4"/>
  <c r="CC217" i="4"/>
  <c r="CB217" i="4"/>
  <c r="CA217" i="4"/>
  <c r="BZ217" i="4"/>
  <c r="BY217" i="4"/>
  <c r="BX217" i="4"/>
  <c r="BW217" i="4"/>
  <c r="BV217" i="4"/>
  <c r="BU217" i="4"/>
  <c r="BT217" i="4"/>
  <c r="BS217" i="4"/>
  <c r="BR217" i="4"/>
  <c r="BQ217" i="4"/>
  <c r="BP217" i="4"/>
  <c r="CN216" i="4"/>
  <c r="CM216" i="4"/>
  <c r="CL216" i="4"/>
  <c r="CK216" i="4"/>
  <c r="CJ216" i="4"/>
  <c r="CI216" i="4"/>
  <c r="CH216" i="4"/>
  <c r="CG216" i="4"/>
  <c r="CF216" i="4"/>
  <c r="CE216" i="4"/>
  <c r="CD216" i="4"/>
  <c r="CC216" i="4"/>
  <c r="CB216" i="4"/>
  <c r="CA216" i="4"/>
  <c r="BZ216" i="4"/>
  <c r="BY216" i="4"/>
  <c r="BX216" i="4"/>
  <c r="BW216" i="4"/>
  <c r="BV216" i="4"/>
  <c r="BU216" i="4"/>
  <c r="BT216" i="4"/>
  <c r="BS216" i="4"/>
  <c r="BR216" i="4"/>
  <c r="BQ216" i="4"/>
  <c r="BP216" i="4"/>
  <c r="CN215" i="4"/>
  <c r="CM215" i="4"/>
  <c r="CL215" i="4"/>
  <c r="CK215" i="4"/>
  <c r="CJ215" i="4"/>
  <c r="CI215" i="4"/>
  <c r="CH215" i="4"/>
  <c r="CG215" i="4"/>
  <c r="CF215" i="4"/>
  <c r="CE215" i="4"/>
  <c r="CD215" i="4"/>
  <c r="CC215" i="4"/>
  <c r="CB215" i="4"/>
  <c r="CA215" i="4"/>
  <c r="BZ215" i="4"/>
  <c r="BY215" i="4"/>
  <c r="BX215" i="4"/>
  <c r="BW215" i="4"/>
  <c r="BV215" i="4"/>
  <c r="BU215" i="4"/>
  <c r="BT215" i="4"/>
  <c r="BS215" i="4"/>
  <c r="BR215" i="4"/>
  <c r="BQ215" i="4"/>
  <c r="BP215" i="4"/>
  <c r="CN214" i="4"/>
  <c r="CM214" i="4"/>
  <c r="CL214" i="4"/>
  <c r="CK214" i="4"/>
  <c r="CJ214" i="4"/>
  <c r="CI214" i="4"/>
  <c r="CH214" i="4"/>
  <c r="CG214" i="4"/>
  <c r="CF214" i="4"/>
  <c r="CE214" i="4"/>
  <c r="CD214" i="4"/>
  <c r="CC214" i="4"/>
  <c r="CB214" i="4"/>
  <c r="CA214" i="4"/>
  <c r="BZ214" i="4"/>
  <c r="BY214" i="4"/>
  <c r="BX214" i="4"/>
  <c r="BW214" i="4"/>
  <c r="BV214" i="4"/>
  <c r="BU214" i="4"/>
  <c r="BT214" i="4"/>
  <c r="BS214" i="4"/>
  <c r="BR214" i="4"/>
  <c r="BQ214" i="4"/>
  <c r="BP214" i="4"/>
  <c r="CN213" i="4"/>
  <c r="CM213" i="4"/>
  <c r="CL213" i="4"/>
  <c r="CK213" i="4"/>
  <c r="CJ213" i="4"/>
  <c r="CI213" i="4"/>
  <c r="CH213" i="4"/>
  <c r="CG213" i="4"/>
  <c r="CF213" i="4"/>
  <c r="CE213" i="4"/>
  <c r="CD213" i="4"/>
  <c r="CC213" i="4"/>
  <c r="CB213" i="4"/>
  <c r="CA213" i="4"/>
  <c r="BZ213" i="4"/>
  <c r="BY213" i="4"/>
  <c r="BX213" i="4"/>
  <c r="BW213" i="4"/>
  <c r="BV213" i="4"/>
  <c r="BU213" i="4"/>
  <c r="BT213" i="4"/>
  <c r="BS213" i="4"/>
  <c r="BR213" i="4"/>
  <c r="BQ213" i="4"/>
  <c r="BP213" i="4"/>
  <c r="CN212" i="4"/>
  <c r="CM212" i="4"/>
  <c r="CL212" i="4"/>
  <c r="CK212" i="4"/>
  <c r="CJ212" i="4"/>
  <c r="CI212" i="4"/>
  <c r="CH212" i="4"/>
  <c r="CG212" i="4"/>
  <c r="CF212" i="4"/>
  <c r="CE212" i="4"/>
  <c r="CD212" i="4"/>
  <c r="CC212" i="4"/>
  <c r="CB212" i="4"/>
  <c r="CA212" i="4"/>
  <c r="BZ212" i="4"/>
  <c r="BY212" i="4"/>
  <c r="BX212" i="4"/>
  <c r="BW212" i="4"/>
  <c r="BV212" i="4"/>
  <c r="BU212" i="4"/>
  <c r="BT212" i="4"/>
  <c r="BS212" i="4"/>
  <c r="BR212" i="4"/>
  <c r="BQ212" i="4"/>
  <c r="BP212" i="4"/>
  <c r="CN211" i="4"/>
  <c r="CM211" i="4"/>
  <c r="CL211" i="4"/>
  <c r="CK211" i="4"/>
  <c r="CJ211" i="4"/>
  <c r="CI211" i="4"/>
  <c r="CH211" i="4"/>
  <c r="CG211" i="4"/>
  <c r="CF211" i="4"/>
  <c r="CE211" i="4"/>
  <c r="CD211" i="4"/>
  <c r="CC211" i="4"/>
  <c r="CB211" i="4"/>
  <c r="CA211" i="4"/>
  <c r="BZ211" i="4"/>
  <c r="BY211" i="4"/>
  <c r="BX211" i="4"/>
  <c r="BW211" i="4"/>
  <c r="BV211" i="4"/>
  <c r="BU211" i="4"/>
  <c r="BT211" i="4"/>
  <c r="BS211" i="4"/>
  <c r="BR211" i="4"/>
  <c r="BQ211" i="4"/>
  <c r="BP211" i="4"/>
  <c r="CN210" i="4"/>
  <c r="CM210" i="4"/>
  <c r="CL210" i="4"/>
  <c r="CK210" i="4"/>
  <c r="CJ210" i="4"/>
  <c r="CI210" i="4"/>
  <c r="CH210" i="4"/>
  <c r="CG210" i="4"/>
  <c r="CF210" i="4"/>
  <c r="CE210" i="4"/>
  <c r="CD210" i="4"/>
  <c r="CC210" i="4"/>
  <c r="CB210" i="4"/>
  <c r="CA210" i="4"/>
  <c r="BZ210" i="4"/>
  <c r="BY210" i="4"/>
  <c r="BX210" i="4"/>
  <c r="BW210" i="4"/>
  <c r="BV210" i="4"/>
  <c r="BU210" i="4"/>
  <c r="BT210" i="4"/>
  <c r="BS210" i="4"/>
  <c r="BR210" i="4"/>
  <c r="BQ210" i="4"/>
  <c r="BP210" i="4"/>
  <c r="CN209" i="4"/>
  <c r="CM209" i="4"/>
  <c r="CL209" i="4"/>
  <c r="CK209" i="4"/>
  <c r="CJ209" i="4"/>
  <c r="CI209" i="4"/>
  <c r="CH209" i="4"/>
  <c r="CG209" i="4"/>
  <c r="CF209" i="4"/>
  <c r="CE209" i="4"/>
  <c r="CD209" i="4"/>
  <c r="CC209" i="4"/>
  <c r="CB209" i="4"/>
  <c r="CA209" i="4"/>
  <c r="BZ209" i="4"/>
  <c r="BY209" i="4"/>
  <c r="BX209" i="4"/>
  <c r="BW209" i="4"/>
  <c r="BV209" i="4"/>
  <c r="BU209" i="4"/>
  <c r="BT209" i="4"/>
  <c r="BS209" i="4"/>
  <c r="BR209" i="4"/>
  <c r="BQ209" i="4"/>
  <c r="BP209" i="4"/>
  <c r="CN208" i="4"/>
  <c r="CM208" i="4"/>
  <c r="CL208" i="4"/>
  <c r="CK208" i="4"/>
  <c r="CJ208" i="4"/>
  <c r="CI208" i="4"/>
  <c r="CH208" i="4"/>
  <c r="CG208" i="4"/>
  <c r="CF208" i="4"/>
  <c r="CE208" i="4"/>
  <c r="CD208" i="4"/>
  <c r="CC208" i="4"/>
  <c r="CB208" i="4"/>
  <c r="CA208" i="4"/>
  <c r="BZ208" i="4"/>
  <c r="BY208" i="4"/>
  <c r="BX208" i="4"/>
  <c r="BW208" i="4"/>
  <c r="BV208" i="4"/>
  <c r="BU208" i="4"/>
  <c r="BT208" i="4"/>
  <c r="BS208" i="4"/>
  <c r="BR208" i="4"/>
  <c r="BQ208" i="4"/>
  <c r="BP208" i="4"/>
  <c r="CN207" i="4"/>
  <c r="CM207" i="4"/>
  <c r="CL207" i="4"/>
  <c r="CK207" i="4"/>
  <c r="CJ207" i="4"/>
  <c r="CI207" i="4"/>
  <c r="CH207" i="4"/>
  <c r="CG207" i="4"/>
  <c r="CF207" i="4"/>
  <c r="CE207" i="4"/>
  <c r="CD207" i="4"/>
  <c r="CC207" i="4"/>
  <c r="CB207" i="4"/>
  <c r="CA207" i="4"/>
  <c r="BZ207" i="4"/>
  <c r="BY207" i="4"/>
  <c r="BX207" i="4"/>
  <c r="BW207" i="4"/>
  <c r="BV207" i="4"/>
  <c r="BU207" i="4"/>
  <c r="BT207" i="4"/>
  <c r="BS207" i="4"/>
  <c r="BR207" i="4"/>
  <c r="BQ207" i="4"/>
  <c r="BP207" i="4"/>
  <c r="CN206" i="4"/>
  <c r="CM206" i="4"/>
  <c r="CL206" i="4"/>
  <c r="CK206" i="4"/>
  <c r="CJ206" i="4"/>
  <c r="CI206" i="4"/>
  <c r="CH206" i="4"/>
  <c r="CG206" i="4"/>
  <c r="CF206" i="4"/>
  <c r="CE206" i="4"/>
  <c r="CD206" i="4"/>
  <c r="CC206" i="4"/>
  <c r="CB206" i="4"/>
  <c r="CA206" i="4"/>
  <c r="BZ206" i="4"/>
  <c r="BY206" i="4"/>
  <c r="BX206" i="4"/>
  <c r="BW206" i="4"/>
  <c r="BV206" i="4"/>
  <c r="BU206" i="4"/>
  <c r="BT206" i="4"/>
  <c r="BS206" i="4"/>
  <c r="BR206" i="4"/>
  <c r="BQ206" i="4"/>
  <c r="BP206" i="4"/>
  <c r="CN205" i="4"/>
  <c r="CM205" i="4"/>
  <c r="CL205" i="4"/>
  <c r="CK205" i="4"/>
  <c r="CJ205" i="4"/>
  <c r="CI205" i="4"/>
  <c r="CH205" i="4"/>
  <c r="CG205" i="4"/>
  <c r="CF205" i="4"/>
  <c r="CE205" i="4"/>
  <c r="CD205" i="4"/>
  <c r="CC205" i="4"/>
  <c r="CB205" i="4"/>
  <c r="CA205" i="4"/>
  <c r="BZ205" i="4"/>
  <c r="BY205" i="4"/>
  <c r="BX205" i="4"/>
  <c r="BW205" i="4"/>
  <c r="BV205" i="4"/>
  <c r="BU205" i="4"/>
  <c r="BT205" i="4"/>
  <c r="BS205" i="4"/>
  <c r="BR205" i="4"/>
  <c r="BQ205" i="4"/>
  <c r="BP205" i="4"/>
  <c r="CN204" i="4"/>
  <c r="CM204" i="4"/>
  <c r="CL204" i="4"/>
  <c r="CK204" i="4"/>
  <c r="CJ204" i="4"/>
  <c r="CI204" i="4"/>
  <c r="CH204" i="4"/>
  <c r="CG204" i="4"/>
  <c r="CF204" i="4"/>
  <c r="CE204" i="4"/>
  <c r="CD204" i="4"/>
  <c r="CC204" i="4"/>
  <c r="CB204" i="4"/>
  <c r="CA204" i="4"/>
  <c r="BZ204" i="4"/>
  <c r="BY204" i="4"/>
  <c r="BX204" i="4"/>
  <c r="BW204" i="4"/>
  <c r="BV204" i="4"/>
  <c r="BU204" i="4"/>
  <c r="BT204" i="4"/>
  <c r="BS204" i="4"/>
  <c r="BR204" i="4"/>
  <c r="BQ204" i="4"/>
  <c r="BP204" i="4"/>
  <c r="CN203" i="4"/>
  <c r="CM203" i="4"/>
  <c r="CL203" i="4"/>
  <c r="CK203" i="4"/>
  <c r="CJ203" i="4"/>
  <c r="CI203" i="4"/>
  <c r="CH203" i="4"/>
  <c r="CG203" i="4"/>
  <c r="CF203" i="4"/>
  <c r="CE203" i="4"/>
  <c r="CD203" i="4"/>
  <c r="CC203" i="4"/>
  <c r="CB203" i="4"/>
  <c r="CA203" i="4"/>
  <c r="BZ203" i="4"/>
  <c r="BY203" i="4"/>
  <c r="BX203" i="4"/>
  <c r="BW203" i="4"/>
  <c r="BV203" i="4"/>
  <c r="BU203" i="4"/>
  <c r="BT203" i="4"/>
  <c r="BS203" i="4"/>
  <c r="BR203" i="4"/>
  <c r="BQ203" i="4"/>
  <c r="BP203" i="4"/>
  <c r="CN202" i="4"/>
  <c r="CM202" i="4"/>
  <c r="CL202" i="4"/>
  <c r="CK202" i="4"/>
  <c r="CJ202" i="4"/>
  <c r="CI202" i="4"/>
  <c r="CH202" i="4"/>
  <c r="CG202" i="4"/>
  <c r="CF202" i="4"/>
  <c r="CE202" i="4"/>
  <c r="CD202" i="4"/>
  <c r="CC202" i="4"/>
  <c r="CB202" i="4"/>
  <c r="CA202" i="4"/>
  <c r="BZ202" i="4"/>
  <c r="BY202" i="4"/>
  <c r="BX202" i="4"/>
  <c r="BW202" i="4"/>
  <c r="BV202" i="4"/>
  <c r="BU202" i="4"/>
  <c r="BT202" i="4"/>
  <c r="BS202" i="4"/>
  <c r="BR202" i="4"/>
  <c r="BQ202" i="4"/>
  <c r="BP202" i="4"/>
  <c r="CN201" i="4"/>
  <c r="CM201" i="4"/>
  <c r="CL201" i="4"/>
  <c r="CK201" i="4"/>
  <c r="CJ201" i="4"/>
  <c r="CI201" i="4"/>
  <c r="CH201" i="4"/>
  <c r="CG201" i="4"/>
  <c r="CF201" i="4"/>
  <c r="CE201" i="4"/>
  <c r="CD201" i="4"/>
  <c r="CC201" i="4"/>
  <c r="CB201" i="4"/>
  <c r="CA201" i="4"/>
  <c r="BZ201" i="4"/>
  <c r="BY201" i="4"/>
  <c r="BX201" i="4"/>
  <c r="BW201" i="4"/>
  <c r="BV201" i="4"/>
  <c r="BU201" i="4"/>
  <c r="BT201" i="4"/>
  <c r="BS201" i="4"/>
  <c r="BR201" i="4"/>
  <c r="BQ201" i="4"/>
  <c r="BP201" i="4"/>
  <c r="CN200" i="4"/>
  <c r="CM200" i="4"/>
  <c r="CL200" i="4"/>
  <c r="CK200" i="4"/>
  <c r="CJ200" i="4"/>
  <c r="CI200" i="4"/>
  <c r="CH200" i="4"/>
  <c r="CG200" i="4"/>
  <c r="CF200" i="4"/>
  <c r="CE200" i="4"/>
  <c r="CD200" i="4"/>
  <c r="CC200" i="4"/>
  <c r="CB200" i="4"/>
  <c r="CA200" i="4"/>
  <c r="BZ200" i="4"/>
  <c r="BY200" i="4"/>
  <c r="BX200" i="4"/>
  <c r="BW200" i="4"/>
  <c r="BV200" i="4"/>
  <c r="BU200" i="4"/>
  <c r="BT200" i="4"/>
  <c r="BS200" i="4"/>
  <c r="BR200" i="4"/>
  <c r="BQ200" i="4"/>
  <c r="BP200" i="4"/>
  <c r="CN199" i="4"/>
  <c r="CM199" i="4"/>
  <c r="CL199" i="4"/>
  <c r="CK199" i="4"/>
  <c r="CJ199" i="4"/>
  <c r="CI199" i="4"/>
  <c r="CH199" i="4"/>
  <c r="CG199" i="4"/>
  <c r="CF199" i="4"/>
  <c r="CE199" i="4"/>
  <c r="CD199" i="4"/>
  <c r="CC199" i="4"/>
  <c r="CB199" i="4"/>
  <c r="CA199" i="4"/>
  <c r="BZ199" i="4"/>
  <c r="BY199" i="4"/>
  <c r="BX199" i="4"/>
  <c r="BW199" i="4"/>
  <c r="BV199" i="4"/>
  <c r="BU199" i="4"/>
  <c r="BT199" i="4"/>
  <c r="BS199" i="4"/>
  <c r="BR199" i="4"/>
  <c r="BQ199" i="4"/>
  <c r="BP199" i="4"/>
  <c r="CN198" i="4"/>
  <c r="CM198" i="4"/>
  <c r="CL198" i="4"/>
  <c r="CK198" i="4"/>
  <c r="CJ198" i="4"/>
  <c r="CI198" i="4"/>
  <c r="CH198" i="4"/>
  <c r="CG198" i="4"/>
  <c r="CF198" i="4"/>
  <c r="CE198" i="4"/>
  <c r="CD198" i="4"/>
  <c r="CC198" i="4"/>
  <c r="CB198" i="4"/>
  <c r="CA198" i="4"/>
  <c r="BZ198" i="4"/>
  <c r="BY198" i="4"/>
  <c r="BX198" i="4"/>
  <c r="BW198" i="4"/>
  <c r="BV198" i="4"/>
  <c r="BU198" i="4"/>
  <c r="BT198" i="4"/>
  <c r="BS198" i="4"/>
  <c r="BR198" i="4"/>
  <c r="BQ198" i="4"/>
  <c r="BP198" i="4"/>
  <c r="CN197" i="4"/>
  <c r="CM197" i="4"/>
  <c r="CL197" i="4"/>
  <c r="CK197" i="4"/>
  <c r="CJ197" i="4"/>
  <c r="CI197" i="4"/>
  <c r="CH197" i="4"/>
  <c r="CG197" i="4"/>
  <c r="CF197" i="4"/>
  <c r="CE197" i="4"/>
  <c r="CD197" i="4"/>
  <c r="CC197" i="4"/>
  <c r="CB197" i="4"/>
  <c r="CA197" i="4"/>
  <c r="BZ197" i="4"/>
  <c r="BY197" i="4"/>
  <c r="BX197" i="4"/>
  <c r="BW197" i="4"/>
  <c r="BV197" i="4"/>
  <c r="BU197" i="4"/>
  <c r="BT197" i="4"/>
  <c r="BS197" i="4"/>
  <c r="BR197" i="4"/>
  <c r="BQ197" i="4"/>
  <c r="BP197" i="4"/>
  <c r="CN196" i="4"/>
  <c r="CM196" i="4"/>
  <c r="CL196" i="4"/>
  <c r="CK196" i="4"/>
  <c r="CJ196" i="4"/>
  <c r="CI196" i="4"/>
  <c r="CH196" i="4"/>
  <c r="CG196" i="4"/>
  <c r="CF196" i="4"/>
  <c r="CE196" i="4"/>
  <c r="CD196" i="4"/>
  <c r="CC196" i="4"/>
  <c r="CB196" i="4"/>
  <c r="CA196" i="4"/>
  <c r="BZ196" i="4"/>
  <c r="BY196" i="4"/>
  <c r="BX196" i="4"/>
  <c r="BW196" i="4"/>
  <c r="BV196" i="4"/>
  <c r="BU196" i="4"/>
  <c r="BT196" i="4"/>
  <c r="BS196" i="4"/>
  <c r="BR196" i="4"/>
  <c r="BQ196" i="4"/>
  <c r="BP196" i="4"/>
  <c r="CN195" i="4"/>
  <c r="CM195" i="4"/>
  <c r="CL195" i="4"/>
  <c r="CK195" i="4"/>
  <c r="CJ195" i="4"/>
  <c r="CI195" i="4"/>
  <c r="CH195" i="4"/>
  <c r="CG195" i="4"/>
  <c r="CF195" i="4"/>
  <c r="CE195" i="4"/>
  <c r="CD195" i="4"/>
  <c r="CC195" i="4"/>
  <c r="CB195" i="4"/>
  <c r="CA195" i="4"/>
  <c r="BZ195" i="4"/>
  <c r="BY195" i="4"/>
  <c r="BX195" i="4"/>
  <c r="BW195" i="4"/>
  <c r="BV195" i="4"/>
  <c r="BU195" i="4"/>
  <c r="BT195" i="4"/>
  <c r="BS195" i="4"/>
  <c r="BR195" i="4"/>
  <c r="BQ195" i="4"/>
  <c r="BP195" i="4"/>
  <c r="CN191" i="4"/>
  <c r="CM191" i="4"/>
  <c r="CL191" i="4"/>
  <c r="CK191" i="4"/>
  <c r="CJ191" i="4"/>
  <c r="CI191" i="4"/>
  <c r="CH191" i="4"/>
  <c r="CG191" i="4"/>
  <c r="CF191" i="4"/>
  <c r="CE191" i="4"/>
  <c r="CD191" i="4"/>
  <c r="CC191" i="4"/>
  <c r="CB191" i="4"/>
  <c r="CA191" i="4"/>
  <c r="BZ191" i="4"/>
  <c r="BY191" i="4"/>
  <c r="BX191" i="4"/>
  <c r="BW191" i="4"/>
  <c r="BV191" i="4"/>
  <c r="BU191" i="4"/>
  <c r="BT191" i="4"/>
  <c r="BS191" i="4"/>
  <c r="BR191" i="4"/>
  <c r="BQ191" i="4"/>
  <c r="BP191" i="4"/>
  <c r="CN190" i="4"/>
  <c r="CM190" i="4"/>
  <c r="CL190" i="4"/>
  <c r="CK190" i="4"/>
  <c r="CJ190" i="4"/>
  <c r="CI190" i="4"/>
  <c r="CH190" i="4"/>
  <c r="CG190" i="4"/>
  <c r="CF190" i="4"/>
  <c r="CE190" i="4"/>
  <c r="CD190" i="4"/>
  <c r="CC190" i="4"/>
  <c r="CB190" i="4"/>
  <c r="CA190" i="4"/>
  <c r="BZ190" i="4"/>
  <c r="BY190" i="4"/>
  <c r="BX190" i="4"/>
  <c r="BW190" i="4"/>
  <c r="BV190" i="4"/>
  <c r="BU190" i="4"/>
  <c r="BT190" i="4"/>
  <c r="BS190" i="4"/>
  <c r="BR190" i="4"/>
  <c r="BQ190" i="4"/>
  <c r="BP190" i="4"/>
  <c r="CN189" i="4"/>
  <c r="CM189" i="4"/>
  <c r="CL189" i="4"/>
  <c r="CK189" i="4"/>
  <c r="CJ189" i="4"/>
  <c r="CI189" i="4"/>
  <c r="CH189" i="4"/>
  <c r="CG189" i="4"/>
  <c r="CF189" i="4"/>
  <c r="CE189" i="4"/>
  <c r="CD189" i="4"/>
  <c r="CC189" i="4"/>
  <c r="CB189" i="4"/>
  <c r="CA189" i="4"/>
  <c r="BZ189" i="4"/>
  <c r="BY189" i="4"/>
  <c r="BX189" i="4"/>
  <c r="BW189" i="4"/>
  <c r="BV189" i="4"/>
  <c r="BU189" i="4"/>
  <c r="BT189" i="4"/>
  <c r="BS189" i="4"/>
  <c r="BR189" i="4"/>
  <c r="BQ189" i="4"/>
  <c r="BP189" i="4"/>
  <c r="CN188" i="4"/>
  <c r="CM188" i="4"/>
  <c r="CL188" i="4"/>
  <c r="CK188" i="4"/>
  <c r="CJ188" i="4"/>
  <c r="CI188" i="4"/>
  <c r="CH188" i="4"/>
  <c r="CG188" i="4"/>
  <c r="CF188" i="4"/>
  <c r="CE188" i="4"/>
  <c r="CD188" i="4"/>
  <c r="CC188" i="4"/>
  <c r="CB188" i="4"/>
  <c r="CA188" i="4"/>
  <c r="BZ188" i="4"/>
  <c r="BY188" i="4"/>
  <c r="BX188" i="4"/>
  <c r="BW188" i="4"/>
  <c r="BV188" i="4"/>
  <c r="BU188" i="4"/>
  <c r="BT188" i="4"/>
  <c r="BS188" i="4"/>
  <c r="BR188" i="4"/>
  <c r="BQ188" i="4"/>
  <c r="BP188" i="4"/>
  <c r="CN187" i="4"/>
  <c r="CM187" i="4"/>
  <c r="CL187" i="4"/>
  <c r="CK187" i="4"/>
  <c r="CJ187" i="4"/>
  <c r="CI187" i="4"/>
  <c r="CH187" i="4"/>
  <c r="CG187" i="4"/>
  <c r="CF187" i="4"/>
  <c r="CE187" i="4"/>
  <c r="CD187" i="4"/>
  <c r="CC187" i="4"/>
  <c r="CB187" i="4"/>
  <c r="CA187" i="4"/>
  <c r="BZ187" i="4"/>
  <c r="BY187" i="4"/>
  <c r="BX187" i="4"/>
  <c r="BW187" i="4"/>
  <c r="BV187" i="4"/>
  <c r="BU187" i="4"/>
  <c r="BT187" i="4"/>
  <c r="BS187" i="4"/>
  <c r="BR187" i="4"/>
  <c r="BQ187" i="4"/>
  <c r="BP187" i="4"/>
  <c r="CN186" i="4"/>
  <c r="CM186" i="4"/>
  <c r="CL186" i="4"/>
  <c r="CK186" i="4"/>
  <c r="CJ186" i="4"/>
  <c r="CI186" i="4"/>
  <c r="CH186" i="4"/>
  <c r="CG186" i="4"/>
  <c r="CF186" i="4"/>
  <c r="CE186" i="4"/>
  <c r="CD186" i="4"/>
  <c r="CC186" i="4"/>
  <c r="CB186" i="4"/>
  <c r="CA186" i="4"/>
  <c r="BZ186" i="4"/>
  <c r="BY186" i="4"/>
  <c r="BX186" i="4"/>
  <c r="BW186" i="4"/>
  <c r="BV186" i="4"/>
  <c r="BU186" i="4"/>
  <c r="BT186" i="4"/>
  <c r="BS186" i="4"/>
  <c r="BR186" i="4"/>
  <c r="BQ186" i="4"/>
  <c r="BP186" i="4"/>
  <c r="CN185" i="4"/>
  <c r="CM185" i="4"/>
  <c r="CL185" i="4"/>
  <c r="CK185" i="4"/>
  <c r="CJ185" i="4"/>
  <c r="CI185" i="4"/>
  <c r="CH185" i="4"/>
  <c r="CG185" i="4"/>
  <c r="CF185" i="4"/>
  <c r="CE185" i="4"/>
  <c r="CD185" i="4"/>
  <c r="CC185" i="4"/>
  <c r="CB185" i="4"/>
  <c r="CA185" i="4"/>
  <c r="BZ185" i="4"/>
  <c r="BY185" i="4"/>
  <c r="BX185" i="4"/>
  <c r="BW185" i="4"/>
  <c r="BV185" i="4"/>
  <c r="BU185" i="4"/>
  <c r="BT185" i="4"/>
  <c r="BS185" i="4"/>
  <c r="BR185" i="4"/>
  <c r="BQ185" i="4"/>
  <c r="BP185" i="4"/>
  <c r="CN184" i="4"/>
  <c r="CM184" i="4"/>
  <c r="CL184" i="4"/>
  <c r="CK184" i="4"/>
  <c r="CJ184" i="4"/>
  <c r="CI184" i="4"/>
  <c r="CH184" i="4"/>
  <c r="CG184" i="4"/>
  <c r="CF184" i="4"/>
  <c r="CE184" i="4"/>
  <c r="CD184" i="4"/>
  <c r="CC184" i="4"/>
  <c r="CB184" i="4"/>
  <c r="CA184" i="4"/>
  <c r="BZ184" i="4"/>
  <c r="BY184" i="4"/>
  <c r="BX184" i="4"/>
  <c r="BW184" i="4"/>
  <c r="BV184" i="4"/>
  <c r="BU184" i="4"/>
  <c r="BT184" i="4"/>
  <c r="BS184" i="4"/>
  <c r="BR184" i="4"/>
  <c r="BQ184" i="4"/>
  <c r="BP184" i="4"/>
  <c r="CN183" i="4"/>
  <c r="CM183" i="4"/>
  <c r="CL183" i="4"/>
  <c r="CK183" i="4"/>
  <c r="CJ183" i="4"/>
  <c r="CI183" i="4"/>
  <c r="CH183" i="4"/>
  <c r="CG183" i="4"/>
  <c r="CF183" i="4"/>
  <c r="CE183" i="4"/>
  <c r="CD183" i="4"/>
  <c r="CC183" i="4"/>
  <c r="CB183" i="4"/>
  <c r="CA183" i="4"/>
  <c r="BZ183" i="4"/>
  <c r="BY183" i="4"/>
  <c r="BX183" i="4"/>
  <c r="BW183" i="4"/>
  <c r="BV183" i="4"/>
  <c r="BU183" i="4"/>
  <c r="BT183" i="4"/>
  <c r="BS183" i="4"/>
  <c r="BR183" i="4"/>
  <c r="BQ183" i="4"/>
  <c r="BP183" i="4"/>
  <c r="CN182" i="4"/>
  <c r="CM182" i="4"/>
  <c r="CL182" i="4"/>
  <c r="CK182" i="4"/>
  <c r="CJ182" i="4"/>
  <c r="CI182" i="4"/>
  <c r="CH182" i="4"/>
  <c r="CG182" i="4"/>
  <c r="CF182" i="4"/>
  <c r="CE182" i="4"/>
  <c r="CD182" i="4"/>
  <c r="CC182" i="4"/>
  <c r="CB182" i="4"/>
  <c r="CA182" i="4"/>
  <c r="BZ182" i="4"/>
  <c r="BY182" i="4"/>
  <c r="BX182" i="4"/>
  <c r="BW182" i="4"/>
  <c r="BV182" i="4"/>
  <c r="BU182" i="4"/>
  <c r="BT182" i="4"/>
  <c r="BS182" i="4"/>
  <c r="BR182" i="4"/>
  <c r="BQ182" i="4"/>
  <c r="BP182" i="4"/>
  <c r="CN181" i="4"/>
  <c r="CM181" i="4"/>
  <c r="CL181" i="4"/>
  <c r="CK181" i="4"/>
  <c r="CJ181" i="4"/>
  <c r="CI181" i="4"/>
  <c r="CH181" i="4"/>
  <c r="CG181" i="4"/>
  <c r="CF181" i="4"/>
  <c r="CE181" i="4"/>
  <c r="CD181" i="4"/>
  <c r="CC181" i="4"/>
  <c r="CB181" i="4"/>
  <c r="CA181" i="4"/>
  <c r="BZ181" i="4"/>
  <c r="BY181" i="4"/>
  <c r="BX181" i="4"/>
  <c r="BW181" i="4"/>
  <c r="BV181" i="4"/>
  <c r="BU181" i="4"/>
  <c r="BT181" i="4"/>
  <c r="BS181" i="4"/>
  <c r="BR181" i="4"/>
  <c r="BQ181" i="4"/>
  <c r="BP181" i="4"/>
  <c r="CN180" i="4"/>
  <c r="CM180" i="4"/>
  <c r="CL180" i="4"/>
  <c r="CK180" i="4"/>
  <c r="CJ180" i="4"/>
  <c r="CI180" i="4"/>
  <c r="CH180" i="4"/>
  <c r="CG180" i="4"/>
  <c r="CF180" i="4"/>
  <c r="CE180" i="4"/>
  <c r="CD180" i="4"/>
  <c r="CC180" i="4"/>
  <c r="CB180" i="4"/>
  <c r="CA180" i="4"/>
  <c r="BZ180" i="4"/>
  <c r="BY180" i="4"/>
  <c r="BX180" i="4"/>
  <c r="BW180" i="4"/>
  <c r="BV180" i="4"/>
  <c r="BU180" i="4"/>
  <c r="BT180" i="4"/>
  <c r="BS180" i="4"/>
  <c r="BR180" i="4"/>
  <c r="BQ180" i="4"/>
  <c r="BP180" i="4"/>
  <c r="CN179" i="4"/>
  <c r="CM179" i="4"/>
  <c r="CL179" i="4"/>
  <c r="CK179" i="4"/>
  <c r="CJ179" i="4"/>
  <c r="CI179" i="4"/>
  <c r="CH179" i="4"/>
  <c r="CG179" i="4"/>
  <c r="CF179" i="4"/>
  <c r="CE179" i="4"/>
  <c r="CD179" i="4"/>
  <c r="CC179" i="4"/>
  <c r="CB179" i="4"/>
  <c r="CA179" i="4"/>
  <c r="BZ179" i="4"/>
  <c r="BY179" i="4"/>
  <c r="BX179" i="4"/>
  <c r="BW179" i="4"/>
  <c r="BV179" i="4"/>
  <c r="BU179" i="4"/>
  <c r="BT179" i="4"/>
  <c r="BS179" i="4"/>
  <c r="BR179" i="4"/>
  <c r="BQ179" i="4"/>
  <c r="BP179" i="4"/>
  <c r="CN178" i="4"/>
  <c r="CM178" i="4"/>
  <c r="CL178" i="4"/>
  <c r="CK178" i="4"/>
  <c r="CJ178" i="4"/>
  <c r="CI178" i="4"/>
  <c r="CH178" i="4"/>
  <c r="CG178" i="4"/>
  <c r="CF178" i="4"/>
  <c r="CE178" i="4"/>
  <c r="CD178" i="4"/>
  <c r="CC178" i="4"/>
  <c r="CB178" i="4"/>
  <c r="CA178" i="4"/>
  <c r="BZ178" i="4"/>
  <c r="BY178" i="4"/>
  <c r="BX178" i="4"/>
  <c r="BW178" i="4"/>
  <c r="BV178" i="4"/>
  <c r="BU178" i="4"/>
  <c r="BT178" i="4"/>
  <c r="BS178" i="4"/>
  <c r="BR178" i="4"/>
  <c r="BQ178" i="4"/>
  <c r="BP178" i="4"/>
  <c r="CN177" i="4"/>
  <c r="CM177" i="4"/>
  <c r="CL177" i="4"/>
  <c r="CK177" i="4"/>
  <c r="CJ177" i="4"/>
  <c r="CI177" i="4"/>
  <c r="CH177" i="4"/>
  <c r="CG177" i="4"/>
  <c r="CF177" i="4"/>
  <c r="CE177" i="4"/>
  <c r="CD177" i="4"/>
  <c r="CC177" i="4"/>
  <c r="CB177" i="4"/>
  <c r="CA177" i="4"/>
  <c r="BZ177" i="4"/>
  <c r="BY177" i="4"/>
  <c r="BX177" i="4"/>
  <c r="BW177" i="4"/>
  <c r="BV177" i="4"/>
  <c r="BU177" i="4"/>
  <c r="BT177" i="4"/>
  <c r="BS177" i="4"/>
  <c r="BR177" i="4"/>
  <c r="BQ177" i="4"/>
  <c r="BP177" i="4"/>
  <c r="CN176" i="4"/>
  <c r="CM176" i="4"/>
  <c r="CL176" i="4"/>
  <c r="CK176" i="4"/>
  <c r="CJ176" i="4"/>
  <c r="CI176" i="4"/>
  <c r="CH176" i="4"/>
  <c r="CG176" i="4"/>
  <c r="CF176" i="4"/>
  <c r="CE176" i="4"/>
  <c r="CD176" i="4"/>
  <c r="CC176" i="4"/>
  <c r="CB176" i="4"/>
  <c r="CA176" i="4"/>
  <c r="BZ176" i="4"/>
  <c r="BY176" i="4"/>
  <c r="BX176" i="4"/>
  <c r="BW176" i="4"/>
  <c r="BV176" i="4"/>
  <c r="BU176" i="4"/>
  <c r="BT176" i="4"/>
  <c r="BS176" i="4"/>
  <c r="BR176" i="4"/>
  <c r="BQ176" i="4"/>
  <c r="BP176" i="4"/>
  <c r="CN175" i="4"/>
  <c r="CM175" i="4"/>
  <c r="CL175" i="4"/>
  <c r="CK175" i="4"/>
  <c r="CJ175" i="4"/>
  <c r="CI175" i="4"/>
  <c r="CH175" i="4"/>
  <c r="CG175" i="4"/>
  <c r="CF175" i="4"/>
  <c r="CE175" i="4"/>
  <c r="CD175" i="4"/>
  <c r="CC175" i="4"/>
  <c r="CB175" i="4"/>
  <c r="CA175" i="4"/>
  <c r="BZ175" i="4"/>
  <c r="BY175" i="4"/>
  <c r="BX175" i="4"/>
  <c r="BW175" i="4"/>
  <c r="BV175" i="4"/>
  <c r="BU175" i="4"/>
  <c r="BT175" i="4"/>
  <c r="BS175" i="4"/>
  <c r="BR175" i="4"/>
  <c r="BQ175" i="4"/>
  <c r="BP175" i="4"/>
  <c r="CN174" i="4"/>
  <c r="CM174" i="4"/>
  <c r="CL174" i="4"/>
  <c r="CK174" i="4"/>
  <c r="CJ174" i="4"/>
  <c r="CI174" i="4"/>
  <c r="CH174" i="4"/>
  <c r="CG174" i="4"/>
  <c r="CF174" i="4"/>
  <c r="CE174" i="4"/>
  <c r="CD174" i="4"/>
  <c r="CC174" i="4"/>
  <c r="CB174" i="4"/>
  <c r="CA174" i="4"/>
  <c r="BZ174" i="4"/>
  <c r="BY174" i="4"/>
  <c r="BX174" i="4"/>
  <c r="BW174" i="4"/>
  <c r="BV174" i="4"/>
  <c r="BU174" i="4"/>
  <c r="BT174" i="4"/>
  <c r="BS174" i="4"/>
  <c r="BR174" i="4"/>
  <c r="BQ174" i="4"/>
  <c r="BP174" i="4"/>
  <c r="CN173" i="4"/>
  <c r="CM173" i="4"/>
  <c r="CL173" i="4"/>
  <c r="CK173" i="4"/>
  <c r="CJ173" i="4"/>
  <c r="CI173" i="4"/>
  <c r="CH173" i="4"/>
  <c r="CG173" i="4"/>
  <c r="CF173" i="4"/>
  <c r="CE173" i="4"/>
  <c r="CD173" i="4"/>
  <c r="CC173" i="4"/>
  <c r="CB173" i="4"/>
  <c r="CA173" i="4"/>
  <c r="BZ173" i="4"/>
  <c r="BY173" i="4"/>
  <c r="BX173" i="4"/>
  <c r="BW173" i="4"/>
  <c r="BV173" i="4"/>
  <c r="BU173" i="4"/>
  <c r="BT173" i="4"/>
  <c r="BS173" i="4"/>
  <c r="BR173" i="4"/>
  <c r="BQ173" i="4"/>
  <c r="BP173" i="4"/>
  <c r="CN172" i="4"/>
  <c r="CM172" i="4"/>
  <c r="CL172" i="4"/>
  <c r="CK172" i="4"/>
  <c r="CJ172" i="4"/>
  <c r="CI172" i="4"/>
  <c r="CH172" i="4"/>
  <c r="CG172" i="4"/>
  <c r="CF172" i="4"/>
  <c r="CE172" i="4"/>
  <c r="CD172" i="4"/>
  <c r="CC172" i="4"/>
  <c r="CB172" i="4"/>
  <c r="CA172" i="4"/>
  <c r="BZ172" i="4"/>
  <c r="BY172" i="4"/>
  <c r="BX172" i="4"/>
  <c r="BW172" i="4"/>
  <c r="BV172" i="4"/>
  <c r="BU172" i="4"/>
  <c r="BT172" i="4"/>
  <c r="BS172" i="4"/>
  <c r="BR172" i="4"/>
  <c r="BQ172" i="4"/>
  <c r="BP172" i="4"/>
  <c r="CN171" i="4"/>
  <c r="CM171" i="4"/>
  <c r="CL171" i="4"/>
  <c r="CK171" i="4"/>
  <c r="CJ171" i="4"/>
  <c r="CI171" i="4"/>
  <c r="CH171" i="4"/>
  <c r="CG171" i="4"/>
  <c r="CF171" i="4"/>
  <c r="CE171" i="4"/>
  <c r="CD171" i="4"/>
  <c r="CC171" i="4"/>
  <c r="CB171" i="4"/>
  <c r="CA171" i="4"/>
  <c r="BZ171" i="4"/>
  <c r="BY171" i="4"/>
  <c r="BX171" i="4"/>
  <c r="BW171" i="4"/>
  <c r="BV171" i="4"/>
  <c r="BU171" i="4"/>
  <c r="BT171" i="4"/>
  <c r="BS171" i="4"/>
  <c r="BR171" i="4"/>
  <c r="BQ171" i="4"/>
  <c r="BP171" i="4"/>
  <c r="CN170" i="4"/>
  <c r="CM170" i="4"/>
  <c r="CL170" i="4"/>
  <c r="CK170" i="4"/>
  <c r="CJ170" i="4"/>
  <c r="CI170" i="4"/>
  <c r="CH170" i="4"/>
  <c r="CG170" i="4"/>
  <c r="CF170" i="4"/>
  <c r="CE170" i="4"/>
  <c r="CD170" i="4"/>
  <c r="CC170" i="4"/>
  <c r="CB170" i="4"/>
  <c r="CA170" i="4"/>
  <c r="BZ170" i="4"/>
  <c r="BY170" i="4"/>
  <c r="BX170" i="4"/>
  <c r="BW170" i="4"/>
  <c r="BV170" i="4"/>
  <c r="BU170" i="4"/>
  <c r="BT170" i="4"/>
  <c r="BS170" i="4"/>
  <c r="BR170" i="4"/>
  <c r="BQ170" i="4"/>
  <c r="BP170" i="4"/>
  <c r="CN169" i="4"/>
  <c r="CM169" i="4"/>
  <c r="CL169" i="4"/>
  <c r="CK169" i="4"/>
  <c r="CJ169" i="4"/>
  <c r="CI169" i="4"/>
  <c r="CH169" i="4"/>
  <c r="CG169" i="4"/>
  <c r="CF169" i="4"/>
  <c r="CE169" i="4"/>
  <c r="CD169" i="4"/>
  <c r="CC169" i="4"/>
  <c r="CB169" i="4"/>
  <c r="CA169" i="4"/>
  <c r="BZ169" i="4"/>
  <c r="BY169" i="4"/>
  <c r="BX169" i="4"/>
  <c r="BW169" i="4"/>
  <c r="BV169" i="4"/>
  <c r="BU169" i="4"/>
  <c r="BT169" i="4"/>
  <c r="BS169" i="4"/>
  <c r="BR169" i="4"/>
  <c r="BQ169" i="4"/>
  <c r="BP169" i="4"/>
  <c r="CN168" i="4"/>
  <c r="CM168" i="4"/>
  <c r="CL168" i="4"/>
  <c r="CK168" i="4"/>
  <c r="CJ168" i="4"/>
  <c r="CI168" i="4"/>
  <c r="CH168" i="4"/>
  <c r="CG168" i="4"/>
  <c r="CF168" i="4"/>
  <c r="CE168" i="4"/>
  <c r="CD168" i="4"/>
  <c r="CC168" i="4"/>
  <c r="CB168" i="4"/>
  <c r="CA168" i="4"/>
  <c r="BZ168" i="4"/>
  <c r="BY168" i="4"/>
  <c r="BX168" i="4"/>
  <c r="BW168" i="4"/>
  <c r="BV168" i="4"/>
  <c r="BU168" i="4"/>
  <c r="BT168" i="4"/>
  <c r="BS168" i="4"/>
  <c r="BR168" i="4"/>
  <c r="BQ168" i="4"/>
  <c r="BP168" i="4"/>
  <c r="CN165" i="4"/>
  <c r="CM165" i="4"/>
  <c r="CL165" i="4"/>
  <c r="CK165" i="4"/>
  <c r="CJ165" i="4"/>
  <c r="CI165" i="4"/>
  <c r="CH165" i="4"/>
  <c r="CG165" i="4"/>
  <c r="CF165" i="4"/>
  <c r="CE165" i="4"/>
  <c r="CD165" i="4"/>
  <c r="CC165" i="4"/>
  <c r="CB165" i="4"/>
  <c r="CA165" i="4"/>
  <c r="BZ165" i="4"/>
  <c r="BY165" i="4"/>
  <c r="BX165" i="4"/>
  <c r="BW165" i="4"/>
  <c r="BV165" i="4"/>
  <c r="BU165" i="4"/>
  <c r="BT165" i="4"/>
  <c r="BS165" i="4"/>
  <c r="BR165" i="4"/>
  <c r="BQ165" i="4"/>
  <c r="BP165" i="4"/>
  <c r="CN166" i="4"/>
  <c r="CM166" i="4"/>
  <c r="CL166" i="4"/>
  <c r="CK166" i="4"/>
  <c r="CJ166" i="4"/>
  <c r="CI166" i="4"/>
  <c r="CH166" i="4"/>
  <c r="CG166" i="4"/>
  <c r="CF166" i="4"/>
  <c r="CE166" i="4"/>
  <c r="CD166" i="4"/>
  <c r="CC166" i="4"/>
  <c r="CB166" i="4"/>
  <c r="CA166" i="4"/>
  <c r="BZ166" i="4"/>
  <c r="BY166" i="4"/>
  <c r="BX166" i="4"/>
  <c r="BW166" i="4"/>
  <c r="BV166" i="4"/>
  <c r="BU166" i="4"/>
  <c r="BT166" i="4"/>
  <c r="BS166" i="4"/>
  <c r="BR166" i="4"/>
  <c r="BQ166" i="4"/>
  <c r="BP166" i="4"/>
  <c r="CN164" i="4"/>
  <c r="CM164" i="4"/>
  <c r="CL164" i="4"/>
  <c r="CK164" i="4"/>
  <c r="CJ164" i="4"/>
  <c r="CI164" i="4"/>
  <c r="CH164" i="4"/>
  <c r="CG164" i="4"/>
  <c r="CF164" i="4"/>
  <c r="CE164" i="4"/>
  <c r="CD164" i="4"/>
  <c r="CC164" i="4"/>
  <c r="CB164" i="4"/>
  <c r="CA164" i="4"/>
  <c r="BZ164" i="4"/>
  <c r="BY164" i="4"/>
  <c r="BX164" i="4"/>
  <c r="BW164" i="4"/>
  <c r="BV164" i="4"/>
  <c r="BU164" i="4"/>
  <c r="BT164" i="4"/>
  <c r="BS164" i="4"/>
  <c r="BR164" i="4"/>
  <c r="BQ164" i="4"/>
  <c r="BP164" i="4"/>
  <c r="CN163" i="4"/>
  <c r="CM163" i="4"/>
  <c r="CL163" i="4"/>
  <c r="CK163" i="4"/>
  <c r="CJ163" i="4"/>
  <c r="CI163" i="4"/>
  <c r="CH163" i="4"/>
  <c r="CG163" i="4"/>
  <c r="CF163" i="4"/>
  <c r="CE163" i="4"/>
  <c r="CD163" i="4"/>
  <c r="CC163" i="4"/>
  <c r="CB163" i="4"/>
  <c r="CA163" i="4"/>
  <c r="BZ163" i="4"/>
  <c r="BY163" i="4"/>
  <c r="BX163" i="4"/>
  <c r="BW163" i="4"/>
  <c r="BV163" i="4"/>
  <c r="BU163" i="4"/>
  <c r="BT163" i="4"/>
  <c r="BS163" i="4"/>
  <c r="BR163" i="4"/>
  <c r="BQ163" i="4"/>
  <c r="BP163" i="4"/>
  <c r="CN162" i="4"/>
  <c r="CM162" i="4"/>
  <c r="CL162" i="4"/>
  <c r="CK162" i="4"/>
  <c r="CJ162" i="4"/>
  <c r="CI162" i="4"/>
  <c r="CH162" i="4"/>
  <c r="CG162" i="4"/>
  <c r="CF162" i="4"/>
  <c r="CE162" i="4"/>
  <c r="CD162" i="4"/>
  <c r="CC162" i="4"/>
  <c r="CB162" i="4"/>
  <c r="CA162" i="4"/>
  <c r="BZ162" i="4"/>
  <c r="BY162" i="4"/>
  <c r="BX162" i="4"/>
  <c r="BW162" i="4"/>
  <c r="BV162" i="4"/>
  <c r="BU162" i="4"/>
  <c r="BT162" i="4"/>
  <c r="BS162" i="4"/>
  <c r="BR162" i="4"/>
  <c r="BQ162" i="4"/>
  <c r="BP162" i="4"/>
  <c r="CN161" i="4"/>
  <c r="CM161" i="4"/>
  <c r="CL161" i="4"/>
  <c r="CK161" i="4"/>
  <c r="CJ161" i="4"/>
  <c r="CI161" i="4"/>
  <c r="CH161" i="4"/>
  <c r="CG161" i="4"/>
  <c r="CF161" i="4"/>
  <c r="CE161" i="4"/>
  <c r="CD161" i="4"/>
  <c r="CC161" i="4"/>
  <c r="CB161" i="4"/>
  <c r="CA161" i="4"/>
  <c r="BZ161" i="4"/>
  <c r="BY161" i="4"/>
  <c r="BX161" i="4"/>
  <c r="BW161" i="4"/>
  <c r="BV161" i="4"/>
  <c r="BU161" i="4"/>
  <c r="BT161" i="4"/>
  <c r="BS161" i="4"/>
  <c r="BR161" i="4"/>
  <c r="BQ161" i="4"/>
  <c r="BP161" i="4"/>
  <c r="CN160" i="4"/>
  <c r="CM160" i="4"/>
  <c r="CL160" i="4"/>
  <c r="CK160" i="4"/>
  <c r="CJ160" i="4"/>
  <c r="CI160" i="4"/>
  <c r="CH160" i="4"/>
  <c r="CG160" i="4"/>
  <c r="CF160" i="4"/>
  <c r="CE160" i="4"/>
  <c r="CD160" i="4"/>
  <c r="CC160" i="4"/>
  <c r="CB160" i="4"/>
  <c r="CA160" i="4"/>
  <c r="BZ160" i="4"/>
  <c r="BY160" i="4"/>
  <c r="BX160" i="4"/>
  <c r="BW160" i="4"/>
  <c r="BV160" i="4"/>
  <c r="BU160" i="4"/>
  <c r="BT160" i="4"/>
  <c r="BS160" i="4"/>
  <c r="BR160" i="4"/>
  <c r="BQ160" i="4"/>
  <c r="BP160" i="4"/>
  <c r="CN159" i="4"/>
  <c r="CM159" i="4"/>
  <c r="CL159" i="4"/>
  <c r="CK159" i="4"/>
  <c r="CJ159" i="4"/>
  <c r="CI159" i="4"/>
  <c r="CH159" i="4"/>
  <c r="CG159" i="4"/>
  <c r="CF159" i="4"/>
  <c r="CE159" i="4"/>
  <c r="CD159" i="4"/>
  <c r="CC159" i="4"/>
  <c r="CB159" i="4"/>
  <c r="CA159" i="4"/>
  <c r="BZ159" i="4"/>
  <c r="BY159" i="4"/>
  <c r="BX159" i="4"/>
  <c r="BW159" i="4"/>
  <c r="BV159" i="4"/>
  <c r="BU159" i="4"/>
  <c r="BT159" i="4"/>
  <c r="BS159" i="4"/>
  <c r="BR159" i="4"/>
  <c r="BQ159" i="4"/>
  <c r="BP159" i="4"/>
  <c r="CN158" i="4"/>
  <c r="CM158" i="4"/>
  <c r="CL158" i="4"/>
  <c r="CK158" i="4"/>
  <c r="CJ158" i="4"/>
  <c r="CI158" i="4"/>
  <c r="CH158" i="4"/>
  <c r="CG158" i="4"/>
  <c r="CF158" i="4"/>
  <c r="CE158" i="4"/>
  <c r="CD158" i="4"/>
  <c r="CC158" i="4"/>
  <c r="CB158" i="4"/>
  <c r="CA158" i="4"/>
  <c r="BZ158" i="4"/>
  <c r="BY158" i="4"/>
  <c r="BX158" i="4"/>
  <c r="BW158" i="4"/>
  <c r="BV158" i="4"/>
  <c r="BU158" i="4"/>
  <c r="BT158" i="4"/>
  <c r="BS158" i="4"/>
  <c r="BR158" i="4"/>
  <c r="BQ158" i="4"/>
  <c r="BP158" i="4"/>
  <c r="CN157" i="4"/>
  <c r="CM157" i="4"/>
  <c r="CL157" i="4"/>
  <c r="CK157" i="4"/>
  <c r="CJ157" i="4"/>
  <c r="CI157" i="4"/>
  <c r="CH157" i="4"/>
  <c r="CG157" i="4"/>
  <c r="CF157" i="4"/>
  <c r="CE157" i="4"/>
  <c r="CD157" i="4"/>
  <c r="CC157" i="4"/>
  <c r="CB157" i="4"/>
  <c r="CA157" i="4"/>
  <c r="BZ157" i="4"/>
  <c r="BY157" i="4"/>
  <c r="BX157" i="4"/>
  <c r="BW157" i="4"/>
  <c r="BV157" i="4"/>
  <c r="BU157" i="4"/>
  <c r="BT157" i="4"/>
  <c r="BS157" i="4"/>
  <c r="BR157" i="4"/>
  <c r="BQ157" i="4"/>
  <c r="BP157" i="4"/>
  <c r="CN156" i="4"/>
  <c r="CM156" i="4"/>
  <c r="CL156" i="4"/>
  <c r="CK156" i="4"/>
  <c r="CJ156" i="4"/>
  <c r="CI156" i="4"/>
  <c r="CH156" i="4"/>
  <c r="CG156" i="4"/>
  <c r="CF156" i="4"/>
  <c r="CE156" i="4"/>
  <c r="CD156" i="4"/>
  <c r="CC156" i="4"/>
  <c r="CB156" i="4"/>
  <c r="CA156" i="4"/>
  <c r="BZ156" i="4"/>
  <c r="BY156" i="4"/>
  <c r="BX156" i="4"/>
  <c r="BW156" i="4"/>
  <c r="BV156" i="4"/>
  <c r="BU156" i="4"/>
  <c r="BT156" i="4"/>
  <c r="BS156" i="4"/>
  <c r="BR156" i="4"/>
  <c r="BQ156" i="4"/>
  <c r="BP156" i="4"/>
  <c r="CN155" i="4"/>
  <c r="CM155" i="4"/>
  <c r="CL155" i="4"/>
  <c r="CK155" i="4"/>
  <c r="CJ155" i="4"/>
  <c r="CI155" i="4"/>
  <c r="CH155" i="4"/>
  <c r="CG155" i="4"/>
  <c r="CF155" i="4"/>
  <c r="CE155" i="4"/>
  <c r="CD155" i="4"/>
  <c r="CC155" i="4"/>
  <c r="CB155" i="4"/>
  <c r="CA155" i="4"/>
  <c r="BZ155" i="4"/>
  <c r="BY155" i="4"/>
  <c r="BX155" i="4"/>
  <c r="BW155" i="4"/>
  <c r="BV155" i="4"/>
  <c r="BU155" i="4"/>
  <c r="BT155" i="4"/>
  <c r="BS155" i="4"/>
  <c r="BR155" i="4"/>
  <c r="BQ155" i="4"/>
  <c r="BP155" i="4"/>
  <c r="CN151" i="4"/>
  <c r="CM151" i="4"/>
  <c r="CL151" i="4"/>
  <c r="CK151" i="4"/>
  <c r="CJ151" i="4"/>
  <c r="CI151" i="4"/>
  <c r="CH151" i="4"/>
  <c r="CG151" i="4"/>
  <c r="CF151" i="4"/>
  <c r="CE151" i="4"/>
  <c r="CD151" i="4"/>
  <c r="CC151" i="4"/>
  <c r="CB151" i="4"/>
  <c r="CA151" i="4"/>
  <c r="BZ151" i="4"/>
  <c r="BY151" i="4"/>
  <c r="BX151" i="4"/>
  <c r="BW151" i="4"/>
  <c r="BV151" i="4"/>
  <c r="BU151" i="4"/>
  <c r="BT151" i="4"/>
  <c r="BS151" i="4"/>
  <c r="BR151" i="4"/>
  <c r="BQ151" i="4"/>
  <c r="BP151" i="4"/>
  <c r="CN150" i="4"/>
  <c r="CM150" i="4"/>
  <c r="CL150" i="4"/>
  <c r="CK150" i="4"/>
  <c r="CJ150" i="4"/>
  <c r="CI150" i="4"/>
  <c r="CH150" i="4"/>
  <c r="CG150" i="4"/>
  <c r="CF150" i="4"/>
  <c r="CE150" i="4"/>
  <c r="CD150" i="4"/>
  <c r="CC150" i="4"/>
  <c r="CB150" i="4"/>
  <c r="CA150" i="4"/>
  <c r="BZ150" i="4"/>
  <c r="BY150" i="4"/>
  <c r="BX150" i="4"/>
  <c r="BW150" i="4"/>
  <c r="BV150" i="4"/>
  <c r="BU150" i="4"/>
  <c r="BT150" i="4"/>
  <c r="BS150" i="4"/>
  <c r="BR150" i="4"/>
  <c r="BQ150" i="4"/>
  <c r="BP150" i="4"/>
  <c r="CN149" i="4"/>
  <c r="CM149" i="4"/>
  <c r="CL149" i="4"/>
  <c r="CK149" i="4"/>
  <c r="CJ149" i="4"/>
  <c r="CI149" i="4"/>
  <c r="CH149" i="4"/>
  <c r="CG149" i="4"/>
  <c r="CF149" i="4"/>
  <c r="CE149" i="4"/>
  <c r="CD149" i="4"/>
  <c r="CC149" i="4"/>
  <c r="CB149" i="4"/>
  <c r="CA149" i="4"/>
  <c r="BZ149" i="4"/>
  <c r="BY149" i="4"/>
  <c r="BX149" i="4"/>
  <c r="BW149" i="4"/>
  <c r="BV149" i="4"/>
  <c r="BU149" i="4"/>
  <c r="BT149" i="4"/>
  <c r="BS149" i="4"/>
  <c r="BR149" i="4"/>
  <c r="BQ149" i="4"/>
  <c r="BP149" i="4"/>
  <c r="CN148" i="4"/>
  <c r="CM148" i="4"/>
  <c r="CL148" i="4"/>
  <c r="CK148" i="4"/>
  <c r="CJ148" i="4"/>
  <c r="CI148" i="4"/>
  <c r="CH148" i="4"/>
  <c r="CG148" i="4"/>
  <c r="CF148" i="4"/>
  <c r="CE148" i="4"/>
  <c r="CD148" i="4"/>
  <c r="CC148" i="4"/>
  <c r="CB148" i="4"/>
  <c r="CA148" i="4"/>
  <c r="BZ148" i="4"/>
  <c r="BY148" i="4"/>
  <c r="BX148" i="4"/>
  <c r="BW148" i="4"/>
  <c r="BV148" i="4"/>
  <c r="BU148" i="4"/>
  <c r="BT148" i="4"/>
  <c r="BS148" i="4"/>
  <c r="BR148" i="4"/>
  <c r="BQ148" i="4"/>
  <c r="BP148" i="4"/>
  <c r="CN146" i="4"/>
  <c r="CM146" i="4"/>
  <c r="CL146" i="4"/>
  <c r="CK146" i="4"/>
  <c r="CJ146" i="4"/>
  <c r="CI146" i="4"/>
  <c r="CH146" i="4"/>
  <c r="CG146" i="4"/>
  <c r="CF146" i="4"/>
  <c r="CE146" i="4"/>
  <c r="CD146" i="4"/>
  <c r="CC146" i="4"/>
  <c r="CB146" i="4"/>
  <c r="CA146" i="4"/>
  <c r="BZ146" i="4"/>
  <c r="BY146" i="4"/>
  <c r="BX146" i="4"/>
  <c r="BW146" i="4"/>
  <c r="BV146" i="4"/>
  <c r="BU146" i="4"/>
  <c r="BT146" i="4"/>
  <c r="BS146" i="4"/>
  <c r="BR146" i="4"/>
  <c r="BQ146" i="4"/>
  <c r="BP146" i="4"/>
  <c r="CN145" i="4"/>
  <c r="CM145" i="4"/>
  <c r="CL145" i="4"/>
  <c r="CK145" i="4"/>
  <c r="CJ145" i="4"/>
  <c r="CI145" i="4"/>
  <c r="CH145" i="4"/>
  <c r="CG145" i="4"/>
  <c r="CF145" i="4"/>
  <c r="CE145" i="4"/>
  <c r="CD145" i="4"/>
  <c r="CC145" i="4"/>
  <c r="CB145" i="4"/>
  <c r="CA145" i="4"/>
  <c r="BZ145" i="4"/>
  <c r="BY145" i="4"/>
  <c r="BX145" i="4"/>
  <c r="BW145" i="4"/>
  <c r="BV145" i="4"/>
  <c r="BU145" i="4"/>
  <c r="BT145" i="4"/>
  <c r="BS145" i="4"/>
  <c r="BR145" i="4"/>
  <c r="BQ145" i="4"/>
  <c r="BP145" i="4"/>
  <c r="CN126" i="4"/>
  <c r="CM126" i="4"/>
  <c r="CL126" i="4"/>
  <c r="CK126" i="4"/>
  <c r="CJ126" i="4"/>
  <c r="CI126" i="4"/>
  <c r="CH126" i="4"/>
  <c r="CG126" i="4"/>
  <c r="CF126" i="4"/>
  <c r="CE126" i="4"/>
  <c r="CD126" i="4"/>
  <c r="CC126" i="4"/>
  <c r="CB126" i="4"/>
  <c r="CA126" i="4"/>
  <c r="BZ126" i="4"/>
  <c r="BY126" i="4"/>
  <c r="BX126" i="4"/>
  <c r="BW126" i="4"/>
  <c r="BV126" i="4"/>
  <c r="BU126" i="4"/>
  <c r="BT126" i="4"/>
  <c r="BS126" i="4"/>
  <c r="BR126" i="4"/>
  <c r="BQ126" i="4"/>
  <c r="BP126" i="4"/>
  <c r="CN125" i="4"/>
  <c r="CM125" i="4"/>
  <c r="CL125" i="4"/>
  <c r="CK125" i="4"/>
  <c r="CJ125" i="4"/>
  <c r="CI125" i="4"/>
  <c r="CH125" i="4"/>
  <c r="CG125" i="4"/>
  <c r="CF125" i="4"/>
  <c r="CE125" i="4"/>
  <c r="CD125" i="4"/>
  <c r="CC125" i="4"/>
  <c r="CB125" i="4"/>
  <c r="CA125" i="4"/>
  <c r="BZ125" i="4"/>
  <c r="BY125" i="4"/>
  <c r="BX125" i="4"/>
  <c r="BW125" i="4"/>
  <c r="BV125" i="4"/>
  <c r="BU125" i="4"/>
  <c r="BT125" i="4"/>
  <c r="BS125" i="4"/>
  <c r="BR125" i="4"/>
  <c r="BQ125" i="4"/>
  <c r="BP125" i="4"/>
  <c r="CN131" i="4"/>
  <c r="CM131" i="4"/>
  <c r="CL131" i="4"/>
  <c r="CK131" i="4"/>
  <c r="CJ131" i="4"/>
  <c r="CI131" i="4"/>
  <c r="CH131" i="4"/>
  <c r="CG131" i="4"/>
  <c r="CF131" i="4"/>
  <c r="CE131" i="4"/>
  <c r="CD131" i="4"/>
  <c r="CC131" i="4"/>
  <c r="CB131" i="4"/>
  <c r="CA131" i="4"/>
  <c r="BZ131" i="4"/>
  <c r="BY131" i="4"/>
  <c r="BX131" i="4"/>
  <c r="BW131" i="4"/>
  <c r="BV131" i="4"/>
  <c r="BU131" i="4"/>
  <c r="BT131" i="4"/>
  <c r="BS131" i="4"/>
  <c r="BR131" i="4"/>
  <c r="BQ131" i="4"/>
  <c r="BP131" i="4"/>
  <c r="CN130" i="4"/>
  <c r="CM130" i="4"/>
  <c r="CL130" i="4"/>
  <c r="CK130" i="4"/>
  <c r="CJ130" i="4"/>
  <c r="CI130" i="4"/>
  <c r="CH130" i="4"/>
  <c r="CG130" i="4"/>
  <c r="CF130" i="4"/>
  <c r="CE130" i="4"/>
  <c r="CD130" i="4"/>
  <c r="CC130" i="4"/>
  <c r="CB130" i="4"/>
  <c r="CA130" i="4"/>
  <c r="BZ130" i="4"/>
  <c r="BY130" i="4"/>
  <c r="BX130" i="4"/>
  <c r="BW130" i="4"/>
  <c r="BV130" i="4"/>
  <c r="BU130" i="4"/>
  <c r="BT130" i="4"/>
  <c r="BS130" i="4"/>
  <c r="BR130" i="4"/>
  <c r="BQ130" i="4"/>
  <c r="BP130" i="4"/>
  <c r="CN129" i="4"/>
  <c r="CM129" i="4"/>
  <c r="CL129" i="4"/>
  <c r="CK129" i="4"/>
  <c r="CJ129" i="4"/>
  <c r="CI129" i="4"/>
  <c r="CH129" i="4"/>
  <c r="CG129" i="4"/>
  <c r="CF129" i="4"/>
  <c r="CE129" i="4"/>
  <c r="CD129" i="4"/>
  <c r="CC129" i="4"/>
  <c r="CB129" i="4"/>
  <c r="CA129" i="4"/>
  <c r="BZ129" i="4"/>
  <c r="BY129" i="4"/>
  <c r="BX129" i="4"/>
  <c r="BW129" i="4"/>
  <c r="BV129" i="4"/>
  <c r="BU129" i="4"/>
  <c r="BT129" i="4"/>
  <c r="BS129" i="4"/>
  <c r="BR129" i="4"/>
  <c r="BQ129" i="4"/>
  <c r="BP129" i="4"/>
  <c r="CN128" i="4"/>
  <c r="CM128" i="4"/>
  <c r="CL128" i="4"/>
  <c r="CK128" i="4"/>
  <c r="CJ128" i="4"/>
  <c r="CI128" i="4"/>
  <c r="CH128" i="4"/>
  <c r="CG128" i="4"/>
  <c r="CF128" i="4"/>
  <c r="CE128" i="4"/>
  <c r="CD128" i="4"/>
  <c r="CC128" i="4"/>
  <c r="CB128" i="4"/>
  <c r="CA128" i="4"/>
  <c r="BZ128" i="4"/>
  <c r="BY128" i="4"/>
  <c r="BX128" i="4"/>
  <c r="BW128" i="4"/>
  <c r="BV128" i="4"/>
  <c r="BU128" i="4"/>
  <c r="BT128" i="4"/>
  <c r="BS128" i="4"/>
  <c r="BR128" i="4"/>
  <c r="BQ128" i="4"/>
  <c r="BP128" i="4"/>
  <c r="CN121" i="4"/>
  <c r="CM121" i="4"/>
  <c r="CL121" i="4"/>
  <c r="CK121" i="4"/>
  <c r="CJ121" i="4"/>
  <c r="CI121" i="4"/>
  <c r="CH121" i="4"/>
  <c r="CG121" i="4"/>
  <c r="CF121" i="4"/>
  <c r="CE121" i="4"/>
  <c r="CD121" i="4"/>
  <c r="CC121" i="4"/>
  <c r="CB121" i="4"/>
  <c r="CA121" i="4"/>
  <c r="BZ121" i="4"/>
  <c r="BY121" i="4"/>
  <c r="BX121" i="4"/>
  <c r="BW121" i="4"/>
  <c r="BV121" i="4"/>
  <c r="BU121" i="4"/>
  <c r="BT121" i="4"/>
  <c r="BS121" i="4"/>
  <c r="BR121" i="4"/>
  <c r="BQ121" i="4"/>
  <c r="BP121" i="4"/>
  <c r="CN120" i="4"/>
  <c r="CM120" i="4"/>
  <c r="CL120" i="4"/>
  <c r="CK120" i="4"/>
  <c r="CJ120" i="4"/>
  <c r="CI120" i="4"/>
  <c r="CH120" i="4"/>
  <c r="CG120" i="4"/>
  <c r="CF120" i="4"/>
  <c r="CE120" i="4"/>
  <c r="CD120" i="4"/>
  <c r="CC120" i="4"/>
  <c r="CB120" i="4"/>
  <c r="CA120" i="4"/>
  <c r="BZ120" i="4"/>
  <c r="BY120" i="4"/>
  <c r="BX120" i="4"/>
  <c r="BW120" i="4"/>
  <c r="BV120" i="4"/>
  <c r="BU120" i="4"/>
  <c r="BT120" i="4"/>
  <c r="BS120" i="4"/>
  <c r="BR120" i="4"/>
  <c r="BQ120" i="4"/>
  <c r="BP120" i="4"/>
  <c r="CN119" i="4"/>
  <c r="CM119" i="4"/>
  <c r="CL119" i="4"/>
  <c r="CK119" i="4"/>
  <c r="CJ119" i="4"/>
  <c r="CI119" i="4"/>
  <c r="CH119" i="4"/>
  <c r="CG119" i="4"/>
  <c r="CF119" i="4"/>
  <c r="CE119" i="4"/>
  <c r="CD119" i="4"/>
  <c r="CC119" i="4"/>
  <c r="CB119" i="4"/>
  <c r="CA119" i="4"/>
  <c r="BZ119" i="4"/>
  <c r="BY119" i="4"/>
  <c r="BX119" i="4"/>
  <c r="BW119" i="4"/>
  <c r="BV119" i="4"/>
  <c r="BU119" i="4"/>
  <c r="BT119" i="4"/>
  <c r="BS119" i="4"/>
  <c r="BR119" i="4"/>
  <c r="BQ119" i="4"/>
  <c r="BP119" i="4"/>
  <c r="CN118" i="4"/>
  <c r="CM118" i="4"/>
  <c r="CL118" i="4"/>
  <c r="CK118" i="4"/>
  <c r="CJ118" i="4"/>
  <c r="CI118" i="4"/>
  <c r="CH118" i="4"/>
  <c r="CG118" i="4"/>
  <c r="CF118" i="4"/>
  <c r="CE118" i="4"/>
  <c r="CD118" i="4"/>
  <c r="CC118" i="4"/>
  <c r="CB118" i="4"/>
  <c r="CA118" i="4"/>
  <c r="BZ118" i="4"/>
  <c r="BY118" i="4"/>
  <c r="BX118" i="4"/>
  <c r="BW118" i="4"/>
  <c r="BV118" i="4"/>
  <c r="BU118" i="4"/>
  <c r="BT118" i="4"/>
  <c r="BS118" i="4"/>
  <c r="BR118" i="4"/>
  <c r="BQ118" i="4"/>
  <c r="BP118" i="4"/>
  <c r="CN116" i="4"/>
  <c r="CM116" i="4"/>
  <c r="CL116" i="4"/>
  <c r="CK116" i="4"/>
  <c r="CJ116" i="4"/>
  <c r="CI116" i="4"/>
  <c r="CH116" i="4"/>
  <c r="CG116" i="4"/>
  <c r="CF116" i="4"/>
  <c r="CE116" i="4"/>
  <c r="CD116" i="4"/>
  <c r="CC116" i="4"/>
  <c r="CB116" i="4"/>
  <c r="CA116" i="4"/>
  <c r="BZ116" i="4"/>
  <c r="BY116" i="4"/>
  <c r="BX116" i="4"/>
  <c r="BW116" i="4"/>
  <c r="BV116" i="4"/>
  <c r="BU116" i="4"/>
  <c r="BT116" i="4"/>
  <c r="BS116" i="4"/>
  <c r="BR116" i="4"/>
  <c r="BQ116" i="4"/>
  <c r="BP116" i="4"/>
  <c r="CN115" i="4"/>
  <c r="CM115" i="4"/>
  <c r="CL115" i="4"/>
  <c r="CK115" i="4"/>
  <c r="CJ115" i="4"/>
  <c r="CI115" i="4"/>
  <c r="CH115" i="4"/>
  <c r="CG115" i="4"/>
  <c r="CF115" i="4"/>
  <c r="CE115" i="4"/>
  <c r="CD115" i="4"/>
  <c r="CC115" i="4"/>
  <c r="CB115" i="4"/>
  <c r="CA115" i="4"/>
  <c r="BZ115" i="4"/>
  <c r="BY115" i="4"/>
  <c r="BX115" i="4"/>
  <c r="BW115" i="4"/>
  <c r="BV115" i="4"/>
  <c r="BU115" i="4"/>
  <c r="BT115" i="4"/>
  <c r="BS115" i="4"/>
  <c r="BR115" i="4"/>
  <c r="BQ115" i="4"/>
  <c r="BP115" i="4"/>
  <c r="CN111" i="4"/>
  <c r="CM111" i="4"/>
  <c r="CL111" i="4"/>
  <c r="CK111" i="4"/>
  <c r="CJ111" i="4"/>
  <c r="CI111" i="4"/>
  <c r="CH111" i="4"/>
  <c r="CG111" i="4"/>
  <c r="CF111" i="4"/>
  <c r="CE111" i="4"/>
  <c r="CD111" i="4"/>
  <c r="CC111" i="4"/>
  <c r="CB111" i="4"/>
  <c r="CA111" i="4"/>
  <c r="BZ111" i="4"/>
  <c r="BY111" i="4"/>
  <c r="BX111" i="4"/>
  <c r="BW111" i="4"/>
  <c r="BV111" i="4"/>
  <c r="BU111" i="4"/>
  <c r="BT111" i="4"/>
  <c r="BS111" i="4"/>
  <c r="BR111" i="4"/>
  <c r="BQ111" i="4"/>
  <c r="BP111" i="4"/>
  <c r="CN110" i="4"/>
  <c r="CM110" i="4"/>
  <c r="CL110" i="4"/>
  <c r="CK110" i="4"/>
  <c r="CJ110" i="4"/>
  <c r="CI110" i="4"/>
  <c r="CH110" i="4"/>
  <c r="CG110" i="4"/>
  <c r="CF110" i="4"/>
  <c r="CE110" i="4"/>
  <c r="CD110" i="4"/>
  <c r="CC110" i="4"/>
  <c r="CB110" i="4"/>
  <c r="CA110" i="4"/>
  <c r="BZ110" i="4"/>
  <c r="BY110" i="4"/>
  <c r="BX110" i="4"/>
  <c r="BW110" i="4"/>
  <c r="BV110" i="4"/>
  <c r="BU110" i="4"/>
  <c r="BT110" i="4"/>
  <c r="BS110" i="4"/>
  <c r="BR110" i="4"/>
  <c r="BQ110" i="4"/>
  <c r="BP110" i="4"/>
  <c r="CN109" i="4"/>
  <c r="CM109" i="4"/>
  <c r="CL109" i="4"/>
  <c r="CK109" i="4"/>
  <c r="CJ109" i="4"/>
  <c r="CI109" i="4"/>
  <c r="CH109" i="4"/>
  <c r="CG109" i="4"/>
  <c r="CF109" i="4"/>
  <c r="CE109" i="4"/>
  <c r="CD109" i="4"/>
  <c r="CC109" i="4"/>
  <c r="CB109" i="4"/>
  <c r="CA109" i="4"/>
  <c r="BZ109" i="4"/>
  <c r="BY109" i="4"/>
  <c r="BX109" i="4"/>
  <c r="BW109" i="4"/>
  <c r="BV109" i="4"/>
  <c r="BU109" i="4"/>
  <c r="BT109" i="4"/>
  <c r="BS109" i="4"/>
  <c r="BR109" i="4"/>
  <c r="BQ109" i="4"/>
  <c r="BP109" i="4"/>
  <c r="CN108" i="4"/>
  <c r="CM108" i="4"/>
  <c r="CL108" i="4"/>
  <c r="CK108" i="4"/>
  <c r="CJ108" i="4"/>
  <c r="CI108" i="4"/>
  <c r="CH108" i="4"/>
  <c r="CG108" i="4"/>
  <c r="CF108" i="4"/>
  <c r="CE108" i="4"/>
  <c r="CD108" i="4"/>
  <c r="CC108" i="4"/>
  <c r="CB108" i="4"/>
  <c r="CA108" i="4"/>
  <c r="BZ108" i="4"/>
  <c r="BY108" i="4"/>
  <c r="BX108" i="4"/>
  <c r="BW108" i="4"/>
  <c r="BV108" i="4"/>
  <c r="BU108" i="4"/>
  <c r="BT108" i="4"/>
  <c r="BS108" i="4"/>
  <c r="BR108" i="4"/>
  <c r="BQ108" i="4"/>
  <c r="BP108" i="4"/>
  <c r="CN106" i="4"/>
  <c r="CM106" i="4"/>
  <c r="CL106" i="4"/>
  <c r="CK106" i="4"/>
  <c r="CJ106" i="4"/>
  <c r="CI106" i="4"/>
  <c r="CH106" i="4"/>
  <c r="CG106" i="4"/>
  <c r="CF106" i="4"/>
  <c r="CE106" i="4"/>
  <c r="CD106" i="4"/>
  <c r="CC106" i="4"/>
  <c r="CB106" i="4"/>
  <c r="CA106" i="4"/>
  <c r="BZ106" i="4"/>
  <c r="BY106" i="4"/>
  <c r="BX106" i="4"/>
  <c r="BW106" i="4"/>
  <c r="BV106" i="4"/>
  <c r="BU106" i="4"/>
  <c r="BT106" i="4"/>
  <c r="BS106" i="4"/>
  <c r="BR106" i="4"/>
  <c r="BQ106" i="4"/>
  <c r="BP106" i="4"/>
  <c r="CN105" i="4"/>
  <c r="CM105" i="4"/>
  <c r="CL105" i="4"/>
  <c r="CK105" i="4"/>
  <c r="CJ105" i="4"/>
  <c r="CI105" i="4"/>
  <c r="CH105" i="4"/>
  <c r="CG105" i="4"/>
  <c r="CF105" i="4"/>
  <c r="CE105" i="4"/>
  <c r="CD105" i="4"/>
  <c r="CC105" i="4"/>
  <c r="CB105" i="4"/>
  <c r="CA105" i="4"/>
  <c r="BZ105" i="4"/>
  <c r="BY105" i="4"/>
  <c r="BX105" i="4"/>
  <c r="BW105" i="4"/>
  <c r="BV105" i="4"/>
  <c r="BU105" i="4"/>
  <c r="BT105" i="4"/>
  <c r="BS105" i="4"/>
  <c r="BR105" i="4"/>
  <c r="BQ105" i="4"/>
  <c r="BP105" i="4"/>
  <c r="CN104" i="4"/>
  <c r="CM104" i="4"/>
  <c r="CL104" i="4"/>
  <c r="CK104" i="4"/>
  <c r="CJ104" i="4"/>
  <c r="CI104" i="4"/>
  <c r="CH104" i="4"/>
  <c r="CG104" i="4"/>
  <c r="CF104" i="4"/>
  <c r="CE104" i="4"/>
  <c r="CD104" i="4"/>
  <c r="CC104" i="4"/>
  <c r="CB104" i="4"/>
  <c r="CA104" i="4"/>
  <c r="BZ104" i="4"/>
  <c r="BY104" i="4"/>
  <c r="BX104" i="4"/>
  <c r="BW104" i="4"/>
  <c r="BV104" i="4"/>
  <c r="BU104" i="4"/>
  <c r="BT104" i="4"/>
  <c r="BS104" i="4"/>
  <c r="BR104" i="4"/>
  <c r="BQ104" i="4"/>
  <c r="BP104" i="4"/>
  <c r="CN103" i="4"/>
  <c r="CM103" i="4"/>
  <c r="CL103" i="4"/>
  <c r="CK103" i="4"/>
  <c r="CJ103" i="4"/>
  <c r="CI103" i="4"/>
  <c r="CH103" i="4"/>
  <c r="CG103" i="4"/>
  <c r="CF103" i="4"/>
  <c r="CE103" i="4"/>
  <c r="CD103" i="4"/>
  <c r="CC103" i="4"/>
  <c r="CB103" i="4"/>
  <c r="CA103" i="4"/>
  <c r="BZ103" i="4"/>
  <c r="BY103" i="4"/>
  <c r="BX103" i="4"/>
  <c r="BW103" i="4"/>
  <c r="BV103" i="4"/>
  <c r="BU103" i="4"/>
  <c r="BT103" i="4"/>
  <c r="BS103" i="4"/>
  <c r="BR103" i="4"/>
  <c r="BQ103" i="4"/>
  <c r="BP103" i="4"/>
  <c r="CN102" i="4"/>
  <c r="CM102" i="4"/>
  <c r="CL102" i="4"/>
  <c r="CK102" i="4"/>
  <c r="CJ102" i="4"/>
  <c r="CI102" i="4"/>
  <c r="CH102" i="4"/>
  <c r="CG102" i="4"/>
  <c r="CF102" i="4"/>
  <c r="CE102" i="4"/>
  <c r="CD102" i="4"/>
  <c r="CC102" i="4"/>
  <c r="CB102" i="4"/>
  <c r="CA102" i="4"/>
  <c r="BZ102" i="4"/>
  <c r="BY102" i="4"/>
  <c r="BX102" i="4"/>
  <c r="BW102" i="4"/>
  <c r="BV102" i="4"/>
  <c r="BU102" i="4"/>
  <c r="BT102" i="4"/>
  <c r="BS102" i="4"/>
  <c r="BR102" i="4"/>
  <c r="BQ102" i="4"/>
  <c r="BP102" i="4"/>
  <c r="CN101" i="4"/>
  <c r="CM101" i="4"/>
  <c r="CL101" i="4"/>
  <c r="CK101" i="4"/>
  <c r="CJ101" i="4"/>
  <c r="CI101" i="4"/>
  <c r="CH101" i="4"/>
  <c r="CG101" i="4"/>
  <c r="CF101" i="4"/>
  <c r="CE101" i="4"/>
  <c r="CD101" i="4"/>
  <c r="CC101" i="4"/>
  <c r="CB101" i="4"/>
  <c r="CA101" i="4"/>
  <c r="BZ101" i="4"/>
  <c r="BY101" i="4"/>
  <c r="BX101" i="4"/>
  <c r="BW101" i="4"/>
  <c r="BV101" i="4"/>
  <c r="BU101" i="4"/>
  <c r="BT101" i="4"/>
  <c r="BS101" i="4"/>
  <c r="BR101" i="4"/>
  <c r="BQ101" i="4"/>
  <c r="BP101" i="4"/>
  <c r="CN100" i="4"/>
  <c r="CM100" i="4"/>
  <c r="CL100" i="4"/>
  <c r="CK100" i="4"/>
  <c r="CJ100" i="4"/>
  <c r="CI100" i="4"/>
  <c r="CH100" i="4"/>
  <c r="CG100" i="4"/>
  <c r="CF100" i="4"/>
  <c r="CE100" i="4"/>
  <c r="CD100" i="4"/>
  <c r="CC100" i="4"/>
  <c r="CB100" i="4"/>
  <c r="CA100" i="4"/>
  <c r="BZ100" i="4"/>
  <c r="BY100" i="4"/>
  <c r="BX100" i="4"/>
  <c r="BW100" i="4"/>
  <c r="BV100" i="4"/>
  <c r="BU100" i="4"/>
  <c r="BT100" i="4"/>
  <c r="BS100" i="4"/>
  <c r="BR100" i="4"/>
  <c r="BQ100" i="4"/>
  <c r="BP100" i="4"/>
  <c r="CN99" i="4"/>
  <c r="CM99" i="4"/>
  <c r="CL99" i="4"/>
  <c r="CK99" i="4"/>
  <c r="CJ99" i="4"/>
  <c r="CI99" i="4"/>
  <c r="CH99" i="4"/>
  <c r="CG99" i="4"/>
  <c r="CF99" i="4"/>
  <c r="CE99" i="4"/>
  <c r="CD99" i="4"/>
  <c r="CC99" i="4"/>
  <c r="CB99" i="4"/>
  <c r="CA99" i="4"/>
  <c r="BZ99" i="4"/>
  <c r="BY99" i="4"/>
  <c r="BX99" i="4"/>
  <c r="BW99" i="4"/>
  <c r="BV99" i="4"/>
  <c r="BU99" i="4"/>
  <c r="BT99" i="4"/>
  <c r="BS99" i="4"/>
  <c r="BR99" i="4"/>
  <c r="BQ99" i="4"/>
  <c r="BP99" i="4"/>
  <c r="CN98" i="4"/>
  <c r="CM98" i="4"/>
  <c r="CL98" i="4"/>
  <c r="CK98" i="4"/>
  <c r="CJ98" i="4"/>
  <c r="CI98" i="4"/>
  <c r="CH98" i="4"/>
  <c r="CG98" i="4"/>
  <c r="CF98" i="4"/>
  <c r="CE98" i="4"/>
  <c r="CD98" i="4"/>
  <c r="CC98" i="4"/>
  <c r="CB98" i="4"/>
  <c r="CA98" i="4"/>
  <c r="BZ98" i="4"/>
  <c r="BY98" i="4"/>
  <c r="BX98" i="4"/>
  <c r="BW98" i="4"/>
  <c r="BV98" i="4"/>
  <c r="BU98" i="4"/>
  <c r="BT98" i="4"/>
  <c r="BS98" i="4"/>
  <c r="BR98" i="4"/>
  <c r="BQ98" i="4"/>
  <c r="BP98" i="4"/>
  <c r="CN97" i="4"/>
  <c r="CM97" i="4"/>
  <c r="CL97" i="4"/>
  <c r="CK97" i="4"/>
  <c r="CJ97" i="4"/>
  <c r="CI97" i="4"/>
  <c r="CH97" i="4"/>
  <c r="CG97" i="4"/>
  <c r="CF97" i="4"/>
  <c r="CE97" i="4"/>
  <c r="CD97" i="4"/>
  <c r="CC97" i="4"/>
  <c r="CB97" i="4"/>
  <c r="CA97" i="4"/>
  <c r="BZ97" i="4"/>
  <c r="BY97" i="4"/>
  <c r="BX97" i="4"/>
  <c r="BW97" i="4"/>
  <c r="BV97" i="4"/>
  <c r="BU97" i="4"/>
  <c r="BT97" i="4"/>
  <c r="BS97" i="4"/>
  <c r="BR97" i="4"/>
  <c r="BQ97" i="4"/>
  <c r="BP97" i="4"/>
  <c r="CN96" i="4"/>
  <c r="CM96" i="4"/>
  <c r="CL96" i="4"/>
  <c r="CK96" i="4"/>
  <c r="CJ96" i="4"/>
  <c r="CI96" i="4"/>
  <c r="CH96" i="4"/>
  <c r="CG96" i="4"/>
  <c r="CF96" i="4"/>
  <c r="CE96" i="4"/>
  <c r="CD96" i="4"/>
  <c r="CC96" i="4"/>
  <c r="CB96" i="4"/>
  <c r="CA96" i="4"/>
  <c r="BZ96" i="4"/>
  <c r="BY96" i="4"/>
  <c r="BX96" i="4"/>
  <c r="BW96" i="4"/>
  <c r="BV96" i="4"/>
  <c r="BU96" i="4"/>
  <c r="BT96" i="4"/>
  <c r="BS96" i="4"/>
  <c r="BR96" i="4"/>
  <c r="BQ96" i="4"/>
  <c r="BP96" i="4"/>
  <c r="CN95" i="4"/>
  <c r="CM95" i="4"/>
  <c r="CL95" i="4"/>
  <c r="CK95" i="4"/>
  <c r="CJ95" i="4"/>
  <c r="CI95" i="4"/>
  <c r="CH95" i="4"/>
  <c r="CG95" i="4"/>
  <c r="CF95" i="4"/>
  <c r="CE95" i="4"/>
  <c r="CD95" i="4"/>
  <c r="CC95" i="4"/>
  <c r="CB95" i="4"/>
  <c r="CA95" i="4"/>
  <c r="BZ95" i="4"/>
  <c r="BY95" i="4"/>
  <c r="BX95" i="4"/>
  <c r="BW95" i="4"/>
  <c r="BV95" i="4"/>
  <c r="BU95" i="4"/>
  <c r="BT95" i="4"/>
  <c r="BS95" i="4"/>
  <c r="BR95" i="4"/>
  <c r="BQ95" i="4"/>
  <c r="BP95" i="4"/>
  <c r="CN91" i="4"/>
  <c r="CM91" i="4"/>
  <c r="CL91" i="4"/>
  <c r="CK91" i="4"/>
  <c r="CJ91" i="4"/>
  <c r="CI91" i="4"/>
  <c r="CH91" i="4"/>
  <c r="CG91" i="4"/>
  <c r="CF91" i="4"/>
  <c r="CE91" i="4"/>
  <c r="CD91" i="4"/>
  <c r="CC91" i="4"/>
  <c r="CB91" i="4"/>
  <c r="CA91" i="4"/>
  <c r="BZ91" i="4"/>
  <c r="BY91" i="4"/>
  <c r="BX91" i="4"/>
  <c r="BW91" i="4"/>
  <c r="BV91" i="4"/>
  <c r="BU91" i="4"/>
  <c r="BT91" i="4"/>
  <c r="BS91" i="4"/>
  <c r="BR91" i="4"/>
  <c r="BQ91" i="4"/>
  <c r="BP91" i="4"/>
  <c r="CN90" i="4"/>
  <c r="CM90" i="4"/>
  <c r="CL90" i="4"/>
  <c r="CK90" i="4"/>
  <c r="CJ90" i="4"/>
  <c r="CI90" i="4"/>
  <c r="CH90" i="4"/>
  <c r="CG90" i="4"/>
  <c r="CF90" i="4"/>
  <c r="CE90" i="4"/>
  <c r="CD90" i="4"/>
  <c r="CC90" i="4"/>
  <c r="CB90" i="4"/>
  <c r="CA90" i="4"/>
  <c r="BZ90" i="4"/>
  <c r="BY90" i="4"/>
  <c r="BX90" i="4"/>
  <c r="BW90" i="4"/>
  <c r="BV90" i="4"/>
  <c r="BU90" i="4"/>
  <c r="BT90" i="4"/>
  <c r="BS90" i="4"/>
  <c r="BR90" i="4"/>
  <c r="BQ90" i="4"/>
  <c r="BP90" i="4"/>
  <c r="CN89" i="4"/>
  <c r="CM89" i="4"/>
  <c r="CL89" i="4"/>
  <c r="CK89" i="4"/>
  <c r="CJ89" i="4"/>
  <c r="CI89" i="4"/>
  <c r="CH89" i="4"/>
  <c r="CG89" i="4"/>
  <c r="CF89" i="4"/>
  <c r="CE89" i="4"/>
  <c r="CD89" i="4"/>
  <c r="CC89" i="4"/>
  <c r="CB89" i="4"/>
  <c r="CA89" i="4"/>
  <c r="BZ89" i="4"/>
  <c r="BY89" i="4"/>
  <c r="BX89" i="4"/>
  <c r="BW89" i="4"/>
  <c r="BV89" i="4"/>
  <c r="BU89" i="4"/>
  <c r="BT89" i="4"/>
  <c r="BS89" i="4"/>
  <c r="BR89" i="4"/>
  <c r="BQ89" i="4"/>
  <c r="BP89" i="4"/>
  <c r="CN88" i="4"/>
  <c r="CM88" i="4"/>
  <c r="CL88" i="4"/>
  <c r="CK88" i="4"/>
  <c r="CJ88" i="4"/>
  <c r="CI88" i="4"/>
  <c r="CH88" i="4"/>
  <c r="CG88" i="4"/>
  <c r="CF88" i="4"/>
  <c r="CE88" i="4"/>
  <c r="CD88" i="4"/>
  <c r="CC88" i="4"/>
  <c r="CB88" i="4"/>
  <c r="CA88" i="4"/>
  <c r="BZ88" i="4"/>
  <c r="BY88" i="4"/>
  <c r="BX88" i="4"/>
  <c r="BW88" i="4"/>
  <c r="BV88" i="4"/>
  <c r="BU88" i="4"/>
  <c r="BT88" i="4"/>
  <c r="BS88" i="4"/>
  <c r="BR88" i="4"/>
  <c r="BQ88" i="4"/>
  <c r="BP88" i="4"/>
  <c r="CN87" i="4"/>
  <c r="CM87" i="4"/>
  <c r="CL87" i="4"/>
  <c r="CK87" i="4"/>
  <c r="CJ87" i="4"/>
  <c r="CI87" i="4"/>
  <c r="CH87" i="4"/>
  <c r="CG87" i="4"/>
  <c r="CF87" i="4"/>
  <c r="CE87" i="4"/>
  <c r="CD87" i="4"/>
  <c r="CC87" i="4"/>
  <c r="CB87" i="4"/>
  <c r="CA87" i="4"/>
  <c r="BZ87" i="4"/>
  <c r="BY87" i="4"/>
  <c r="BX87" i="4"/>
  <c r="BW87" i="4"/>
  <c r="BV87" i="4"/>
  <c r="BU87" i="4"/>
  <c r="BT87" i="4"/>
  <c r="BS87" i="4"/>
  <c r="BR87" i="4"/>
  <c r="BQ87" i="4"/>
  <c r="BP87" i="4"/>
  <c r="CN86" i="4"/>
  <c r="CM86" i="4"/>
  <c r="CL86" i="4"/>
  <c r="CK86" i="4"/>
  <c r="CJ86" i="4"/>
  <c r="CI86" i="4"/>
  <c r="CH86" i="4"/>
  <c r="CG86" i="4"/>
  <c r="CF86" i="4"/>
  <c r="CE86" i="4"/>
  <c r="CD86" i="4"/>
  <c r="CC86" i="4"/>
  <c r="CB86" i="4"/>
  <c r="CA86" i="4"/>
  <c r="BZ86" i="4"/>
  <c r="BY86" i="4"/>
  <c r="BX86" i="4"/>
  <c r="BW86" i="4"/>
  <c r="BV86" i="4"/>
  <c r="BU86" i="4"/>
  <c r="BT86" i="4"/>
  <c r="BS86" i="4"/>
  <c r="BR86" i="4"/>
  <c r="BQ86" i="4"/>
  <c r="BP86" i="4"/>
  <c r="CN85" i="4"/>
  <c r="CM85" i="4"/>
  <c r="CL85" i="4"/>
  <c r="CK85" i="4"/>
  <c r="CJ85" i="4"/>
  <c r="CI85" i="4"/>
  <c r="CH85" i="4"/>
  <c r="CG85" i="4"/>
  <c r="CF85" i="4"/>
  <c r="CE85" i="4"/>
  <c r="CD85" i="4"/>
  <c r="CC85" i="4"/>
  <c r="CB85" i="4"/>
  <c r="CA85" i="4"/>
  <c r="BZ85" i="4"/>
  <c r="BY85" i="4"/>
  <c r="BX85" i="4"/>
  <c r="BW85" i="4"/>
  <c r="BV85" i="4"/>
  <c r="BU85" i="4"/>
  <c r="BT85" i="4"/>
  <c r="BS85" i="4"/>
  <c r="BR85" i="4"/>
  <c r="BQ85" i="4"/>
  <c r="BP85" i="4"/>
  <c r="CN84" i="4"/>
  <c r="CM84" i="4"/>
  <c r="CL84" i="4"/>
  <c r="CK84" i="4"/>
  <c r="CJ84" i="4"/>
  <c r="CI84" i="4"/>
  <c r="CH84" i="4"/>
  <c r="CG84" i="4"/>
  <c r="CF84" i="4"/>
  <c r="CE84" i="4"/>
  <c r="CD84" i="4"/>
  <c r="CC84" i="4"/>
  <c r="CB84" i="4"/>
  <c r="CA84" i="4"/>
  <c r="BZ84" i="4"/>
  <c r="BY84" i="4"/>
  <c r="BX84" i="4"/>
  <c r="BW84" i="4"/>
  <c r="BV84" i="4"/>
  <c r="BU84" i="4"/>
  <c r="BT84" i="4"/>
  <c r="BS84" i="4"/>
  <c r="BR84" i="4"/>
  <c r="BQ84" i="4"/>
  <c r="BP84" i="4"/>
  <c r="CN83" i="4"/>
  <c r="CM83" i="4"/>
  <c r="CL83" i="4"/>
  <c r="CK83" i="4"/>
  <c r="CJ83" i="4"/>
  <c r="CI83" i="4"/>
  <c r="CH83" i="4"/>
  <c r="CG83" i="4"/>
  <c r="CF83" i="4"/>
  <c r="CE83" i="4"/>
  <c r="CD83" i="4"/>
  <c r="CC83" i="4"/>
  <c r="CB83" i="4"/>
  <c r="CA83" i="4"/>
  <c r="BZ83" i="4"/>
  <c r="BY83" i="4"/>
  <c r="BX83" i="4"/>
  <c r="BW83" i="4"/>
  <c r="BV83" i="4"/>
  <c r="BU83" i="4"/>
  <c r="BT83" i="4"/>
  <c r="BS83" i="4"/>
  <c r="BR83" i="4"/>
  <c r="BQ83" i="4"/>
  <c r="BP83" i="4"/>
  <c r="CN82" i="4"/>
  <c r="CM82" i="4"/>
  <c r="CL82" i="4"/>
  <c r="CK82" i="4"/>
  <c r="CJ82" i="4"/>
  <c r="CI82" i="4"/>
  <c r="CH82" i="4"/>
  <c r="CG82" i="4"/>
  <c r="CF82" i="4"/>
  <c r="CE82" i="4"/>
  <c r="CD82" i="4"/>
  <c r="CC82" i="4"/>
  <c r="CB82" i="4"/>
  <c r="CA82" i="4"/>
  <c r="BZ82" i="4"/>
  <c r="BY82" i="4"/>
  <c r="BX82" i="4"/>
  <c r="BW82" i="4"/>
  <c r="BV82" i="4"/>
  <c r="BU82" i="4"/>
  <c r="BT82" i="4"/>
  <c r="BS82" i="4"/>
  <c r="BR82" i="4"/>
  <c r="BQ82" i="4"/>
  <c r="BP82" i="4"/>
  <c r="CN81" i="4"/>
  <c r="CM81" i="4"/>
  <c r="CL81" i="4"/>
  <c r="CK81" i="4"/>
  <c r="CJ81" i="4"/>
  <c r="CI81" i="4"/>
  <c r="CH81" i="4"/>
  <c r="CG81" i="4"/>
  <c r="CF81" i="4"/>
  <c r="CE81" i="4"/>
  <c r="CD81" i="4"/>
  <c r="CC81" i="4"/>
  <c r="CB81" i="4"/>
  <c r="CA81" i="4"/>
  <c r="BZ81" i="4"/>
  <c r="BY81" i="4"/>
  <c r="BX81" i="4"/>
  <c r="BW81" i="4"/>
  <c r="BV81" i="4"/>
  <c r="BU81" i="4"/>
  <c r="BT81" i="4"/>
  <c r="BS81" i="4"/>
  <c r="BR81" i="4"/>
  <c r="BQ81" i="4"/>
  <c r="BP81" i="4"/>
  <c r="CN80" i="4"/>
  <c r="CM80" i="4"/>
  <c r="CL80" i="4"/>
  <c r="CK80" i="4"/>
  <c r="CJ80" i="4"/>
  <c r="CI80" i="4"/>
  <c r="CH80" i="4"/>
  <c r="CG80" i="4"/>
  <c r="CF80" i="4"/>
  <c r="CE80" i="4"/>
  <c r="CD80" i="4"/>
  <c r="CC80" i="4"/>
  <c r="CB80" i="4"/>
  <c r="CA80" i="4"/>
  <c r="BZ80" i="4"/>
  <c r="BY80" i="4"/>
  <c r="BX80" i="4"/>
  <c r="BW80" i="4"/>
  <c r="BV80" i="4"/>
  <c r="BU80" i="4"/>
  <c r="BT80" i="4"/>
  <c r="BS80" i="4"/>
  <c r="BR80" i="4"/>
  <c r="BQ80" i="4"/>
  <c r="BP80" i="4"/>
  <c r="CN79" i="4"/>
  <c r="CM79" i="4"/>
  <c r="CL79" i="4"/>
  <c r="CK79" i="4"/>
  <c r="CJ79" i="4"/>
  <c r="CI79" i="4"/>
  <c r="CH79" i="4"/>
  <c r="CG79" i="4"/>
  <c r="CF79" i="4"/>
  <c r="CE79" i="4"/>
  <c r="CD79" i="4"/>
  <c r="CC79" i="4"/>
  <c r="CB79" i="4"/>
  <c r="CA79" i="4"/>
  <c r="BZ79" i="4"/>
  <c r="BY79" i="4"/>
  <c r="BX79" i="4"/>
  <c r="BW79" i="4"/>
  <c r="BV79" i="4"/>
  <c r="BU79" i="4"/>
  <c r="BT79" i="4"/>
  <c r="BS79" i="4"/>
  <c r="BR79" i="4"/>
  <c r="BQ79" i="4"/>
  <c r="BP79" i="4"/>
  <c r="CN78" i="4"/>
  <c r="CM78" i="4"/>
  <c r="CL78" i="4"/>
  <c r="CK78" i="4"/>
  <c r="CJ78" i="4"/>
  <c r="CI78" i="4"/>
  <c r="CH78" i="4"/>
  <c r="CG78" i="4"/>
  <c r="CF78" i="4"/>
  <c r="CE78" i="4"/>
  <c r="CD78" i="4"/>
  <c r="CC78" i="4"/>
  <c r="CB78" i="4"/>
  <c r="CA78" i="4"/>
  <c r="BZ78" i="4"/>
  <c r="BY78" i="4"/>
  <c r="BX78" i="4"/>
  <c r="BW78" i="4"/>
  <c r="BV78" i="4"/>
  <c r="BU78" i="4"/>
  <c r="BT78" i="4"/>
  <c r="BS78" i="4"/>
  <c r="BR78" i="4"/>
  <c r="BQ78" i="4"/>
  <c r="BP78" i="4"/>
  <c r="CN77" i="4"/>
  <c r="CM77" i="4"/>
  <c r="CL77" i="4"/>
  <c r="CK77" i="4"/>
  <c r="CJ77" i="4"/>
  <c r="CI77" i="4"/>
  <c r="CH77" i="4"/>
  <c r="CG77" i="4"/>
  <c r="CF77" i="4"/>
  <c r="CE77" i="4"/>
  <c r="CD77" i="4"/>
  <c r="CC77" i="4"/>
  <c r="CB77" i="4"/>
  <c r="CA77" i="4"/>
  <c r="BZ77" i="4"/>
  <c r="BY77" i="4"/>
  <c r="BX77" i="4"/>
  <c r="BW77" i="4"/>
  <c r="BV77" i="4"/>
  <c r="BU77" i="4"/>
  <c r="BT77" i="4"/>
  <c r="BS77" i="4"/>
  <c r="BR77" i="4"/>
  <c r="BQ77" i="4"/>
  <c r="BP77" i="4"/>
  <c r="CN76" i="4"/>
  <c r="CM76" i="4"/>
  <c r="CL76" i="4"/>
  <c r="CK76" i="4"/>
  <c r="CJ76" i="4"/>
  <c r="CI76" i="4"/>
  <c r="CH76" i="4"/>
  <c r="CG76" i="4"/>
  <c r="CF76" i="4"/>
  <c r="CE76" i="4"/>
  <c r="CD76" i="4"/>
  <c r="CC76" i="4"/>
  <c r="CB76" i="4"/>
  <c r="CA76" i="4"/>
  <c r="BZ76" i="4"/>
  <c r="BY76" i="4"/>
  <c r="BX76" i="4"/>
  <c r="BW76" i="4"/>
  <c r="BV76" i="4"/>
  <c r="BU76" i="4"/>
  <c r="BT76" i="4"/>
  <c r="BS76" i="4"/>
  <c r="BR76" i="4"/>
  <c r="BQ76" i="4"/>
  <c r="BP76" i="4"/>
  <c r="CN75" i="4"/>
  <c r="CM75" i="4"/>
  <c r="CL75" i="4"/>
  <c r="CK75" i="4"/>
  <c r="CJ75" i="4"/>
  <c r="CI75" i="4"/>
  <c r="CH75" i="4"/>
  <c r="CG75" i="4"/>
  <c r="CF75" i="4"/>
  <c r="CE75" i="4"/>
  <c r="CD75" i="4"/>
  <c r="CC75" i="4"/>
  <c r="CB75" i="4"/>
  <c r="CA75" i="4"/>
  <c r="BZ75" i="4"/>
  <c r="BY75" i="4"/>
  <c r="BX75" i="4"/>
  <c r="BW75" i="4"/>
  <c r="BV75" i="4"/>
  <c r="BU75" i="4"/>
  <c r="BT75" i="4"/>
  <c r="BS75" i="4"/>
  <c r="BR75" i="4"/>
  <c r="BQ75" i="4"/>
  <c r="BP75" i="4"/>
  <c r="CN74" i="4"/>
  <c r="CM74" i="4"/>
  <c r="CL74" i="4"/>
  <c r="CK74" i="4"/>
  <c r="CJ74" i="4"/>
  <c r="CI74" i="4"/>
  <c r="CH74" i="4"/>
  <c r="CG74" i="4"/>
  <c r="CF74" i="4"/>
  <c r="CE74" i="4"/>
  <c r="CD74" i="4"/>
  <c r="CC74" i="4"/>
  <c r="CB74" i="4"/>
  <c r="CA74" i="4"/>
  <c r="BZ74" i="4"/>
  <c r="BY74" i="4"/>
  <c r="BX74" i="4"/>
  <c r="BW74" i="4"/>
  <c r="BV74" i="4"/>
  <c r="BU74" i="4"/>
  <c r="BT74" i="4"/>
  <c r="BS74" i="4"/>
  <c r="BR74" i="4"/>
  <c r="BQ74" i="4"/>
  <c r="BP74" i="4"/>
  <c r="CN73" i="4"/>
  <c r="CM73" i="4"/>
  <c r="CL73" i="4"/>
  <c r="CK73" i="4"/>
  <c r="CJ73" i="4"/>
  <c r="CI73" i="4"/>
  <c r="CH73" i="4"/>
  <c r="CG73" i="4"/>
  <c r="CF73" i="4"/>
  <c r="CE73" i="4"/>
  <c r="CD73" i="4"/>
  <c r="CC73" i="4"/>
  <c r="CB73" i="4"/>
  <c r="CA73" i="4"/>
  <c r="BZ73" i="4"/>
  <c r="BY73" i="4"/>
  <c r="BX73" i="4"/>
  <c r="BW73" i="4"/>
  <c r="BV73" i="4"/>
  <c r="BU73" i="4"/>
  <c r="BT73" i="4"/>
  <c r="BS73" i="4"/>
  <c r="BR73" i="4"/>
  <c r="BQ73" i="4"/>
  <c r="BP73" i="4"/>
  <c r="CN72" i="4"/>
  <c r="CM72" i="4"/>
  <c r="CL72" i="4"/>
  <c r="CK72" i="4"/>
  <c r="CJ72" i="4"/>
  <c r="CI72" i="4"/>
  <c r="CH72" i="4"/>
  <c r="CG72" i="4"/>
  <c r="CF72" i="4"/>
  <c r="CE72" i="4"/>
  <c r="CD72" i="4"/>
  <c r="CC72" i="4"/>
  <c r="CB72" i="4"/>
  <c r="CA72" i="4"/>
  <c r="BZ72" i="4"/>
  <c r="BY72" i="4"/>
  <c r="BX72" i="4"/>
  <c r="BW72" i="4"/>
  <c r="BV72" i="4"/>
  <c r="BU72" i="4"/>
  <c r="BT72" i="4"/>
  <c r="BS72" i="4"/>
  <c r="BR72" i="4"/>
  <c r="BQ72" i="4"/>
  <c r="BP72" i="4"/>
  <c r="CN71" i="4"/>
  <c r="CM71" i="4"/>
  <c r="CL71" i="4"/>
  <c r="CK71" i="4"/>
  <c r="CJ71" i="4"/>
  <c r="CI71" i="4"/>
  <c r="CH71" i="4"/>
  <c r="CG71" i="4"/>
  <c r="CF71" i="4"/>
  <c r="CE71" i="4"/>
  <c r="CD71" i="4"/>
  <c r="CC71" i="4"/>
  <c r="CB71" i="4"/>
  <c r="CA71" i="4"/>
  <c r="BZ71" i="4"/>
  <c r="BY71" i="4"/>
  <c r="BX71" i="4"/>
  <c r="BW71" i="4"/>
  <c r="BV71" i="4"/>
  <c r="BU71" i="4"/>
  <c r="BT71" i="4"/>
  <c r="BS71" i="4"/>
  <c r="BR71" i="4"/>
  <c r="BQ71" i="4"/>
  <c r="BP71" i="4"/>
  <c r="CN70" i="4"/>
  <c r="CM70" i="4"/>
  <c r="CL70" i="4"/>
  <c r="CK70" i="4"/>
  <c r="CJ70" i="4"/>
  <c r="CI70" i="4"/>
  <c r="CH70" i="4"/>
  <c r="CG70" i="4"/>
  <c r="CF70" i="4"/>
  <c r="CE70" i="4"/>
  <c r="CD70" i="4"/>
  <c r="CC70" i="4"/>
  <c r="CB70" i="4"/>
  <c r="CA70" i="4"/>
  <c r="BZ70" i="4"/>
  <c r="BY70" i="4"/>
  <c r="BX70" i="4"/>
  <c r="BW70" i="4"/>
  <c r="BV70" i="4"/>
  <c r="BU70" i="4"/>
  <c r="BT70" i="4"/>
  <c r="BS70" i="4"/>
  <c r="BR70" i="4"/>
  <c r="BQ70" i="4"/>
  <c r="BP70" i="4"/>
  <c r="CN69" i="4"/>
  <c r="CM69" i="4"/>
  <c r="CL69" i="4"/>
  <c r="CK69" i="4"/>
  <c r="CJ69" i="4"/>
  <c r="CI69" i="4"/>
  <c r="CH69" i="4"/>
  <c r="CG69" i="4"/>
  <c r="CF69" i="4"/>
  <c r="CE69" i="4"/>
  <c r="CD69" i="4"/>
  <c r="CC69" i="4"/>
  <c r="CB69" i="4"/>
  <c r="CA69" i="4"/>
  <c r="BZ69" i="4"/>
  <c r="BY69" i="4"/>
  <c r="BX69" i="4"/>
  <c r="BW69" i="4"/>
  <c r="BV69" i="4"/>
  <c r="BU69" i="4"/>
  <c r="BT69" i="4"/>
  <c r="BS69" i="4"/>
  <c r="BR69" i="4"/>
  <c r="BQ69" i="4"/>
  <c r="BP69" i="4"/>
  <c r="CN68" i="4"/>
  <c r="CM68" i="4"/>
  <c r="CL68" i="4"/>
  <c r="CK68" i="4"/>
  <c r="CJ68" i="4"/>
  <c r="CI68" i="4"/>
  <c r="CH68" i="4"/>
  <c r="CG68" i="4"/>
  <c r="CF68" i="4"/>
  <c r="CE68" i="4"/>
  <c r="CD68" i="4"/>
  <c r="CC68" i="4"/>
  <c r="CB68" i="4"/>
  <c r="CA68" i="4"/>
  <c r="BZ68" i="4"/>
  <c r="BY68" i="4"/>
  <c r="BX68" i="4"/>
  <c r="BW68" i="4"/>
  <c r="BV68" i="4"/>
  <c r="BU68" i="4"/>
  <c r="BT68" i="4"/>
  <c r="BS68" i="4"/>
  <c r="BR68" i="4"/>
  <c r="BQ68" i="4"/>
  <c r="BP68" i="4"/>
  <c r="CN67" i="4"/>
  <c r="CM67" i="4"/>
  <c r="CL67" i="4"/>
  <c r="CK67" i="4"/>
  <c r="CJ67" i="4"/>
  <c r="CI67" i="4"/>
  <c r="CH67" i="4"/>
  <c r="CG67" i="4"/>
  <c r="CF67" i="4"/>
  <c r="CE67" i="4"/>
  <c r="CD67" i="4"/>
  <c r="CC67" i="4"/>
  <c r="CB67" i="4"/>
  <c r="CA67" i="4"/>
  <c r="BZ67" i="4"/>
  <c r="BY67" i="4"/>
  <c r="BX67" i="4"/>
  <c r="BW67" i="4"/>
  <c r="BV67" i="4"/>
  <c r="BU67" i="4"/>
  <c r="BT67" i="4"/>
  <c r="BS67" i="4"/>
  <c r="BR67" i="4"/>
  <c r="BQ67" i="4"/>
  <c r="BP67" i="4"/>
  <c r="CN66" i="4"/>
  <c r="CM66" i="4"/>
  <c r="CL66" i="4"/>
  <c r="CK66" i="4"/>
  <c r="CJ66" i="4"/>
  <c r="CI66" i="4"/>
  <c r="CH66" i="4"/>
  <c r="CG66" i="4"/>
  <c r="CF66" i="4"/>
  <c r="CE66" i="4"/>
  <c r="CD66" i="4"/>
  <c r="CC66" i="4"/>
  <c r="CB66" i="4"/>
  <c r="CA66" i="4"/>
  <c r="BZ66" i="4"/>
  <c r="BY66" i="4"/>
  <c r="BX66" i="4"/>
  <c r="BW66" i="4"/>
  <c r="BV66" i="4"/>
  <c r="BU66" i="4"/>
  <c r="BT66" i="4"/>
  <c r="BS66" i="4"/>
  <c r="BR66" i="4"/>
  <c r="BQ66" i="4"/>
  <c r="BP66" i="4"/>
  <c r="CN65" i="4"/>
  <c r="CM65" i="4"/>
  <c r="CL65" i="4"/>
  <c r="CK65" i="4"/>
  <c r="CJ65" i="4"/>
  <c r="CI65" i="4"/>
  <c r="CH65" i="4"/>
  <c r="CG65" i="4"/>
  <c r="CF65" i="4"/>
  <c r="CE65" i="4"/>
  <c r="CD65" i="4"/>
  <c r="CC65" i="4"/>
  <c r="CB65" i="4"/>
  <c r="CA65" i="4"/>
  <c r="BZ65" i="4"/>
  <c r="BY65" i="4"/>
  <c r="BX65" i="4"/>
  <c r="BW65" i="4"/>
  <c r="BV65" i="4"/>
  <c r="BU65" i="4"/>
  <c r="BT65" i="4"/>
  <c r="BS65" i="4"/>
  <c r="BR65" i="4"/>
  <c r="BQ65" i="4"/>
  <c r="BP65" i="4"/>
  <c r="CN64" i="4"/>
  <c r="CM64" i="4"/>
  <c r="CL64" i="4"/>
  <c r="CK64" i="4"/>
  <c r="CJ64" i="4"/>
  <c r="CI64" i="4"/>
  <c r="CH64" i="4"/>
  <c r="CG64" i="4"/>
  <c r="CF64" i="4"/>
  <c r="CE64" i="4"/>
  <c r="CD64" i="4"/>
  <c r="CC64" i="4"/>
  <c r="CB64" i="4"/>
  <c r="CA64" i="4"/>
  <c r="BZ64" i="4"/>
  <c r="BY64" i="4"/>
  <c r="BX64" i="4"/>
  <c r="BW64" i="4"/>
  <c r="BV64" i="4"/>
  <c r="BU64" i="4"/>
  <c r="BT64" i="4"/>
  <c r="BS64" i="4"/>
  <c r="BR64" i="4"/>
  <c r="BQ64" i="4"/>
  <c r="BP64" i="4"/>
  <c r="CN63" i="4"/>
  <c r="CM63" i="4"/>
  <c r="CL63" i="4"/>
  <c r="CK63" i="4"/>
  <c r="CJ63" i="4"/>
  <c r="CI63" i="4"/>
  <c r="CH63" i="4"/>
  <c r="CG63" i="4"/>
  <c r="CF63" i="4"/>
  <c r="CE63" i="4"/>
  <c r="CD63" i="4"/>
  <c r="CC63" i="4"/>
  <c r="CB63" i="4"/>
  <c r="CA63" i="4"/>
  <c r="BZ63" i="4"/>
  <c r="BY63" i="4"/>
  <c r="BX63" i="4"/>
  <c r="BW63" i="4"/>
  <c r="BV63" i="4"/>
  <c r="BU63" i="4"/>
  <c r="BT63" i="4"/>
  <c r="BS63" i="4"/>
  <c r="BR63" i="4"/>
  <c r="BQ63" i="4"/>
  <c r="BP63" i="4"/>
  <c r="CN62" i="4"/>
  <c r="CM62" i="4"/>
  <c r="CL62" i="4"/>
  <c r="CK62" i="4"/>
  <c r="CJ62" i="4"/>
  <c r="CI62" i="4"/>
  <c r="CH62" i="4"/>
  <c r="CG62" i="4"/>
  <c r="CF62" i="4"/>
  <c r="CE62" i="4"/>
  <c r="CD62" i="4"/>
  <c r="CC62" i="4"/>
  <c r="CB62" i="4"/>
  <c r="CA62" i="4"/>
  <c r="BZ62" i="4"/>
  <c r="BY62" i="4"/>
  <c r="BX62" i="4"/>
  <c r="BW62" i="4"/>
  <c r="BV62" i="4"/>
  <c r="BU62" i="4"/>
  <c r="BT62" i="4"/>
  <c r="BS62" i="4"/>
  <c r="BR62" i="4"/>
  <c r="BQ62" i="4"/>
  <c r="BP62" i="4"/>
  <c r="CN61" i="4"/>
  <c r="CM61" i="4"/>
  <c r="CL61" i="4"/>
  <c r="CK61" i="4"/>
  <c r="CJ61" i="4"/>
  <c r="CI61" i="4"/>
  <c r="CH61" i="4"/>
  <c r="CG61" i="4"/>
  <c r="CF61" i="4"/>
  <c r="CE61" i="4"/>
  <c r="CD61" i="4"/>
  <c r="CC61" i="4"/>
  <c r="CB61" i="4"/>
  <c r="CA61" i="4"/>
  <c r="BZ61" i="4"/>
  <c r="BY61" i="4"/>
  <c r="BX61" i="4"/>
  <c r="BW61" i="4"/>
  <c r="BV61" i="4"/>
  <c r="BU61" i="4"/>
  <c r="BT61" i="4"/>
  <c r="BS61" i="4"/>
  <c r="BR61" i="4"/>
  <c r="BQ61" i="4"/>
  <c r="BP61" i="4"/>
  <c r="CN60" i="4"/>
  <c r="CM60" i="4"/>
  <c r="CL60" i="4"/>
  <c r="CK60" i="4"/>
  <c r="CJ60" i="4"/>
  <c r="CI60" i="4"/>
  <c r="CH60" i="4"/>
  <c r="CG60" i="4"/>
  <c r="CF60" i="4"/>
  <c r="CE60" i="4"/>
  <c r="CD60" i="4"/>
  <c r="CC60" i="4"/>
  <c r="CB60" i="4"/>
  <c r="CA60" i="4"/>
  <c r="BZ60" i="4"/>
  <c r="BY60" i="4"/>
  <c r="BX60" i="4"/>
  <c r="BW60" i="4"/>
  <c r="BV60" i="4"/>
  <c r="BU60" i="4"/>
  <c r="BT60" i="4"/>
  <c r="BS60" i="4"/>
  <c r="BR60" i="4"/>
  <c r="BQ60" i="4"/>
  <c r="BP60" i="4"/>
  <c r="CN59" i="4"/>
  <c r="CM59" i="4"/>
  <c r="CL59" i="4"/>
  <c r="CK59" i="4"/>
  <c r="CJ59" i="4"/>
  <c r="CI59" i="4"/>
  <c r="CH59" i="4"/>
  <c r="CG59" i="4"/>
  <c r="CF59" i="4"/>
  <c r="CE59" i="4"/>
  <c r="CD59" i="4"/>
  <c r="CC59" i="4"/>
  <c r="CB59" i="4"/>
  <c r="CA59" i="4"/>
  <c r="BZ59" i="4"/>
  <c r="BY59" i="4"/>
  <c r="BX59" i="4"/>
  <c r="BW59" i="4"/>
  <c r="BV59" i="4"/>
  <c r="BU59" i="4"/>
  <c r="BT59" i="4"/>
  <c r="BS59" i="4"/>
  <c r="BR59" i="4"/>
  <c r="BQ59" i="4"/>
  <c r="BP59" i="4"/>
  <c r="CN58" i="4"/>
  <c r="CM58" i="4"/>
  <c r="CL58" i="4"/>
  <c r="CK58" i="4"/>
  <c r="CJ58" i="4"/>
  <c r="CI58" i="4"/>
  <c r="CH58" i="4"/>
  <c r="CG58" i="4"/>
  <c r="CF58" i="4"/>
  <c r="CE58" i="4"/>
  <c r="CD58" i="4"/>
  <c r="CC58" i="4"/>
  <c r="CB58" i="4"/>
  <c r="CA58" i="4"/>
  <c r="BZ58" i="4"/>
  <c r="BY58" i="4"/>
  <c r="BX58" i="4"/>
  <c r="BW58" i="4"/>
  <c r="BV58" i="4"/>
  <c r="BU58" i="4"/>
  <c r="BT58" i="4"/>
  <c r="BS58" i="4"/>
  <c r="BR58" i="4"/>
  <c r="BQ58" i="4"/>
  <c r="BP58" i="4"/>
  <c r="CN57" i="4"/>
  <c r="CM57" i="4"/>
  <c r="CL57" i="4"/>
  <c r="CK57" i="4"/>
  <c r="CJ57" i="4"/>
  <c r="CI57" i="4"/>
  <c r="CH57" i="4"/>
  <c r="CG57" i="4"/>
  <c r="CF57" i="4"/>
  <c r="CE57" i="4"/>
  <c r="CD57" i="4"/>
  <c r="CC57" i="4"/>
  <c r="CB57" i="4"/>
  <c r="CA57" i="4"/>
  <c r="BZ57" i="4"/>
  <c r="BY57" i="4"/>
  <c r="BX57" i="4"/>
  <c r="BW57" i="4"/>
  <c r="BV57" i="4"/>
  <c r="BU57" i="4"/>
  <c r="BT57" i="4"/>
  <c r="BS57" i="4"/>
  <c r="BR57" i="4"/>
  <c r="BQ57" i="4"/>
  <c r="BP57" i="4"/>
  <c r="CN56" i="4"/>
  <c r="CM56" i="4"/>
  <c r="CL56" i="4"/>
  <c r="CK56" i="4"/>
  <c r="CJ56" i="4"/>
  <c r="CI56" i="4"/>
  <c r="CH56" i="4"/>
  <c r="CG56" i="4"/>
  <c r="CF56" i="4"/>
  <c r="CE56" i="4"/>
  <c r="CD56" i="4"/>
  <c r="CC56" i="4"/>
  <c r="CB56" i="4"/>
  <c r="CA56" i="4"/>
  <c r="BZ56" i="4"/>
  <c r="BY56" i="4"/>
  <c r="BX56" i="4"/>
  <c r="BW56" i="4"/>
  <c r="BV56" i="4"/>
  <c r="BU56" i="4"/>
  <c r="BT56" i="4"/>
  <c r="BS56" i="4"/>
  <c r="BR56" i="4"/>
  <c r="BQ56" i="4"/>
  <c r="BP56" i="4"/>
  <c r="CN55" i="4"/>
  <c r="CM55" i="4"/>
  <c r="CL55" i="4"/>
  <c r="CK55" i="4"/>
  <c r="CJ55" i="4"/>
  <c r="CI55" i="4"/>
  <c r="CH55" i="4"/>
  <c r="CG55" i="4"/>
  <c r="CF55" i="4"/>
  <c r="CE55" i="4"/>
  <c r="CD55" i="4"/>
  <c r="CC55" i="4"/>
  <c r="CB55" i="4"/>
  <c r="CA55" i="4"/>
  <c r="BZ55" i="4"/>
  <c r="BY55" i="4"/>
  <c r="BX55" i="4"/>
  <c r="BW55" i="4"/>
  <c r="BV55" i="4"/>
  <c r="BU55" i="4"/>
  <c r="BT55" i="4"/>
  <c r="BS55" i="4"/>
  <c r="BR55" i="4"/>
  <c r="BQ55" i="4"/>
  <c r="BP55" i="4"/>
  <c r="CN54" i="4"/>
  <c r="CM54" i="4"/>
  <c r="CL54" i="4"/>
  <c r="CK54" i="4"/>
  <c r="CJ54" i="4"/>
  <c r="CI54" i="4"/>
  <c r="CH54" i="4"/>
  <c r="CG54" i="4"/>
  <c r="CF54" i="4"/>
  <c r="CE54" i="4"/>
  <c r="CD54" i="4"/>
  <c r="CC54" i="4"/>
  <c r="CB54" i="4"/>
  <c r="CA54" i="4"/>
  <c r="BZ54" i="4"/>
  <c r="BY54" i="4"/>
  <c r="BX54" i="4"/>
  <c r="BW54" i="4"/>
  <c r="BV54" i="4"/>
  <c r="BU54" i="4"/>
  <c r="BT54" i="4"/>
  <c r="BS54" i="4"/>
  <c r="BR54" i="4"/>
  <c r="BQ54" i="4"/>
  <c r="BP54" i="4"/>
  <c r="CN53" i="4"/>
  <c r="CM53" i="4"/>
  <c r="CL53" i="4"/>
  <c r="CK53" i="4"/>
  <c r="CJ53" i="4"/>
  <c r="CI53" i="4"/>
  <c r="CH53" i="4"/>
  <c r="CG53" i="4"/>
  <c r="CF53" i="4"/>
  <c r="CE53" i="4"/>
  <c r="CD53" i="4"/>
  <c r="CC53" i="4"/>
  <c r="CB53" i="4"/>
  <c r="CA53" i="4"/>
  <c r="BZ53" i="4"/>
  <c r="BY53" i="4"/>
  <c r="BX53" i="4"/>
  <c r="BW53" i="4"/>
  <c r="BV53" i="4"/>
  <c r="BU53" i="4"/>
  <c r="BT53" i="4"/>
  <c r="BS53" i="4"/>
  <c r="BR53" i="4"/>
  <c r="BQ53" i="4"/>
  <c r="BP53" i="4"/>
  <c r="CN52" i="4"/>
  <c r="CM52" i="4"/>
  <c r="CL52" i="4"/>
  <c r="CK52" i="4"/>
  <c r="CJ52" i="4"/>
  <c r="CI52" i="4"/>
  <c r="CH52" i="4"/>
  <c r="CG52" i="4"/>
  <c r="CF52" i="4"/>
  <c r="CE52" i="4"/>
  <c r="CD52" i="4"/>
  <c r="CC52" i="4"/>
  <c r="CB52" i="4"/>
  <c r="CA52" i="4"/>
  <c r="BZ52" i="4"/>
  <c r="BY52" i="4"/>
  <c r="BX52" i="4"/>
  <c r="BW52" i="4"/>
  <c r="BV52" i="4"/>
  <c r="BU52" i="4"/>
  <c r="BT52" i="4"/>
  <c r="BS52" i="4"/>
  <c r="BR52" i="4"/>
  <c r="BQ52" i="4"/>
  <c r="BP52" i="4"/>
  <c r="CN51" i="4"/>
  <c r="CM51" i="4"/>
  <c r="CL51" i="4"/>
  <c r="CK51" i="4"/>
  <c r="CJ51" i="4"/>
  <c r="CI51" i="4"/>
  <c r="CH51" i="4"/>
  <c r="CG51" i="4"/>
  <c r="CF51" i="4"/>
  <c r="CE51" i="4"/>
  <c r="CD51" i="4"/>
  <c r="CC51" i="4"/>
  <c r="CB51" i="4"/>
  <c r="CA51" i="4"/>
  <c r="BZ51" i="4"/>
  <c r="BY51" i="4"/>
  <c r="BX51" i="4"/>
  <c r="BW51" i="4"/>
  <c r="BV51" i="4"/>
  <c r="BU51" i="4"/>
  <c r="BT51" i="4"/>
  <c r="BS51" i="4"/>
  <c r="BR51" i="4"/>
  <c r="BQ51" i="4"/>
  <c r="BP51" i="4"/>
  <c r="CN50" i="4"/>
  <c r="CM50" i="4"/>
  <c r="CL50" i="4"/>
  <c r="CK50" i="4"/>
  <c r="CJ50" i="4"/>
  <c r="CI50" i="4"/>
  <c r="CH50" i="4"/>
  <c r="CG50" i="4"/>
  <c r="CF50" i="4"/>
  <c r="CE50" i="4"/>
  <c r="CD50" i="4"/>
  <c r="CC50" i="4"/>
  <c r="CB50" i="4"/>
  <c r="CA50" i="4"/>
  <c r="BZ50" i="4"/>
  <c r="BY50" i="4"/>
  <c r="BX50" i="4"/>
  <c r="BW50" i="4"/>
  <c r="BV50" i="4"/>
  <c r="BU50" i="4"/>
  <c r="BT50" i="4"/>
  <c r="BS50" i="4"/>
  <c r="BR50" i="4"/>
  <c r="BQ50" i="4"/>
  <c r="BP50" i="4"/>
  <c r="CN49" i="4"/>
  <c r="CM49" i="4"/>
  <c r="CL49" i="4"/>
  <c r="CK49" i="4"/>
  <c r="CJ49" i="4"/>
  <c r="CI49" i="4"/>
  <c r="CH49" i="4"/>
  <c r="CG49" i="4"/>
  <c r="CF49" i="4"/>
  <c r="CE49" i="4"/>
  <c r="CD49" i="4"/>
  <c r="CC49" i="4"/>
  <c r="CB49" i="4"/>
  <c r="CA49" i="4"/>
  <c r="BZ49" i="4"/>
  <c r="BY49" i="4"/>
  <c r="BX49" i="4"/>
  <c r="BW49" i="4"/>
  <c r="BV49" i="4"/>
  <c r="BU49" i="4"/>
  <c r="BT49" i="4"/>
  <c r="BS49" i="4"/>
  <c r="BR49" i="4"/>
  <c r="BQ49" i="4"/>
  <c r="BP49" i="4"/>
  <c r="CN48" i="4"/>
  <c r="CM48" i="4"/>
  <c r="CL48" i="4"/>
  <c r="CK48" i="4"/>
  <c r="CJ48" i="4"/>
  <c r="CI48" i="4"/>
  <c r="CH48" i="4"/>
  <c r="CG48" i="4"/>
  <c r="CF48" i="4"/>
  <c r="CE48" i="4"/>
  <c r="CD48" i="4"/>
  <c r="CC48" i="4"/>
  <c r="CB48" i="4"/>
  <c r="CA48" i="4"/>
  <c r="BZ48" i="4"/>
  <c r="BY48" i="4"/>
  <c r="BX48" i="4"/>
  <c r="BW48" i="4"/>
  <c r="BV48" i="4"/>
  <c r="BU48" i="4"/>
  <c r="BT48" i="4"/>
  <c r="BS48" i="4"/>
  <c r="BR48" i="4"/>
  <c r="BQ48" i="4"/>
  <c r="BP48" i="4"/>
  <c r="CN47" i="4"/>
  <c r="CM47" i="4"/>
  <c r="CL47" i="4"/>
  <c r="CK47" i="4"/>
  <c r="CJ47" i="4"/>
  <c r="CI47" i="4"/>
  <c r="CH47" i="4"/>
  <c r="CG47" i="4"/>
  <c r="CF47" i="4"/>
  <c r="CE47" i="4"/>
  <c r="CD47" i="4"/>
  <c r="CC47" i="4"/>
  <c r="CB47" i="4"/>
  <c r="CA47" i="4"/>
  <c r="BZ47" i="4"/>
  <c r="BY47" i="4"/>
  <c r="BX47" i="4"/>
  <c r="BW47" i="4"/>
  <c r="BV47" i="4"/>
  <c r="BU47" i="4"/>
  <c r="BT47" i="4"/>
  <c r="BS47" i="4"/>
  <c r="BR47" i="4"/>
  <c r="BQ47" i="4"/>
  <c r="BP47" i="4"/>
  <c r="CN46" i="4"/>
  <c r="CM46" i="4"/>
  <c r="CL46" i="4"/>
  <c r="CK46" i="4"/>
  <c r="CJ46" i="4"/>
  <c r="CI46" i="4"/>
  <c r="CH46" i="4"/>
  <c r="CG46" i="4"/>
  <c r="CF46" i="4"/>
  <c r="CE46" i="4"/>
  <c r="CD46" i="4"/>
  <c r="CC46" i="4"/>
  <c r="CB46" i="4"/>
  <c r="CA46" i="4"/>
  <c r="BZ46" i="4"/>
  <c r="BY46" i="4"/>
  <c r="BX46" i="4"/>
  <c r="BW46" i="4"/>
  <c r="BV46" i="4"/>
  <c r="BU46" i="4"/>
  <c r="BT46" i="4"/>
  <c r="BS46" i="4"/>
  <c r="BR46" i="4"/>
  <c r="BQ46" i="4"/>
  <c r="BP46" i="4"/>
  <c r="CN45" i="4"/>
  <c r="CM45" i="4"/>
  <c r="CL45" i="4"/>
  <c r="CK45" i="4"/>
  <c r="CJ45" i="4"/>
  <c r="CI45" i="4"/>
  <c r="CH45" i="4"/>
  <c r="CG45" i="4"/>
  <c r="CF45" i="4"/>
  <c r="CE45" i="4"/>
  <c r="CD45" i="4"/>
  <c r="CC45" i="4"/>
  <c r="CB45" i="4"/>
  <c r="CA45" i="4"/>
  <c r="BZ45" i="4"/>
  <c r="BY45" i="4"/>
  <c r="BX45" i="4"/>
  <c r="BW45" i="4"/>
  <c r="BV45" i="4"/>
  <c r="BU45" i="4"/>
  <c r="BT45" i="4"/>
  <c r="BS45" i="4"/>
  <c r="BR45" i="4"/>
  <c r="BQ45" i="4"/>
  <c r="BP45" i="4"/>
  <c r="CN41" i="4"/>
  <c r="CM41" i="4"/>
  <c r="CL41" i="4"/>
  <c r="CK41" i="4"/>
  <c r="CJ41" i="4"/>
  <c r="CI41" i="4"/>
  <c r="CH41" i="4"/>
  <c r="CG41" i="4"/>
  <c r="CF41" i="4"/>
  <c r="CE41" i="4"/>
  <c r="CD41" i="4"/>
  <c r="CC41" i="4"/>
  <c r="CB41" i="4"/>
  <c r="CA41" i="4"/>
  <c r="BZ41" i="4"/>
  <c r="BY41" i="4"/>
  <c r="BX41" i="4"/>
  <c r="BW41" i="4"/>
  <c r="BV41" i="4"/>
  <c r="BU41" i="4"/>
  <c r="BT41" i="4"/>
  <c r="BS41" i="4"/>
  <c r="BR41" i="4"/>
  <c r="BQ41" i="4"/>
  <c r="BP41" i="4"/>
  <c r="CN40" i="4"/>
  <c r="CM40" i="4"/>
  <c r="CL40" i="4"/>
  <c r="CK40" i="4"/>
  <c r="CJ40" i="4"/>
  <c r="CI40" i="4"/>
  <c r="CH40" i="4"/>
  <c r="CG40" i="4"/>
  <c r="CF40" i="4"/>
  <c r="CE40" i="4"/>
  <c r="CD40" i="4"/>
  <c r="CC40" i="4"/>
  <c r="CB40" i="4"/>
  <c r="CA40" i="4"/>
  <c r="BZ40" i="4"/>
  <c r="BY40" i="4"/>
  <c r="BX40" i="4"/>
  <c r="BW40" i="4"/>
  <c r="BV40" i="4"/>
  <c r="BU40" i="4"/>
  <c r="BT40" i="4"/>
  <c r="BS40" i="4"/>
  <c r="BR40" i="4"/>
  <c r="BQ40" i="4"/>
  <c r="BP40" i="4"/>
  <c r="CN39" i="4"/>
  <c r="CM39" i="4"/>
  <c r="CL39" i="4"/>
  <c r="CK39" i="4"/>
  <c r="CJ39" i="4"/>
  <c r="CI39" i="4"/>
  <c r="CH39" i="4"/>
  <c r="CG39" i="4"/>
  <c r="CF39" i="4"/>
  <c r="CE39" i="4"/>
  <c r="CD39" i="4"/>
  <c r="CC39" i="4"/>
  <c r="CB39" i="4"/>
  <c r="CA39" i="4"/>
  <c r="BZ39" i="4"/>
  <c r="BY39" i="4"/>
  <c r="BX39" i="4"/>
  <c r="BW39" i="4"/>
  <c r="BV39" i="4"/>
  <c r="BU39" i="4"/>
  <c r="BT39" i="4"/>
  <c r="BS39" i="4"/>
  <c r="BR39" i="4"/>
  <c r="BQ39" i="4"/>
  <c r="BP39" i="4"/>
  <c r="CN38" i="4"/>
  <c r="CM38" i="4"/>
  <c r="CL38" i="4"/>
  <c r="CK38" i="4"/>
  <c r="CJ38" i="4"/>
  <c r="CI38" i="4"/>
  <c r="CH38" i="4"/>
  <c r="CG38" i="4"/>
  <c r="CF38" i="4"/>
  <c r="CE38" i="4"/>
  <c r="CD38" i="4"/>
  <c r="CC38" i="4"/>
  <c r="CB38" i="4"/>
  <c r="CA38" i="4"/>
  <c r="BZ38" i="4"/>
  <c r="BY38" i="4"/>
  <c r="BX38" i="4"/>
  <c r="BW38" i="4"/>
  <c r="BV38" i="4"/>
  <c r="BU38" i="4"/>
  <c r="BT38" i="4"/>
  <c r="BS38" i="4"/>
  <c r="BR38" i="4"/>
  <c r="BQ38" i="4"/>
  <c r="BP38" i="4"/>
  <c r="CN37" i="4"/>
  <c r="CM37" i="4"/>
  <c r="CL37" i="4"/>
  <c r="CK37" i="4"/>
  <c r="CJ37" i="4"/>
  <c r="CI37" i="4"/>
  <c r="CH37" i="4"/>
  <c r="CG37" i="4"/>
  <c r="CF37" i="4"/>
  <c r="CE37" i="4"/>
  <c r="CD37" i="4"/>
  <c r="CC37" i="4"/>
  <c r="CB37" i="4"/>
  <c r="CA37" i="4"/>
  <c r="BZ37" i="4"/>
  <c r="BY37" i="4"/>
  <c r="BX37" i="4"/>
  <c r="BW37" i="4"/>
  <c r="BV37" i="4"/>
  <c r="BU37" i="4"/>
  <c r="BT37" i="4"/>
  <c r="BS37" i="4"/>
  <c r="BR37" i="4"/>
  <c r="BQ37" i="4"/>
  <c r="BP37" i="4"/>
  <c r="CN36" i="4"/>
  <c r="CM36" i="4"/>
  <c r="CL36" i="4"/>
  <c r="CK36" i="4"/>
  <c r="CJ36" i="4"/>
  <c r="CI36" i="4"/>
  <c r="CH36" i="4"/>
  <c r="CG36" i="4"/>
  <c r="CF36" i="4"/>
  <c r="CE36" i="4"/>
  <c r="CD36" i="4"/>
  <c r="CC36" i="4"/>
  <c r="CB36" i="4"/>
  <c r="CA36" i="4"/>
  <c r="BZ36" i="4"/>
  <c r="BY36" i="4"/>
  <c r="BX36" i="4"/>
  <c r="BW36" i="4"/>
  <c r="BV36" i="4"/>
  <c r="BU36" i="4"/>
  <c r="BT36" i="4"/>
  <c r="BS36" i="4"/>
  <c r="BR36" i="4"/>
  <c r="BQ36" i="4"/>
  <c r="BP36" i="4"/>
  <c r="CN35" i="4"/>
  <c r="CM35" i="4"/>
  <c r="CL35" i="4"/>
  <c r="CK35" i="4"/>
  <c r="CJ35" i="4"/>
  <c r="CI35" i="4"/>
  <c r="CH35" i="4"/>
  <c r="CG35" i="4"/>
  <c r="CF35" i="4"/>
  <c r="CE35" i="4"/>
  <c r="CD35" i="4"/>
  <c r="CC35" i="4"/>
  <c r="CB35" i="4"/>
  <c r="CA35" i="4"/>
  <c r="BZ35" i="4"/>
  <c r="BY35" i="4"/>
  <c r="BX35" i="4"/>
  <c r="BW35" i="4"/>
  <c r="BV35" i="4"/>
  <c r="BU35" i="4"/>
  <c r="BT35" i="4"/>
  <c r="BS35" i="4"/>
  <c r="BR35" i="4"/>
  <c r="BQ35" i="4"/>
  <c r="BP35" i="4"/>
  <c r="CN34" i="4"/>
  <c r="CM34" i="4"/>
  <c r="CL34" i="4"/>
  <c r="CK34" i="4"/>
  <c r="CJ34" i="4"/>
  <c r="CI34" i="4"/>
  <c r="CH34" i="4"/>
  <c r="CG34" i="4"/>
  <c r="CF34" i="4"/>
  <c r="CE34" i="4"/>
  <c r="CD34" i="4"/>
  <c r="CC34" i="4"/>
  <c r="CB34" i="4"/>
  <c r="CA34" i="4"/>
  <c r="BZ34" i="4"/>
  <c r="BY34" i="4"/>
  <c r="BX34" i="4"/>
  <c r="BW34" i="4"/>
  <c r="BV34" i="4"/>
  <c r="BU34" i="4"/>
  <c r="BT34" i="4"/>
  <c r="BS34" i="4"/>
  <c r="BR34" i="4"/>
  <c r="BQ34" i="4"/>
  <c r="BP34" i="4"/>
  <c r="CN33" i="4"/>
  <c r="CM33" i="4"/>
  <c r="CL33" i="4"/>
  <c r="CK33" i="4"/>
  <c r="CJ33" i="4"/>
  <c r="CI33" i="4"/>
  <c r="CH33" i="4"/>
  <c r="CG33" i="4"/>
  <c r="CF33" i="4"/>
  <c r="CE33" i="4"/>
  <c r="CD33" i="4"/>
  <c r="CC33" i="4"/>
  <c r="CB33" i="4"/>
  <c r="CA33" i="4"/>
  <c r="BZ33" i="4"/>
  <c r="BY33" i="4"/>
  <c r="BX33" i="4"/>
  <c r="BW33" i="4"/>
  <c r="BV33" i="4"/>
  <c r="BU33" i="4"/>
  <c r="BT33" i="4"/>
  <c r="BS33" i="4"/>
  <c r="BR33" i="4"/>
  <c r="BQ33" i="4"/>
  <c r="BP33" i="4"/>
  <c r="CN32" i="4"/>
  <c r="CM32" i="4"/>
  <c r="CL32" i="4"/>
  <c r="CK32" i="4"/>
  <c r="CJ32" i="4"/>
  <c r="CI32" i="4"/>
  <c r="CH32" i="4"/>
  <c r="CG32" i="4"/>
  <c r="CF32" i="4"/>
  <c r="CE32" i="4"/>
  <c r="CD32" i="4"/>
  <c r="CC32" i="4"/>
  <c r="CB32" i="4"/>
  <c r="CA32" i="4"/>
  <c r="BZ32" i="4"/>
  <c r="BY32" i="4"/>
  <c r="BX32" i="4"/>
  <c r="BW32" i="4"/>
  <c r="BV32" i="4"/>
  <c r="BU32" i="4"/>
  <c r="BT32" i="4"/>
  <c r="BS32" i="4"/>
  <c r="BR32" i="4"/>
  <c r="BQ32" i="4"/>
  <c r="BP32" i="4"/>
  <c r="CN31" i="4"/>
  <c r="CM31" i="4"/>
  <c r="CL31" i="4"/>
  <c r="CK31" i="4"/>
  <c r="CJ31" i="4"/>
  <c r="CI31" i="4"/>
  <c r="CH31" i="4"/>
  <c r="CG31" i="4"/>
  <c r="CF31" i="4"/>
  <c r="CE31" i="4"/>
  <c r="CD31" i="4"/>
  <c r="CC31" i="4"/>
  <c r="CB31" i="4"/>
  <c r="CA31" i="4"/>
  <c r="BZ31" i="4"/>
  <c r="BY31" i="4"/>
  <c r="BX31" i="4"/>
  <c r="BW31" i="4"/>
  <c r="BV31" i="4"/>
  <c r="BU31" i="4"/>
  <c r="BT31" i="4"/>
  <c r="BS31" i="4"/>
  <c r="BR31" i="4"/>
  <c r="BQ31" i="4"/>
  <c r="BP31" i="4"/>
  <c r="CN30" i="4"/>
  <c r="CM30" i="4"/>
  <c r="CL30" i="4"/>
  <c r="CK30" i="4"/>
  <c r="CJ30" i="4"/>
  <c r="CI30" i="4"/>
  <c r="CH30" i="4"/>
  <c r="CG30" i="4"/>
  <c r="CF30" i="4"/>
  <c r="CE30" i="4"/>
  <c r="CD30" i="4"/>
  <c r="CC30" i="4"/>
  <c r="CB30" i="4"/>
  <c r="CA30" i="4"/>
  <c r="BZ30" i="4"/>
  <c r="BY30" i="4"/>
  <c r="BX30" i="4"/>
  <c r="BW30" i="4"/>
  <c r="BV30" i="4"/>
  <c r="BU30" i="4"/>
  <c r="BT30" i="4"/>
  <c r="BS30" i="4"/>
  <c r="BR30" i="4"/>
  <c r="BQ30" i="4"/>
  <c r="BP30" i="4"/>
  <c r="CN29" i="4"/>
  <c r="CM29" i="4"/>
  <c r="CL29" i="4"/>
  <c r="CK29" i="4"/>
  <c r="CJ29" i="4"/>
  <c r="CI29" i="4"/>
  <c r="CH29" i="4"/>
  <c r="CG29" i="4"/>
  <c r="CF29" i="4"/>
  <c r="CE29" i="4"/>
  <c r="CD29" i="4"/>
  <c r="CC29" i="4"/>
  <c r="CB29" i="4"/>
  <c r="CA29" i="4"/>
  <c r="BZ29" i="4"/>
  <c r="BY29" i="4"/>
  <c r="BX29" i="4"/>
  <c r="BW29" i="4"/>
  <c r="BV29" i="4"/>
  <c r="BU29" i="4"/>
  <c r="BT29" i="4"/>
  <c r="BS29" i="4"/>
  <c r="BR29" i="4"/>
  <c r="BQ29" i="4"/>
  <c r="BP29" i="4"/>
  <c r="CN28" i="4"/>
  <c r="CM28" i="4"/>
  <c r="CL28" i="4"/>
  <c r="CK28" i="4"/>
  <c r="CJ28" i="4"/>
  <c r="CI28" i="4"/>
  <c r="CH28" i="4"/>
  <c r="CG28" i="4"/>
  <c r="CF28" i="4"/>
  <c r="CE28" i="4"/>
  <c r="CD28" i="4"/>
  <c r="CC28" i="4"/>
  <c r="CB28" i="4"/>
  <c r="CA28" i="4"/>
  <c r="BZ28" i="4"/>
  <c r="BY28" i="4"/>
  <c r="BX28" i="4"/>
  <c r="BW28" i="4"/>
  <c r="BV28" i="4"/>
  <c r="BU28" i="4"/>
  <c r="BT28" i="4"/>
  <c r="BS28" i="4"/>
  <c r="BR28" i="4"/>
  <c r="BQ28" i="4"/>
  <c r="BP28" i="4"/>
  <c r="CN27" i="4"/>
  <c r="CM27" i="4"/>
  <c r="CL27" i="4"/>
  <c r="CK27" i="4"/>
  <c r="CJ27" i="4"/>
  <c r="CI27" i="4"/>
  <c r="CH27" i="4"/>
  <c r="CG27" i="4"/>
  <c r="CF27" i="4"/>
  <c r="CE27" i="4"/>
  <c r="CD27" i="4"/>
  <c r="CC27" i="4"/>
  <c r="CB27" i="4"/>
  <c r="CA27" i="4"/>
  <c r="BZ27" i="4"/>
  <c r="BY27" i="4"/>
  <c r="BX27" i="4"/>
  <c r="BW27" i="4"/>
  <c r="BV27" i="4"/>
  <c r="BU27" i="4"/>
  <c r="BT27" i="4"/>
  <c r="BS27" i="4"/>
  <c r="BR27" i="4"/>
  <c r="BQ27" i="4"/>
  <c r="BP27" i="4"/>
  <c r="CN26" i="4"/>
  <c r="CM26" i="4"/>
  <c r="CL26" i="4"/>
  <c r="CK26" i="4"/>
  <c r="CJ26" i="4"/>
  <c r="CI26" i="4"/>
  <c r="CH26" i="4"/>
  <c r="CG26" i="4"/>
  <c r="CF26" i="4"/>
  <c r="CE26" i="4"/>
  <c r="CD26" i="4"/>
  <c r="CC26" i="4"/>
  <c r="CB26" i="4"/>
  <c r="CA26" i="4"/>
  <c r="BZ26" i="4"/>
  <c r="BY26" i="4"/>
  <c r="BX26" i="4"/>
  <c r="BW26" i="4"/>
  <c r="BV26" i="4"/>
  <c r="BU26" i="4"/>
  <c r="BT26" i="4"/>
  <c r="BS26" i="4"/>
  <c r="BR26" i="4"/>
  <c r="BQ26" i="4"/>
  <c r="BP26" i="4"/>
  <c r="CN25" i="4"/>
  <c r="CM25" i="4"/>
  <c r="CL25" i="4"/>
  <c r="CK25" i="4"/>
  <c r="CJ25" i="4"/>
  <c r="CI25" i="4"/>
  <c r="CH25" i="4"/>
  <c r="CG25" i="4"/>
  <c r="CF25" i="4"/>
  <c r="CE25" i="4"/>
  <c r="CD25" i="4"/>
  <c r="CC25" i="4"/>
  <c r="CB25" i="4"/>
  <c r="CA25" i="4"/>
  <c r="BZ25" i="4"/>
  <c r="BY25" i="4"/>
  <c r="BX25" i="4"/>
  <c r="BW25" i="4"/>
  <c r="BV25" i="4"/>
  <c r="BU25" i="4"/>
  <c r="BT25" i="4"/>
  <c r="BS25" i="4"/>
  <c r="BR25" i="4"/>
  <c r="BQ25" i="4"/>
  <c r="BP25" i="4"/>
  <c r="CN24" i="4"/>
  <c r="CM24" i="4"/>
  <c r="CL24" i="4"/>
  <c r="CK24" i="4"/>
  <c r="CJ24" i="4"/>
  <c r="CI24" i="4"/>
  <c r="CH24" i="4"/>
  <c r="CG24" i="4"/>
  <c r="CF24" i="4"/>
  <c r="CE24" i="4"/>
  <c r="CD24" i="4"/>
  <c r="CC24" i="4"/>
  <c r="CB24" i="4"/>
  <c r="CA24" i="4"/>
  <c r="BZ24" i="4"/>
  <c r="BY24" i="4"/>
  <c r="BX24" i="4"/>
  <c r="BW24" i="4"/>
  <c r="BV24" i="4"/>
  <c r="BU24" i="4"/>
  <c r="BT24" i="4"/>
  <c r="BS24" i="4"/>
  <c r="BR24" i="4"/>
  <c r="BQ24" i="4"/>
  <c r="BP24" i="4"/>
  <c r="CN23" i="4"/>
  <c r="CM23" i="4"/>
  <c r="CL23" i="4"/>
  <c r="CK23" i="4"/>
  <c r="CJ23" i="4"/>
  <c r="CI23" i="4"/>
  <c r="CH23" i="4"/>
  <c r="CG23" i="4"/>
  <c r="CF23" i="4"/>
  <c r="CE23" i="4"/>
  <c r="CD23" i="4"/>
  <c r="CC23" i="4"/>
  <c r="CB23" i="4"/>
  <c r="CA23" i="4"/>
  <c r="BZ23" i="4"/>
  <c r="BY23" i="4"/>
  <c r="BX23" i="4"/>
  <c r="BW23" i="4"/>
  <c r="BV23" i="4"/>
  <c r="BU23" i="4"/>
  <c r="BT23" i="4"/>
  <c r="BS23" i="4"/>
  <c r="BR23" i="4"/>
  <c r="BQ23" i="4"/>
  <c r="BP23" i="4"/>
  <c r="CN22" i="4"/>
  <c r="CM22" i="4"/>
  <c r="CL22" i="4"/>
  <c r="CK22" i="4"/>
  <c r="CJ22" i="4"/>
  <c r="CI22" i="4"/>
  <c r="CH22" i="4"/>
  <c r="CG22" i="4"/>
  <c r="CF22" i="4"/>
  <c r="CE22" i="4"/>
  <c r="CD22" i="4"/>
  <c r="CC22" i="4"/>
  <c r="CB22" i="4"/>
  <c r="CA22" i="4"/>
  <c r="BZ22" i="4"/>
  <c r="BY22" i="4"/>
  <c r="BX22" i="4"/>
  <c r="BW22" i="4"/>
  <c r="BV22" i="4"/>
  <c r="BU22" i="4"/>
  <c r="BT22" i="4"/>
  <c r="BS22" i="4"/>
  <c r="BR22" i="4"/>
  <c r="BQ22" i="4"/>
  <c r="BP22" i="4"/>
  <c r="CN21" i="4"/>
  <c r="CM21" i="4"/>
  <c r="CL21" i="4"/>
  <c r="CK21" i="4"/>
  <c r="CJ21" i="4"/>
  <c r="CI21" i="4"/>
  <c r="CH21" i="4"/>
  <c r="CG21" i="4"/>
  <c r="CF21" i="4"/>
  <c r="CE21" i="4"/>
  <c r="CD21" i="4"/>
  <c r="CC21" i="4"/>
  <c r="CB21" i="4"/>
  <c r="CA21" i="4"/>
  <c r="BZ21" i="4"/>
  <c r="BY21" i="4"/>
  <c r="BX21" i="4"/>
  <c r="BW21" i="4"/>
  <c r="BV21" i="4"/>
  <c r="BU21" i="4"/>
  <c r="BT21" i="4"/>
  <c r="BS21" i="4"/>
  <c r="BR21" i="4"/>
  <c r="BQ21" i="4"/>
  <c r="BP21" i="4"/>
  <c r="CN20" i="4"/>
  <c r="CM20" i="4"/>
  <c r="CL20" i="4"/>
  <c r="CK20" i="4"/>
  <c r="CJ20" i="4"/>
  <c r="CI20" i="4"/>
  <c r="CH20" i="4"/>
  <c r="CG20" i="4"/>
  <c r="CF20" i="4"/>
  <c r="CE20" i="4"/>
  <c r="CD20" i="4"/>
  <c r="CC20" i="4"/>
  <c r="CB20" i="4"/>
  <c r="CA20" i="4"/>
  <c r="BZ20" i="4"/>
  <c r="BY20" i="4"/>
  <c r="BX20" i="4"/>
  <c r="BW20" i="4"/>
  <c r="BV20" i="4"/>
  <c r="BU20" i="4"/>
  <c r="BT20" i="4"/>
  <c r="BS20" i="4"/>
  <c r="BR20" i="4"/>
  <c r="BQ20" i="4"/>
  <c r="BP20" i="4"/>
  <c r="CN19" i="4"/>
  <c r="CM19" i="4"/>
  <c r="CL19" i="4"/>
  <c r="CK19" i="4"/>
  <c r="CJ19" i="4"/>
  <c r="CI19" i="4"/>
  <c r="CH19" i="4"/>
  <c r="CG19" i="4"/>
  <c r="CF19" i="4"/>
  <c r="CE19" i="4"/>
  <c r="CD19" i="4"/>
  <c r="CC19" i="4"/>
  <c r="CB19" i="4"/>
  <c r="CA19" i="4"/>
  <c r="BZ19" i="4"/>
  <c r="BY19" i="4"/>
  <c r="BX19" i="4"/>
  <c r="BW19" i="4"/>
  <c r="BV19" i="4"/>
  <c r="BU19" i="4"/>
  <c r="BT19" i="4"/>
  <c r="BS19" i="4"/>
  <c r="BR19" i="4"/>
  <c r="BQ19" i="4"/>
  <c r="BP19" i="4"/>
  <c r="CN18" i="4"/>
  <c r="CM18" i="4"/>
  <c r="CL18" i="4"/>
  <c r="CK18" i="4"/>
  <c r="CJ18" i="4"/>
  <c r="CI18" i="4"/>
  <c r="CH18" i="4"/>
  <c r="CG18" i="4"/>
  <c r="CF18" i="4"/>
  <c r="CE18" i="4"/>
  <c r="CD18" i="4"/>
  <c r="CC18" i="4"/>
  <c r="CB18" i="4"/>
  <c r="CA18" i="4"/>
  <c r="BZ18" i="4"/>
  <c r="BY18" i="4"/>
  <c r="BX18" i="4"/>
  <c r="BW18" i="4"/>
  <c r="BV18" i="4"/>
  <c r="BU18" i="4"/>
  <c r="BT18" i="4"/>
  <c r="BS18" i="4"/>
  <c r="BR18" i="4"/>
  <c r="BQ18" i="4"/>
  <c r="BP18" i="4"/>
  <c r="CN17" i="4"/>
  <c r="CM17" i="4"/>
  <c r="CL17" i="4"/>
  <c r="CK17" i="4"/>
  <c r="CJ17" i="4"/>
  <c r="CI17" i="4"/>
  <c r="CH17" i="4"/>
  <c r="CG17" i="4"/>
  <c r="CF17" i="4"/>
  <c r="CE17" i="4"/>
  <c r="CD17" i="4"/>
  <c r="CC17" i="4"/>
  <c r="CB17" i="4"/>
  <c r="CA17" i="4"/>
  <c r="BZ17" i="4"/>
  <c r="BY17" i="4"/>
  <c r="BX17" i="4"/>
  <c r="BW17" i="4"/>
  <c r="BV17" i="4"/>
  <c r="BU17" i="4"/>
  <c r="BT17" i="4"/>
  <c r="BS17" i="4"/>
  <c r="BR17" i="4"/>
  <c r="BQ17" i="4"/>
  <c r="BP17" i="4"/>
  <c r="CN16" i="4"/>
  <c r="CM16" i="4"/>
  <c r="CL16" i="4"/>
  <c r="CK16" i="4"/>
  <c r="CJ16" i="4"/>
  <c r="CI16" i="4"/>
  <c r="CH16" i="4"/>
  <c r="CG16" i="4"/>
  <c r="CF16" i="4"/>
  <c r="CE16" i="4"/>
  <c r="CD16" i="4"/>
  <c r="CC16" i="4"/>
  <c r="CB16" i="4"/>
  <c r="CA16" i="4"/>
  <c r="BZ16" i="4"/>
  <c r="BY16" i="4"/>
  <c r="BX16" i="4"/>
  <c r="BW16" i="4"/>
  <c r="BV16" i="4"/>
  <c r="BU16" i="4"/>
  <c r="BT16" i="4"/>
  <c r="BS16" i="4"/>
  <c r="BR16" i="4"/>
  <c r="BQ16" i="4"/>
  <c r="BP16" i="4"/>
  <c r="CN15" i="4"/>
  <c r="CM15" i="4"/>
  <c r="CL15" i="4"/>
  <c r="CK15" i="4"/>
  <c r="CJ15" i="4"/>
  <c r="CI15" i="4"/>
  <c r="CH15" i="4"/>
  <c r="CG15" i="4"/>
  <c r="CF15" i="4"/>
  <c r="CE15" i="4"/>
  <c r="CD15" i="4"/>
  <c r="CC15" i="4"/>
  <c r="CB15" i="4"/>
  <c r="CA15" i="4"/>
  <c r="BZ15" i="4"/>
  <c r="BY15" i="4"/>
  <c r="BX15" i="4"/>
  <c r="BW15" i="4"/>
  <c r="BV15" i="4"/>
  <c r="BU15" i="4"/>
  <c r="BT15" i="4"/>
  <c r="BS15" i="4"/>
  <c r="BR15" i="4"/>
  <c r="BQ15" i="4"/>
  <c r="BP15" i="4"/>
  <c r="CN14" i="4"/>
  <c r="CM14" i="4"/>
  <c r="CL14" i="4"/>
  <c r="CK14" i="4"/>
  <c r="CJ14" i="4"/>
  <c r="CI14" i="4"/>
  <c r="CH14" i="4"/>
  <c r="CG14" i="4"/>
  <c r="CF14" i="4"/>
  <c r="CE14" i="4"/>
  <c r="CD14" i="4"/>
  <c r="CC14" i="4"/>
  <c r="CB14" i="4"/>
  <c r="CA14" i="4"/>
  <c r="BZ14" i="4"/>
  <c r="BY14" i="4"/>
  <c r="BX14" i="4"/>
  <c r="BW14" i="4"/>
  <c r="BV14" i="4"/>
  <c r="BU14" i="4"/>
  <c r="BT14" i="4"/>
  <c r="BS14" i="4"/>
  <c r="BR14" i="4"/>
  <c r="BQ14" i="4"/>
  <c r="BP14" i="4"/>
  <c r="CN13" i="4"/>
  <c r="CM13" i="4"/>
  <c r="CL13" i="4"/>
  <c r="CK13" i="4"/>
  <c r="CJ13" i="4"/>
  <c r="CI13" i="4"/>
  <c r="CH13" i="4"/>
  <c r="CG13" i="4"/>
  <c r="CF13" i="4"/>
  <c r="CE13" i="4"/>
  <c r="CD13" i="4"/>
  <c r="CC13" i="4"/>
  <c r="CB13" i="4"/>
  <c r="CA13" i="4"/>
  <c r="BZ13" i="4"/>
  <c r="BY13" i="4"/>
  <c r="BX13" i="4"/>
  <c r="BW13" i="4"/>
  <c r="BV13" i="4"/>
  <c r="BU13" i="4"/>
  <c r="BT13" i="4"/>
  <c r="BS13" i="4"/>
  <c r="BR13" i="4"/>
  <c r="BQ13" i="4"/>
  <c r="BP13" i="4"/>
  <c r="CN12" i="4"/>
  <c r="CM12" i="4"/>
  <c r="CL12" i="4"/>
  <c r="CK12" i="4"/>
  <c r="CJ12" i="4"/>
  <c r="CI12" i="4"/>
  <c r="CH12" i="4"/>
  <c r="CG12" i="4"/>
  <c r="CF12" i="4"/>
  <c r="CE12" i="4"/>
  <c r="CD12" i="4"/>
  <c r="CC12" i="4"/>
  <c r="CB12" i="4"/>
  <c r="CA12" i="4"/>
  <c r="BZ12" i="4"/>
  <c r="BY12" i="4"/>
  <c r="BX12" i="4"/>
  <c r="BW12" i="4"/>
  <c r="BV12" i="4"/>
  <c r="BU12" i="4"/>
  <c r="BT12" i="4"/>
  <c r="BS12" i="4"/>
  <c r="BR12" i="4"/>
  <c r="BQ12" i="4"/>
  <c r="BP12" i="4"/>
  <c r="CN11" i="4"/>
  <c r="CM11" i="4"/>
  <c r="CL11" i="4"/>
  <c r="CK11" i="4"/>
  <c r="CJ11" i="4"/>
  <c r="CI11" i="4"/>
  <c r="CH11" i="4"/>
  <c r="CG11" i="4"/>
  <c r="CF11" i="4"/>
  <c r="CE11" i="4"/>
  <c r="CD11" i="4"/>
  <c r="CC11" i="4"/>
  <c r="CB11" i="4"/>
  <c r="CA11" i="4"/>
  <c r="BZ11" i="4"/>
  <c r="BY11" i="4"/>
  <c r="BX11" i="4"/>
  <c r="BW11" i="4"/>
  <c r="BV11" i="4"/>
  <c r="BU11" i="4"/>
  <c r="BT11" i="4"/>
  <c r="BS11" i="4"/>
  <c r="BR11" i="4"/>
  <c r="BQ11" i="4"/>
  <c r="BP11" i="4"/>
  <c r="CN10" i="4"/>
  <c r="CM10" i="4"/>
  <c r="CL10" i="4"/>
  <c r="CK10" i="4"/>
  <c r="CJ10" i="4"/>
  <c r="CI10" i="4"/>
  <c r="CH10" i="4"/>
  <c r="CG10" i="4"/>
  <c r="CF10" i="4"/>
  <c r="CE10" i="4"/>
  <c r="CD10" i="4"/>
  <c r="CC10" i="4"/>
  <c r="CB10" i="4"/>
  <c r="CA10" i="4"/>
  <c r="BZ10" i="4"/>
  <c r="BY10" i="4"/>
  <c r="BX10" i="4"/>
  <c r="BW10" i="4"/>
  <c r="BV10" i="4"/>
  <c r="BU10" i="4"/>
  <c r="BT10" i="4"/>
  <c r="BS10" i="4"/>
  <c r="BR10" i="4"/>
  <c r="BQ10" i="4"/>
  <c r="BP10" i="4"/>
  <c r="CN9" i="4"/>
  <c r="CM9" i="4"/>
  <c r="CL9" i="4"/>
  <c r="CK9" i="4"/>
  <c r="CJ9" i="4"/>
  <c r="CI9" i="4"/>
  <c r="CH9" i="4"/>
  <c r="CG9" i="4"/>
  <c r="CF9" i="4"/>
  <c r="CE9" i="4"/>
  <c r="CD9" i="4"/>
  <c r="CC9" i="4"/>
  <c r="CB9" i="4"/>
  <c r="CA9" i="4"/>
  <c r="BZ9" i="4"/>
  <c r="BY9" i="4"/>
  <c r="BX9" i="4"/>
  <c r="BW9" i="4"/>
  <c r="BV9" i="4"/>
  <c r="BU9" i="4"/>
  <c r="BT9" i="4"/>
  <c r="BS9" i="4"/>
  <c r="BR9" i="4"/>
  <c r="BQ9" i="4"/>
  <c r="BP9" i="4"/>
  <c r="CN8" i="4"/>
  <c r="CM8" i="4"/>
  <c r="CL8" i="4"/>
  <c r="CK8" i="4"/>
  <c r="CJ8" i="4"/>
  <c r="CI8" i="4"/>
  <c r="CH8" i="4"/>
  <c r="CG8" i="4"/>
  <c r="CF8" i="4"/>
  <c r="CE8" i="4"/>
  <c r="CD8" i="4"/>
  <c r="CC8" i="4"/>
  <c r="CB8" i="4"/>
  <c r="CA8" i="4"/>
  <c r="BZ8" i="4"/>
  <c r="BY8" i="4"/>
  <c r="BX8" i="4"/>
  <c r="BW8" i="4"/>
  <c r="BV8" i="4"/>
  <c r="BU8" i="4"/>
  <c r="BT8" i="4"/>
  <c r="BS8" i="4"/>
  <c r="BR8" i="4"/>
  <c r="BQ8" i="4"/>
  <c r="BP8" i="4"/>
  <c r="CN7" i="4"/>
  <c r="CM7" i="4"/>
  <c r="CL7" i="4"/>
  <c r="CK7" i="4"/>
  <c r="CJ7" i="4"/>
  <c r="CI7" i="4"/>
  <c r="CH7" i="4"/>
  <c r="CG7" i="4"/>
  <c r="CF7" i="4"/>
  <c r="CE7" i="4"/>
  <c r="CD7" i="4"/>
  <c r="CC7" i="4"/>
  <c r="CB7" i="4"/>
  <c r="CA7" i="4"/>
  <c r="BZ7" i="4"/>
  <c r="BY7" i="4"/>
  <c r="BX7" i="4"/>
  <c r="BW7" i="4"/>
  <c r="BV7" i="4"/>
  <c r="BU7" i="4"/>
  <c r="BT7" i="4"/>
  <c r="BS7" i="4"/>
  <c r="BR7" i="4"/>
  <c r="BQ7" i="4"/>
  <c r="BP7" i="4"/>
  <c r="CN6" i="4"/>
  <c r="CM6" i="4"/>
  <c r="CL6" i="4"/>
  <c r="CK6" i="4"/>
  <c r="CJ6" i="4"/>
  <c r="CI6" i="4"/>
  <c r="CH6" i="4"/>
  <c r="CG6" i="4"/>
  <c r="CF6" i="4"/>
  <c r="CE6" i="4"/>
  <c r="CD6" i="4"/>
  <c r="CC6" i="4"/>
  <c r="CB6" i="4"/>
  <c r="CA6" i="4"/>
  <c r="BZ6" i="4"/>
  <c r="BY6" i="4"/>
  <c r="BX6" i="4"/>
  <c r="BW6" i="4"/>
  <c r="BV6" i="4"/>
  <c r="BU6" i="4"/>
  <c r="BT6" i="4"/>
  <c r="BS6" i="4"/>
  <c r="BR6" i="4"/>
  <c r="BQ6" i="4"/>
  <c r="BP6" i="4"/>
  <c r="CN5" i="4"/>
  <c r="CM5" i="4"/>
  <c r="CL5" i="4"/>
  <c r="CK5" i="4"/>
  <c r="CJ5" i="4"/>
  <c r="CI5" i="4"/>
  <c r="CH5" i="4"/>
  <c r="CG5" i="4"/>
  <c r="CF5" i="4"/>
  <c r="CE5" i="4"/>
  <c r="CD5" i="4"/>
  <c r="CC5" i="4"/>
  <c r="CB5" i="4"/>
  <c r="CA5" i="4"/>
  <c r="BZ5" i="4"/>
  <c r="BY5" i="4"/>
  <c r="BX5" i="4"/>
  <c r="BW5" i="4"/>
  <c r="BV5" i="4"/>
  <c r="BU5" i="4"/>
  <c r="BT5" i="4"/>
  <c r="BS5" i="4"/>
  <c r="BR5" i="4"/>
  <c r="BQ5" i="4"/>
  <c r="BP5" i="4"/>
</calcChain>
</file>

<file path=xl/sharedStrings.xml><?xml version="1.0" encoding="utf-8"?>
<sst xmlns="http://schemas.openxmlformats.org/spreadsheetml/2006/main" count="6577" uniqueCount="77">
  <si>
    <t>2020K1</t>
  </si>
  <si>
    <t>2020K2</t>
  </si>
  <si>
    <t>2020K3</t>
  </si>
  <si>
    <t>2020K4</t>
  </si>
  <si>
    <t>2021K1</t>
  </si>
  <si>
    <t>2021K2</t>
  </si>
  <si>
    <t>2021K3</t>
  </si>
  <si>
    <t>2021K4</t>
  </si>
  <si>
    <t>2022K1</t>
  </si>
  <si>
    <t>2022K2</t>
  </si>
  <si>
    <t>2022K3</t>
  </si>
  <si>
    <t>2022K4</t>
  </si>
  <si>
    <t>2023K1</t>
  </si>
  <si>
    <t>2023K2</t>
  </si>
  <si>
    <t>2023K3</t>
  </si>
  <si>
    <t>2023K4</t>
  </si>
  <si>
    <t>2024K1</t>
  </si>
  <si>
    <t>2024K2</t>
  </si>
  <si>
    <t>2024K3</t>
  </si>
  <si>
    <t>2024K4</t>
  </si>
  <si>
    <t>2025K1</t>
  </si>
  <si>
    <t>2025K2</t>
  </si>
  <si>
    <t>2025K3</t>
  </si>
  <si>
    <t>2025K4</t>
  </si>
  <si>
    <t>2026K1</t>
  </si>
  <si>
    <t>Antal (1.000 stk.)</t>
  </si>
  <si>
    <t>I alt</t>
  </si>
  <si>
    <t>1 Danske betalingskort</t>
  </si>
  <si>
    <t>1.1 Debetkort</t>
  </si>
  <si>
    <t>1.1.1 Dankort</t>
  </si>
  <si>
    <t>1.1.2 Co-brandede Dankort</t>
  </si>
  <si>
    <t>1.1.3 Internationale debetkort</t>
  </si>
  <si>
    <t>1.2 Kreditkort</t>
  </si>
  <si>
    <t>1.2.1 Internationale kreditkort</t>
  </si>
  <si>
    <t>2 Udenlandske betalingskort</t>
  </si>
  <si>
    <t>2.1 Udenlandske debetkort</t>
  </si>
  <si>
    <t>2.2 Udenlandske kreditkort</t>
  </si>
  <si>
    <t>Fysiske forretninger (betjent ekspedition)</t>
  </si>
  <si>
    <t>E-handel mv.</t>
  </si>
  <si>
    <t>Selvbetjening og automatsalg (kun danske kort, Danmark)</t>
  </si>
  <si>
    <t>..</t>
  </si>
  <si>
    <t>Kontanthævning</t>
  </si>
  <si>
    <t>Danmark</t>
  </si>
  <si>
    <t>Udland (kun danske kort)</t>
  </si>
  <si>
    <t>Værdi (mio. kr.)</t>
  </si>
  <si>
    <t>1 Betalingskort</t>
  </si>
  <si>
    <t>Privatperson</t>
  </si>
  <si>
    <t>Erhvervskunde</t>
  </si>
  <si>
    <t>Kontaktløse kort</t>
  </si>
  <si>
    <t>Chipkort</t>
  </si>
  <si>
    <t>Total</t>
  </si>
  <si>
    <t>1. Indenlandske kreditoverførsler i danske kroner i alt</t>
  </si>
  <si>
    <t>1.1. Interne overførsler</t>
  </si>
  <si>
    <t>1.2. Straksoverførsler</t>
  </si>
  <si>
    <t>1.3. Intradag-overførsler</t>
  </si>
  <si>
    <t>1.4. Standardoverførsler</t>
  </si>
  <si>
    <t>1.5. Indbetalingskort</t>
  </si>
  <si>
    <t>Manuelt behandlede kreditoverførsler</t>
  </si>
  <si>
    <t>Elektronisk behandlede kreditoverførsler</t>
  </si>
  <si>
    <t>Afsendt</t>
  </si>
  <si>
    <t>1. Total</t>
  </si>
  <si>
    <t>1.1. Kreditoverførsler i kroner (kun grænseoverskridende)</t>
  </si>
  <si>
    <t>1.2. SEPA kreditoverførsler</t>
  </si>
  <si>
    <t>1.3. Andre overførsler i euro, ekskl. Target2-overførsler</t>
  </si>
  <si>
    <t>1.4. Overførsler i andre valutaer</t>
  </si>
  <si>
    <t>Modtaget</t>
  </si>
  <si>
    <t>Indenlandsk</t>
  </si>
  <si>
    <t>Grænseoverskridende</t>
  </si>
  <si>
    <t>DNBSTS: Transaktioner med kort efter datatype, land, anvendelsessted, type og tid</t>
  </si>
  <si>
    <t>Før revision</t>
  </si>
  <si>
    <t>Efter revision</t>
  </si>
  <si>
    <t>Forskel ('Efter revision' fratrukket 'Før revision')</t>
  </si>
  <si>
    <t>DNBSTP: Transaktioner med dansk udstedte kort efter datatype, kortholder, type og tid</t>
  </si>
  <si>
    <t>DNBSTK: Transaktioner i Danmark med dansk udstedte kort efter datatype, teknologi, type og tid</t>
  </si>
  <si>
    <t>DNBSVKO: Kreditoverførsler i valuta efter datatype, geografisk dækning, retning, type og tid</t>
  </si>
  <si>
    <t>DNBSIKO: Indenlandske kreditoverførsler i kroner efter datatype, initiering, type og tid</t>
  </si>
  <si>
    <r>
      <rPr>
        <b/>
        <i/>
        <sz val="10"/>
        <rFont val="Nationalbank"/>
        <family val="2"/>
        <scheme val="major"/>
      </rPr>
      <t>Anm.:</t>
    </r>
    <r>
      <rPr>
        <i/>
        <sz val="10"/>
        <rFont val="Nationalbank"/>
        <family val="2"/>
        <scheme val="major"/>
      </rPr>
      <t xml:space="preserve"> Filen indeholder 'før' og 'efter' data for de fem tabeller som er blevet revideret i forbindelse med revisionen af den kvartalsvise betalingsstatistik offentliggjort 26. juni 2026.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43" formatCode="_-* #,##0.00_-;\-* #,##0.00_-;_-* &quot;-&quot;??_-;_-@_-"/>
    <numFmt numFmtId="165" formatCode="_-* #,##0_-;\-* #,##0_-;_-* &quot;-&quot;??_-;_-@_-"/>
  </numFmts>
  <fonts count="16" x14ac:knownFonts="1">
    <font>
      <sz val="10"/>
      <name val="Arial"/>
    </font>
    <font>
      <sz val="11"/>
      <color theme="1"/>
      <name val="Nationalbank"/>
      <family val="2"/>
      <scheme val="minor"/>
    </font>
    <font>
      <sz val="10"/>
      <name val="Arial"/>
    </font>
    <font>
      <sz val="11"/>
      <color rgb="FF000000"/>
      <name val="Calibri"/>
      <family val="2"/>
    </font>
    <font>
      <b/>
      <sz val="26"/>
      <color rgb="FF000000"/>
      <name val="Nationalbank"/>
      <family val="2"/>
      <scheme val="major"/>
    </font>
    <font>
      <sz val="11"/>
      <color theme="1"/>
      <name val="Nationalbank"/>
      <family val="2"/>
      <scheme val="major"/>
    </font>
    <font>
      <b/>
      <sz val="11"/>
      <color rgb="FF000000"/>
      <name val="Nationalbank"/>
      <family val="2"/>
      <scheme val="major"/>
    </font>
    <font>
      <b/>
      <sz val="13"/>
      <color rgb="FF000000"/>
      <name val="Nationalbank"/>
      <family val="2"/>
      <scheme val="major"/>
    </font>
    <font>
      <b/>
      <i/>
      <sz val="28"/>
      <color rgb="FF000000"/>
      <name val="Nationalbank"/>
      <family val="2"/>
      <scheme val="major"/>
    </font>
    <font>
      <i/>
      <sz val="11"/>
      <color rgb="FF000000"/>
      <name val="Nationalbank"/>
      <family val="2"/>
      <scheme val="major"/>
    </font>
    <font>
      <b/>
      <sz val="11"/>
      <color theme="1"/>
      <name val="Nationalbank"/>
      <family val="2"/>
      <scheme val="major"/>
    </font>
    <font>
      <sz val="11"/>
      <color rgb="FF000000"/>
      <name val="Nationalbank"/>
      <family val="2"/>
      <scheme val="major"/>
    </font>
    <font>
      <sz val="10"/>
      <name val="Nationalbank"/>
      <family val="2"/>
      <scheme val="major"/>
    </font>
    <font>
      <b/>
      <i/>
      <sz val="10"/>
      <name val="Nationalbank"/>
      <family val="2"/>
      <scheme val="major"/>
    </font>
    <font>
      <i/>
      <sz val="10"/>
      <name val="Nationalbank"/>
      <family val="2"/>
      <scheme val="major"/>
    </font>
    <font>
      <b/>
      <i/>
      <sz val="16"/>
      <color rgb="FF000000"/>
      <name val="Nationalbank"/>
      <family val="2"/>
      <scheme val="major"/>
    </font>
  </fonts>
  <fills count="6">
    <fill>
      <patternFill patternType="none"/>
    </fill>
    <fill>
      <patternFill patternType="gray125"/>
    </fill>
    <fill>
      <patternFill patternType="solid">
        <fgColor theme="6" tint="-9.9978637043366805E-2"/>
        <bgColor indexed="64"/>
      </patternFill>
    </fill>
    <fill>
      <patternFill patternType="solid">
        <fgColor theme="8"/>
        <bgColor indexed="64"/>
      </patternFill>
    </fill>
    <fill>
      <patternFill patternType="solid">
        <fgColor theme="0" tint="-0.14999847407452621"/>
        <bgColor indexed="64"/>
      </patternFill>
    </fill>
    <fill>
      <patternFill patternType="solid">
        <fgColor theme="0" tint="-0.14999847407452621"/>
        <bgColor rgb="FFFFA07A"/>
      </patternFill>
    </fill>
  </fills>
  <borders count="1">
    <border>
      <left/>
      <right/>
      <top/>
      <bottom/>
      <diagonal/>
    </border>
  </borders>
  <cellStyleXfs count="4">
    <xf numFmtId="0" fontId="0" fillId="0" borderId="0"/>
    <xf numFmtId="43" fontId="2" fillId="0" borderId="0" applyFont="0" applyFill="0" applyBorder="0" applyAlignment="0" applyProtection="0"/>
    <xf numFmtId="0" fontId="1" fillId="0" borderId="0"/>
    <xf numFmtId="0" fontId="3" fillId="0" borderId="0" applyNumberFormat="0" applyBorder="0" applyAlignment="0"/>
  </cellStyleXfs>
  <cellXfs count="49">
    <xf numFmtId="0" fontId="0" fillId="0" borderId="0" xfId="0"/>
    <xf numFmtId="0" fontId="4" fillId="0" borderId="0" xfId="2" applyFont="1"/>
    <xf numFmtId="0" fontId="5" fillId="0" borderId="0" xfId="2" applyFont="1"/>
    <xf numFmtId="0" fontId="6" fillId="0" borderId="0" xfId="2" applyFont="1"/>
    <xf numFmtId="0" fontId="7" fillId="0" borderId="0" xfId="2" applyFont="1"/>
    <xf numFmtId="0" fontId="8" fillId="2" borderId="0" xfId="2" applyFont="1" applyFill="1"/>
    <xf numFmtId="0" fontId="9" fillId="2" borderId="0" xfId="2" applyFont="1" applyFill="1"/>
    <xf numFmtId="0" fontId="5" fillId="2" borderId="0" xfId="2" applyFont="1" applyFill="1"/>
    <xf numFmtId="0" fontId="6" fillId="0" borderId="0" xfId="2" applyFont="1" applyAlignment="1">
      <alignment horizontal="left"/>
    </xf>
    <xf numFmtId="0" fontId="10" fillId="0" borderId="0" xfId="2" applyFont="1"/>
    <xf numFmtId="1" fontId="5" fillId="0" borderId="0" xfId="2" applyNumberFormat="1" applyFont="1"/>
    <xf numFmtId="0" fontId="8" fillId="3" borderId="0" xfId="2" applyFont="1" applyFill="1"/>
    <xf numFmtId="0" fontId="9" fillId="3" borderId="0" xfId="2" applyFont="1" applyFill="1"/>
    <xf numFmtId="0" fontId="5" fillId="3" borderId="0" xfId="2" applyFont="1" applyFill="1"/>
    <xf numFmtId="1" fontId="5" fillId="3" borderId="0" xfId="2" applyNumberFormat="1" applyFont="1" applyFill="1"/>
    <xf numFmtId="0" fontId="10" fillId="3" borderId="0" xfId="2" applyFont="1" applyFill="1"/>
    <xf numFmtId="0" fontId="5" fillId="4" borderId="0" xfId="2" applyFont="1" applyFill="1"/>
    <xf numFmtId="0" fontId="8" fillId="4" borderId="0" xfId="2" applyFont="1" applyFill="1"/>
    <xf numFmtId="0" fontId="9" fillId="4" borderId="0" xfId="2" applyFont="1" applyFill="1"/>
    <xf numFmtId="0" fontId="10" fillId="4" borderId="0" xfId="2" applyFont="1" applyFill="1"/>
    <xf numFmtId="1" fontId="5" fillId="4" borderId="0" xfId="2" applyNumberFormat="1" applyFont="1" applyFill="1"/>
    <xf numFmtId="165" fontId="5" fillId="0" borderId="0" xfId="1" applyNumberFormat="1" applyFont="1"/>
    <xf numFmtId="0" fontId="7" fillId="0" borderId="0" xfId="3" applyFont="1"/>
    <xf numFmtId="0" fontId="11" fillId="0" borderId="0" xfId="3" applyFont="1"/>
    <xf numFmtId="0" fontId="6" fillId="0" borderId="0" xfId="3" applyFont="1" applyAlignment="1">
      <alignment horizontal="left"/>
    </xf>
    <xf numFmtId="0" fontId="11" fillId="0" borderId="0" xfId="3" applyFont="1" applyAlignment="1">
      <alignment horizontal="right"/>
    </xf>
    <xf numFmtId="0" fontId="9" fillId="0" borderId="0" xfId="3" applyFont="1" applyAlignment="1">
      <alignment wrapText="1"/>
    </xf>
    <xf numFmtId="165" fontId="11" fillId="0" borderId="0" xfId="1" applyNumberFormat="1" applyFont="1"/>
    <xf numFmtId="165" fontId="11" fillId="0" borderId="0" xfId="1" applyNumberFormat="1" applyFont="1" applyAlignment="1">
      <alignment horizontal="right"/>
    </xf>
    <xf numFmtId="0" fontId="4" fillId="0" borderId="0" xfId="3" applyFont="1"/>
    <xf numFmtId="0" fontId="11" fillId="0" borderId="0" xfId="3" applyFont="1" applyBorder="1"/>
    <xf numFmtId="0" fontId="11" fillId="0" borderId="0" xfId="3" applyFont="1" applyBorder="1" applyAlignment="1">
      <alignment horizontal="right"/>
    </xf>
    <xf numFmtId="165" fontId="11" fillId="0" borderId="0" xfId="1" applyNumberFormat="1" applyFont="1" applyBorder="1"/>
    <xf numFmtId="0" fontId="5" fillId="2" borderId="0" xfId="2" applyFont="1" applyFill="1" applyAlignment="1">
      <alignment horizontal="center"/>
    </xf>
    <xf numFmtId="0" fontId="11" fillId="0" borderId="0" xfId="3" applyFont="1" applyAlignment="1">
      <alignment horizontal="center"/>
    </xf>
    <xf numFmtId="0" fontId="6" fillId="0" borderId="0" xfId="3" applyFont="1" applyAlignment="1">
      <alignment horizontal="center"/>
    </xf>
    <xf numFmtId="0" fontId="5" fillId="3" borderId="0" xfId="2" applyFont="1" applyFill="1" applyAlignment="1">
      <alignment horizontal="center"/>
    </xf>
    <xf numFmtId="0" fontId="5" fillId="4" borderId="0" xfId="2" applyFont="1" applyFill="1" applyAlignment="1">
      <alignment horizontal="center"/>
    </xf>
    <xf numFmtId="0" fontId="9" fillId="4" borderId="0" xfId="2" applyFont="1" applyFill="1" applyAlignment="1">
      <alignment horizontal="center"/>
    </xf>
    <xf numFmtId="0" fontId="5" fillId="0" borderId="0" xfId="2" applyFont="1" applyAlignment="1">
      <alignment horizontal="center"/>
    </xf>
    <xf numFmtId="0" fontId="6" fillId="0" borderId="0" xfId="2" applyFont="1" applyAlignment="1">
      <alignment horizontal="center"/>
    </xf>
    <xf numFmtId="0" fontId="10" fillId="0" borderId="0" xfId="2" applyFont="1" applyAlignment="1">
      <alignment horizontal="center"/>
    </xf>
    <xf numFmtId="165" fontId="5" fillId="0" borderId="0" xfId="1" applyNumberFormat="1" applyFont="1" applyAlignment="1">
      <alignment horizontal="right"/>
    </xf>
    <xf numFmtId="165" fontId="11" fillId="5" borderId="0" xfId="1" applyNumberFormat="1" applyFont="1" applyFill="1" applyAlignment="1">
      <alignment horizontal="right"/>
    </xf>
    <xf numFmtId="0" fontId="12" fillId="0" borderId="0" xfId="0" applyFont="1"/>
    <xf numFmtId="0" fontId="15" fillId="2" borderId="0" xfId="2" applyFont="1" applyFill="1" applyAlignment="1">
      <alignment horizontal="left"/>
    </xf>
    <xf numFmtId="0" fontId="15" fillId="3" borderId="0" xfId="2" applyFont="1" applyFill="1" applyAlignment="1">
      <alignment horizontal="left"/>
    </xf>
    <xf numFmtId="0" fontId="15" fillId="4" borderId="0" xfId="2" applyFont="1" applyFill="1" applyAlignment="1">
      <alignment horizontal="left"/>
    </xf>
    <xf numFmtId="0" fontId="14" fillId="0" borderId="0" xfId="0" applyFont="1" applyAlignment="1">
      <alignment wrapText="1"/>
    </xf>
  </cellXfs>
  <cellStyles count="4">
    <cellStyle name="Komma" xfId="1" builtinId="3"/>
    <cellStyle name="Normal" xfId="0" builtinId="0"/>
    <cellStyle name="Normal 2" xfId="2" xr:uid="{9471F885-6FF8-4639-90FE-C2C5890E1244}"/>
    <cellStyle name="Normal 3" xfId="3" xr:uid="{D3134127-8450-45BF-8673-E5BA0B96B70C}"/>
  </cellStyles>
  <dxfs count="0"/>
  <tableStyles count="0" defaultTableStyle="TableStyleMedium2" defaultPivotStyle="PivotStyleLight16"/>
  <colors>
    <indexedColors>
      <rgbColor rgb="00000000"/>
      <rgbColor rgb="00FFFFFF"/>
      <rgbColor rgb="00FF0000"/>
      <rgbColor rgb="0000FF00"/>
      <rgbColor rgb="000000FF"/>
      <rgbColor rgb="00FFFF00"/>
      <rgbColor rgb="00FF00FF"/>
      <rgbColor rgb="0000FFFF"/>
      <rgbColor rgb="00000000"/>
      <rgbColor rgb="00FFFFFF"/>
      <rgbColor rgb="00FF0000"/>
      <rgbColor rgb="0000FF00"/>
      <rgbColor rgb="000000FF"/>
      <rgbColor rgb="00FFFF00"/>
      <rgbColor rgb="00FF00FF"/>
      <rgbColor rgb="0000FFFF"/>
      <rgbColor rgb="00800000"/>
      <rgbColor rgb="00008000"/>
      <rgbColor rgb="00000080"/>
      <rgbColor rgb="00808000"/>
      <rgbColor rgb="00800080"/>
      <rgbColor rgb="00008080"/>
      <rgbColor rgb="00C0C0C0"/>
      <rgbColor rgb="00808080"/>
      <rgbColor rgb="003899D8"/>
      <rgbColor rgb="00E2B220"/>
      <rgbColor rgb="00902A60"/>
      <rgbColor rgb="00B0B0B0"/>
      <rgbColor rgb="00836424"/>
      <rgbColor rgb="009EC939"/>
      <rgbColor rgb="00C84D4D"/>
      <rgbColor rgb="00CCCCFF"/>
      <rgbColor rgb="00000080"/>
      <rgbColor rgb="00FF00FF"/>
      <rgbColor rgb="00FFFF00"/>
      <rgbColor rgb="0000FFFF"/>
      <rgbColor rgb="00800080"/>
      <rgbColor rgb="00800000"/>
      <rgbColor rgb="00008080"/>
      <rgbColor rgb="000000FF"/>
      <rgbColor rgb="0000CCFF"/>
      <rgbColor rgb="00CCFFFF"/>
      <rgbColor rgb="00CCFFCC"/>
      <rgbColor rgb="00FFFF99"/>
      <rgbColor rgb="0099CCFF"/>
      <rgbColor rgb="00FF99CC"/>
      <rgbColor rgb="00CC99FF"/>
      <rgbColor rgb="00FFCC99"/>
      <rgbColor rgb="003366FF"/>
      <rgbColor rgb="0033CCCC"/>
      <rgbColor rgb="0099CC00"/>
      <rgbColor rgb="00FFCC00"/>
      <rgbColor rgb="00FF9900"/>
      <rgbColor rgb="00FF6600"/>
      <rgbColor rgb="00666699"/>
      <rgbColor rgb="00969696"/>
      <rgbColor rgb="00003366"/>
      <rgbColor rgb="00339966"/>
      <rgbColor rgb="00003300"/>
      <rgbColor rgb="00333300"/>
      <rgbColor rgb="00993300"/>
      <rgbColor rgb="00993366"/>
      <rgbColor rgb="00333399"/>
      <rgbColor rgb="00333333"/>
    </indexed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13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externalLink" Target="externalLinks/externalLink1.xml"/><Relationship Id="rId12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5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calcChain" Target="calcChain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4.xml"/><Relationship Id="rId10" Type="http://schemas.openxmlformats.org/officeDocument/2006/relationships/sharedStrings" Target="sharedStrings.xml"/><Relationship Id="rId4" Type="http://schemas.openxmlformats.org/officeDocument/2006/relationships/worksheet" Target="worksheets/sheet4.xml"/><Relationship Id="rId9" Type="http://schemas.openxmlformats.org/officeDocument/2006/relationships/styles" Target="styles.xml"/><Relationship Id="rId14" Type="http://schemas.openxmlformats.org/officeDocument/2006/relationships/customXml" Target="../customXml/item3.xml"/></Relationships>
</file>

<file path=xl/charts/_rels/chart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_rels/chart2.xml.rels><?xml version="1.0" encoding="UTF-8" standalone="yes"?>
<Relationships xmlns="http://schemas.openxmlformats.org/package/2006/relationships"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lineChart>
        <c:grouping val="standard"/>
        <c:varyColors val="0"/>
        <c:ser>
          <c:idx val="10"/>
          <c:order val="10"/>
          <c:tx>
            <c:strRef>
              <c:f>DNBSIKO!$D$57</c:f>
              <c:strCache>
                <c:ptCount val="1"/>
              </c:strCache>
            </c:strRef>
          </c:tx>
          <c:spPr>
            <a:ln w="28575" cap="rnd">
              <a:solidFill>
                <a:schemeClr val="accent5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val>
            <c:numRef>
              <c:f>DNBSIKO!$E$57:$M$57</c:f>
            </c:numRef>
          </c:val>
          <c:smooth val="0"/>
          <c:extLst>
            <c:ext xmlns:c15="http://schemas.microsoft.com/office/drawing/2012/chart" uri="{02D57815-91ED-43cb-92C2-25804820EDAC}">
              <c15:filteredCategoryTitle>
                <c15:cat>
                  <c:numRef>
                    <c:extLst>
                      <c:ext uri="{02D57815-91ED-43cb-92C2-25804820EDAC}">
                        <c15:formulaRef>
                          <c15:sqref>DNBSIKO!$E$46:$M$46</c15:sqref>
                        </c15:formulaRef>
                      </c:ext>
                    </c:extLst>
                  </c:numRef>
                </c15:cat>
              </c15:filteredCategoryTitle>
            </c:ext>
            <c:ext xmlns:c16="http://schemas.microsoft.com/office/drawing/2014/chart" uri="{C3380CC4-5D6E-409C-BE32-E72D297353CC}">
              <c16:uniqueId val="{00000000-52C9-4D2D-A377-4C6A298A86FF}"/>
            </c:ext>
          </c:extLst>
        </c:ser>
        <c:ser>
          <c:idx val="11"/>
          <c:order val="11"/>
          <c:tx>
            <c:strRef>
              <c:f>DNBSIKO!$D$58</c:f>
              <c:strCache>
                <c:ptCount val="1"/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val>
            <c:numRef>
              <c:f>DNBSIKO!$E$58:$M$58</c:f>
            </c:numRef>
          </c:val>
          <c:smooth val="0"/>
          <c:extLst>
            <c:ext xmlns:c15="http://schemas.microsoft.com/office/drawing/2012/chart" uri="{02D57815-91ED-43cb-92C2-25804820EDAC}">
              <c15:filteredCategoryTitle>
                <c15:cat>
                  <c:numRef>
                    <c:extLst>
                      <c:ext uri="{02D57815-91ED-43cb-92C2-25804820EDAC}">
                        <c15:formulaRef>
                          <c15:sqref>DNBSIKO!$E$46:$M$46</c15:sqref>
                        </c15:formulaRef>
                      </c:ext>
                    </c:extLst>
                  </c:numRef>
                </c15:cat>
              </c15:filteredCategoryTitle>
            </c:ext>
            <c:ext xmlns:c16="http://schemas.microsoft.com/office/drawing/2014/chart" uri="{C3380CC4-5D6E-409C-BE32-E72D297353CC}">
              <c16:uniqueId val="{00000001-52C9-4D2D-A377-4C6A298A86FF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1539969743"/>
        <c:axId val="1539972623"/>
        <c:extLst>
          <c:ext xmlns:c15="http://schemas.microsoft.com/office/drawing/2012/chart" uri="{02D57815-91ED-43cb-92C2-25804820EDAC}">
            <c15:filteredLine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DNBSIKO!$D$47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1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uri="{02D57815-91ED-43cb-92C2-25804820EDAC}">
                        <c15:formulaRef>
                          <c15:sqref>DNBSIKO!$E$47:$M$47</c15:sqref>
                        </c15:formulaRef>
                      </c:ext>
                    </c:extLst>
                  </c:numRef>
                </c:val>
                <c:smooth val="0"/>
                <c:extLst>
                  <c:ext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2-52C9-4D2D-A377-4C6A298A86FF}"/>
                  </c:ext>
                </c:extLst>
              </c15:ser>
            </c15:filteredLineSeries>
            <c15:filteredLineSeries>
              <c15:ser>
                <c:idx val="1"/>
                <c:order val="1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48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2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48:$M$48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3-52C9-4D2D-A377-4C6A298A86FF}"/>
                  </c:ext>
                </c:extLst>
              </c15:ser>
            </c15:filteredLineSeries>
            <c15:filteredLineSeries>
              <c15:ser>
                <c:idx val="2"/>
                <c:order val="2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49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3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49:$M$49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4-52C9-4D2D-A377-4C6A298A86FF}"/>
                  </c:ext>
                </c:extLst>
              </c15:ser>
            </c15:filteredLineSeries>
            <c15:filteredLineSeries>
              <c15:ser>
                <c:idx val="3"/>
                <c:order val="3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50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4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50:$M$50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5-52C9-4D2D-A377-4C6A298A86FF}"/>
                  </c:ext>
                </c:extLst>
              </c15:ser>
            </c15:filteredLineSeries>
            <c15:filteredLineSeries>
              <c15:ser>
                <c:idx val="4"/>
                <c:order val="4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51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5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51:$M$51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6-52C9-4D2D-A377-4C6A298A86FF}"/>
                  </c:ext>
                </c:extLst>
              </c15:ser>
            </c15:filteredLineSeries>
            <c15:filteredLineSeries>
              <c15:ser>
                <c:idx val="5"/>
                <c:order val="5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52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6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52:$M$52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7-52C9-4D2D-A377-4C6A298A86FF}"/>
                  </c:ext>
                </c:extLst>
              </c15:ser>
            </c15:filteredLineSeries>
            <c15:filteredLineSeries>
              <c15:ser>
                <c:idx val="6"/>
                <c:order val="6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53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1">
                        <a:lumMod val="60000"/>
                      </a:schemeClr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53:$M$53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8-52C9-4D2D-A377-4C6A298A86FF}"/>
                  </c:ext>
                </c:extLst>
              </c15:ser>
            </c15:filteredLineSeries>
            <c15:filteredLineSeries>
              <c15:ser>
                <c:idx val="7"/>
                <c:order val="7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54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2">
                        <a:lumMod val="60000"/>
                      </a:schemeClr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54:$M$54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9-52C9-4D2D-A377-4C6A298A86FF}"/>
                  </c:ext>
                </c:extLst>
              </c15:ser>
            </c15:filteredLineSeries>
            <c15:filteredLineSeries>
              <c15:ser>
                <c:idx val="8"/>
                <c:order val="8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55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3">
                        <a:lumMod val="60000"/>
                      </a:schemeClr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55:$M$55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A-52C9-4D2D-A377-4C6A298A86FF}"/>
                  </c:ext>
                </c:extLst>
              </c15:ser>
            </c15:filteredLineSeries>
            <c15:filteredLineSeries>
              <c15:ser>
                <c:idx val="9"/>
                <c:order val="9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56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4">
                        <a:lumMod val="60000"/>
                      </a:schemeClr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56:$M$56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46:$M$4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B-52C9-4D2D-A377-4C6A298A86FF}"/>
                  </c:ext>
                </c:extLst>
              </c15:ser>
            </c15:filteredLineSeries>
          </c:ext>
        </c:extLst>
      </c:lineChart>
      <c:catAx>
        <c:axId val="1539969743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539972623"/>
        <c:crosses val="autoZero"/>
        <c:auto val="1"/>
        <c:lblAlgn val="ctr"/>
        <c:lblOffset val="100"/>
        <c:noMultiLvlLbl val="0"/>
      </c:catAx>
      <c:valAx>
        <c:axId val="1539972623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539969743"/>
        <c:crosses val="autoZero"/>
        <c:crossBetween val="between"/>
        <c:dispUnits>
          <c:builtInUnit val="thousands"/>
        </c:dispUnits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printSettings>
    <c:headerFooter/>
    <c:pageMargins b="0.75" l="0.7" r="0.7" t="0.75" header="0.3" footer="0.3"/>
    <c:pageSetup/>
  </c:printSettings>
</c:chartSpace>
</file>

<file path=xl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lineChart>
        <c:grouping val="standard"/>
        <c:varyColors val="0"/>
        <c:ser>
          <c:idx val="10"/>
          <c:order val="10"/>
          <c:tx>
            <c:strRef>
              <c:f>DNBSIKO!$D$77</c:f>
              <c:strCache>
                <c:ptCount val="1"/>
              </c:strCache>
            </c:strRef>
          </c:tx>
          <c:spPr>
            <a:ln w="28575" cap="rnd">
              <a:solidFill>
                <a:schemeClr val="accent5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val>
            <c:numRef>
              <c:f>DNBSIKO!$E$77:$M$77</c:f>
            </c:numRef>
          </c:val>
          <c:smooth val="0"/>
          <c:extLst>
            <c:ext xmlns:c15="http://schemas.microsoft.com/office/drawing/2012/chart" uri="{02D57815-91ED-43cb-92C2-25804820EDAC}">
              <c15:filteredCategoryTitle>
                <c15:cat>
                  <c:numRef>
                    <c:extLst>
                      <c:ext uri="{02D57815-91ED-43cb-92C2-25804820EDAC}">
                        <c15:formulaRef>
                          <c15:sqref>DNBSIKO!$E$66:$M$66</c15:sqref>
                        </c15:formulaRef>
                      </c:ext>
                    </c:extLst>
                  </c:numRef>
                </c15:cat>
              </c15:filteredCategoryTitle>
            </c:ext>
            <c:ext xmlns:c16="http://schemas.microsoft.com/office/drawing/2014/chart" uri="{C3380CC4-5D6E-409C-BE32-E72D297353CC}">
              <c16:uniqueId val="{00000000-E416-4BDB-8A32-804D5A3252C8}"/>
            </c:ext>
          </c:extLst>
        </c:ser>
        <c:ser>
          <c:idx val="11"/>
          <c:order val="11"/>
          <c:tx>
            <c:strRef>
              <c:f>DNBSIKO!$D$78</c:f>
              <c:strCache>
                <c:ptCount val="1"/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val>
            <c:numRef>
              <c:f>DNBSIKO!$E$78:$M$78</c:f>
            </c:numRef>
          </c:val>
          <c:smooth val="0"/>
          <c:extLst>
            <c:ext xmlns:c15="http://schemas.microsoft.com/office/drawing/2012/chart" uri="{02D57815-91ED-43cb-92C2-25804820EDAC}">
              <c15:filteredCategoryTitle>
                <c15:cat>
                  <c:numRef>
                    <c:extLst>
                      <c:ext uri="{02D57815-91ED-43cb-92C2-25804820EDAC}">
                        <c15:formulaRef>
                          <c15:sqref>DNBSIKO!$E$66:$M$66</c15:sqref>
                        </c15:formulaRef>
                      </c:ext>
                    </c:extLst>
                  </c:numRef>
                </c15:cat>
              </c15:filteredCategoryTitle>
            </c:ext>
            <c:ext xmlns:c16="http://schemas.microsoft.com/office/drawing/2014/chart" uri="{C3380CC4-5D6E-409C-BE32-E72D297353CC}">
              <c16:uniqueId val="{00000001-E416-4BDB-8A32-804D5A3252C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1628099919"/>
        <c:axId val="1628101359"/>
        <c:extLst>
          <c:ext xmlns:c15="http://schemas.microsoft.com/office/drawing/2012/chart" uri="{02D57815-91ED-43cb-92C2-25804820EDAC}">
            <c15:filteredLine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DNBSIKO!$D$67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1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uri="{02D57815-91ED-43cb-92C2-25804820EDAC}">
                        <c15:formulaRef>
                          <c15:sqref>DNBSIKO!$E$67:$M$67</c15:sqref>
                        </c15:formulaRef>
                      </c:ext>
                    </c:extLst>
                  </c:numRef>
                </c:val>
                <c:smooth val="0"/>
                <c:extLst>
                  <c:ext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2-E416-4BDB-8A32-804D5A3252C8}"/>
                  </c:ext>
                </c:extLst>
              </c15:ser>
            </c15:filteredLineSeries>
            <c15:filteredLineSeries>
              <c15:ser>
                <c:idx val="1"/>
                <c:order val="1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68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2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68:$M$68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3-E416-4BDB-8A32-804D5A3252C8}"/>
                  </c:ext>
                </c:extLst>
              </c15:ser>
            </c15:filteredLineSeries>
            <c15:filteredLineSeries>
              <c15:ser>
                <c:idx val="2"/>
                <c:order val="2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69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3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69:$M$69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4-E416-4BDB-8A32-804D5A3252C8}"/>
                  </c:ext>
                </c:extLst>
              </c15:ser>
            </c15:filteredLineSeries>
            <c15:filteredLineSeries>
              <c15:ser>
                <c:idx val="3"/>
                <c:order val="3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70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4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70:$M$70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5-E416-4BDB-8A32-804D5A3252C8}"/>
                  </c:ext>
                </c:extLst>
              </c15:ser>
            </c15:filteredLineSeries>
            <c15:filteredLineSeries>
              <c15:ser>
                <c:idx val="4"/>
                <c:order val="4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71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5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71:$M$71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6-E416-4BDB-8A32-804D5A3252C8}"/>
                  </c:ext>
                </c:extLst>
              </c15:ser>
            </c15:filteredLineSeries>
            <c15:filteredLineSeries>
              <c15:ser>
                <c:idx val="5"/>
                <c:order val="5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72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6"/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72:$M$72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7-E416-4BDB-8A32-804D5A3252C8}"/>
                  </c:ext>
                </c:extLst>
              </c15:ser>
            </c15:filteredLineSeries>
            <c15:filteredLineSeries>
              <c15:ser>
                <c:idx val="6"/>
                <c:order val="6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73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1">
                        <a:lumMod val="60000"/>
                      </a:schemeClr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73:$M$73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8-E416-4BDB-8A32-804D5A3252C8}"/>
                  </c:ext>
                </c:extLst>
              </c15:ser>
            </c15:filteredLineSeries>
            <c15:filteredLineSeries>
              <c15:ser>
                <c:idx val="7"/>
                <c:order val="7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74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2">
                        <a:lumMod val="60000"/>
                      </a:schemeClr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74:$M$74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9-E416-4BDB-8A32-804D5A3252C8}"/>
                  </c:ext>
                </c:extLst>
              </c15:ser>
            </c15:filteredLineSeries>
            <c15:filteredLineSeries>
              <c15:ser>
                <c:idx val="8"/>
                <c:order val="8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75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3">
                        <a:lumMod val="60000"/>
                      </a:schemeClr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75:$M$75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A-E416-4BDB-8A32-804D5A3252C8}"/>
                  </c:ext>
                </c:extLst>
              </c15:ser>
            </c15:filteredLineSeries>
            <c15:filteredLineSeries>
              <c15:ser>
                <c:idx val="9"/>
                <c:order val="9"/>
                <c:tx>
                  <c:strRef>
                    <c:extLst>
                      <c:ext xmlns:c15="http://schemas.microsoft.com/office/drawing/2012/chart" uri="{02D57815-91ED-43cb-92C2-25804820EDAC}">
                        <c15:formulaRef>
                          <c15:sqref>DNBSIKO!$D$76</c15:sqref>
                        </c15:formulaRef>
                      </c:ext>
                    </c:extLst>
                    <c:strCache>
                      <c:ptCount val="1"/>
                    </c:strCache>
                  </c:strRef>
                </c:tx>
                <c:spPr>
                  <a:ln w="28575" cap="rnd">
                    <a:solidFill>
                      <a:schemeClr val="accent4">
                        <a:lumMod val="60000"/>
                      </a:schemeClr>
                    </a:solidFill>
                    <a:round/>
                  </a:ln>
                  <a:effectLst/>
                </c:spPr>
                <c:marker>
                  <c:symbol val="none"/>
                </c:marker>
                <c:val>
                  <c:numRef>
                    <c:extLst>
                      <c:ext xmlns:c15="http://schemas.microsoft.com/office/drawing/2012/chart" uri="{02D57815-91ED-43cb-92C2-25804820EDAC}">
                        <c15:formulaRef>
                          <c15:sqref>DNBSIKO!$E$76:$M$76</c15:sqref>
                        </c15:formulaRef>
                      </c:ext>
                    </c:extLst>
                  </c:numRef>
                </c:val>
                <c:smooth val="0"/>
                <c:extLst xmlns:c15="http://schemas.microsoft.com/office/drawing/2012/chart">
                  <c:ext xmlns:c15="http://schemas.microsoft.com/office/drawing/2012/chart" uri="{02D57815-91ED-43cb-92C2-25804820EDAC}">
                    <c15:filteredCategoryTitle>
                      <c15:cat>
                        <c:numRef>
                          <c:extLst>
                            <c:ext uri="{02D57815-91ED-43cb-92C2-25804820EDAC}">
                              <c15:formulaRef>
                                <c15:sqref>DNBSIKO!$E$66:$M$66</c15:sqref>
                              </c15:formulaRef>
                            </c:ext>
                          </c:extLst>
                        </c:numRef>
                      </c15:cat>
                    </c15:filteredCategoryTitle>
                  </c:ext>
                  <c:ext xmlns:c16="http://schemas.microsoft.com/office/drawing/2014/chart" uri="{C3380CC4-5D6E-409C-BE32-E72D297353CC}">
                    <c16:uniqueId val="{0000000B-E416-4BDB-8A32-804D5A3252C8}"/>
                  </c:ext>
                </c:extLst>
              </c15:ser>
            </c15:filteredLineSeries>
          </c:ext>
        </c:extLst>
      </c:lineChart>
      <c:catAx>
        <c:axId val="1628099919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628101359"/>
        <c:crosses val="autoZero"/>
        <c:auto val="1"/>
        <c:lblAlgn val="ctr"/>
        <c:lblOffset val="100"/>
        <c:noMultiLvlLbl val="0"/>
      </c:catAx>
      <c:valAx>
        <c:axId val="1628101359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628099919"/>
        <c:crosses val="autoZero"/>
        <c:crossBetween val="between"/>
        <c:dispUnits>
          <c:builtInUnit val="thousands"/>
        </c:dispUnits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printSettings>
    <c:headerFooter/>
    <c:pageMargins b="0.75" l="0.7" r="0.7" t="0.75" header="0.3" footer="0.3"/>
    <c:pageSetup/>
  </c:printSettings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2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2" Type="http://schemas.openxmlformats.org/officeDocument/2006/relationships/chart" Target="../charts/chart2.xml"/><Relationship Id="rId1" Type="http://schemas.openxmlformats.org/officeDocument/2006/relationships/chart" Target="../charts/chart1.xml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55</xdr:col>
      <xdr:colOff>104775</xdr:colOff>
      <xdr:row>44</xdr:row>
      <xdr:rowOff>19050</xdr:rowOff>
    </xdr:from>
    <xdr:to>
      <xdr:col>62</xdr:col>
      <xdr:colOff>409575</xdr:colOff>
      <xdr:row>58</xdr:row>
      <xdr:rowOff>95250</xdr:rowOff>
    </xdr:to>
    <xdr:graphicFrame macro="">
      <xdr:nvGraphicFramePr>
        <xdr:cNvPr id="2" name="Diagram 1">
          <a:extLst>
            <a:ext uri="{FF2B5EF4-FFF2-40B4-BE49-F238E27FC236}">
              <a16:creationId xmlns:a16="http://schemas.microsoft.com/office/drawing/2014/main" id="{8FC44AE7-E04A-4E8A-98D2-9017442BAA55}"/>
            </a:ext>
          </a:extLst>
        </xdr:cNvPr>
        <xdr:cNvGraphicFramePr>
          <a:graphicFrameLocks/>
        </xdr:cNvGraphicFramePr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  <xdr:twoCellAnchor>
    <xdr:from>
      <xdr:col>55</xdr:col>
      <xdr:colOff>199159</xdr:colOff>
      <xdr:row>65</xdr:row>
      <xdr:rowOff>17319</xdr:rowOff>
    </xdr:from>
    <xdr:to>
      <xdr:col>62</xdr:col>
      <xdr:colOff>503958</xdr:colOff>
      <xdr:row>79</xdr:row>
      <xdr:rowOff>93519</xdr:rowOff>
    </xdr:to>
    <xdr:graphicFrame macro="">
      <xdr:nvGraphicFramePr>
        <xdr:cNvPr id="3" name="Diagram 2">
          <a:extLst>
            <a:ext uri="{FF2B5EF4-FFF2-40B4-BE49-F238E27FC236}">
              <a16:creationId xmlns:a16="http://schemas.microsoft.com/office/drawing/2014/main" id="{1CA36F18-4216-4417-9F10-B434007C221B}"/>
            </a:ext>
          </a:extLst>
        </xdr:cNvPr>
        <xdr:cNvGraphicFramePr>
          <a:graphicFrameLocks/>
        </xdr:cNvGraphicFramePr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2"/>
        </a:graphicData>
      </a:graphic>
    </xdr:graphicFrame>
    <xdr:clientData/>
  </xdr:twoCellAnchor>
</xdr:wsDr>
</file>

<file path=xl/externalLinks/_rels/externalLink1.xml.rels><?xml version="1.0" encoding="UTF-8" standalone="yes"?>
<Relationships xmlns="http://schemas.openxmlformats.org/package/2006/relationships"><Relationship Id="rId3" Type="http://schemas.openxmlformats.org/officeDocument/2006/relationships/externalLinkPath" Target="https://nationalbankendk.sharepoint.com/sites/IntSTAT-Betalingsstatistik/Shared%20Documents/General/BS%20-%20Revisioner/Statistikbanken%20-%20f&#248;r%20og%20efter%20revisionen/Statistikbanken%20f&#248;r%20og%20efter%20revisionen%20-%20clean%20filer/DNBSIKO%20-%20revision%20-%20clean.xlsx" TargetMode="External"/><Relationship Id="rId2" Type="http://schemas.microsoft.com/office/2019/04/relationships/externalLinkLongPath" Target="https://nationalbankendk.sharepoint.com/sites/IntSTAT-Betalingsstatistik/Shared%20Documents/General/BS%20-%20Revisioner/Statistikbanken%20-%20f&#248;r%20og%20efter%20revisionen/Statistikbanken%20f&#248;r%20og%20efter%20revisionen%20-%20clean%20filer/DNBSIKO%20-%20revision%20-%20clean.xlsx?F1586F29" TargetMode="External"/><Relationship Id="rId1" Type="http://schemas.openxmlformats.org/officeDocument/2006/relationships/externalLinkPath" Target="file:///\\F1586F29\DNBSIKO%20-%20revision%20-%20clean.xlsx" TargetMode="External"/></Relationships>
</file>

<file path=xl/externalLinks/externalLink1.xml><?xml version="1.0" encoding="utf-8"?>
<externalLink xmlns="http://schemas.openxmlformats.org/spreadsheetml/2006/main" xmlns:mc="http://schemas.openxmlformats.org/markup-compatibility/2006" xmlns:x14="http://schemas.microsoft.com/office/spreadsheetml/2009/9/main" xmlns:xxl21="http://schemas.microsoft.com/office/spreadsheetml/2021/extlinks2021" mc:Ignorable="x14 xxl21">
  <externalBook xmlns:r="http://schemas.openxmlformats.org/officeDocument/2006/relationships" r:id="rId1">
    <xxl21:alternateUrls>
      <xxl21:absoluteUrl r:id="rId3"/>
    </xxl21:alternateUrls>
    <sheetNames>
      <sheetName val="DNBSIKO"/>
    </sheetNames>
    <sheetDataSet>
      <sheetData sheetId="0"/>
    </sheetDataSet>
  </externalBook>
</externalLink>
</file>

<file path=xl/theme/theme1.xml><?xml version="1.0" encoding="utf-8"?>
<a:theme xmlns:a="http://schemas.openxmlformats.org/drawingml/2006/main" name="Office Theme">
  <a:themeElements>
    <a:clrScheme name="Danmarks Nationalbank">
      <a:dk1>
        <a:sysClr val="windowText" lastClr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 codeName="Ark1"/>
  <dimension ref="B1:H6"/>
  <sheetViews>
    <sheetView showGridLines="0" tabSelected="1" workbookViewId="0"/>
  </sheetViews>
  <sheetFormatPr defaultColWidth="0" defaultRowHeight="13" zeroHeight="1" x14ac:dyDescent="0.6"/>
  <cols>
    <col min="1" max="1" width="4.36328125" style="44" customWidth="1"/>
    <col min="2" max="2" width="71.76953125" style="44" customWidth="1"/>
    <col min="3" max="3" width="4.36328125" style="44" customWidth="1"/>
    <col min="4" max="8" width="0" style="44" hidden="1"/>
    <col min="9" max="16384" width="9.1328125" style="44" hidden="1"/>
  </cols>
  <sheetData>
    <row r="1" spans="2:2" ht="50.5" customHeight="1" x14ac:dyDescent="0.65">
      <c r="B1" s="48" t="s">
        <v>76</v>
      </c>
    </row>
    <row r="2" spans="2:2" x14ac:dyDescent="0.6"/>
    <row r="3" spans="2:2" ht="20.5" x14ac:dyDescent="0.9">
      <c r="B3" s="45" t="s">
        <v>69</v>
      </c>
    </row>
    <row r="4" spans="2:2" ht="20.5" x14ac:dyDescent="0.9">
      <c r="B4" s="46" t="s">
        <v>70</v>
      </c>
    </row>
    <row r="5" spans="2:2" ht="20.5" x14ac:dyDescent="0.9">
      <c r="B5" s="47" t="s">
        <v>71</v>
      </c>
    </row>
    <row r="6" spans="2:2" x14ac:dyDescent="0.6"/>
  </sheetData>
  <phoneticPr fontId="0" type="noConversion"/>
  <pageMargins left="0.75" right="0.75" top="1" bottom="1" header="0" footer="0"/>
  <pageSetup orientation="portrait" r:id="rId1"/>
  <headerFooter alignWithMargins="0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8133336-1435-4B97-B80A-95BC32AF2AE7}">
  <dimension ref="A1:CO306"/>
  <sheetViews>
    <sheetView showGridLines="0" zoomScale="70" zoomScaleNormal="70" workbookViewId="0"/>
  </sheetViews>
  <sheetFormatPr defaultColWidth="0" defaultRowHeight="14.5" zeroHeight="1" x14ac:dyDescent="0.7"/>
  <cols>
    <col min="1" max="1" width="4.6796875" style="2" customWidth="1"/>
    <col min="2" max="2" width="17" style="2" customWidth="1"/>
    <col min="3" max="3" width="26.40625" style="2" bestFit="1" customWidth="1"/>
    <col min="4" max="4" width="59.08984375" style="2" bestFit="1" customWidth="1"/>
    <col min="5" max="5" width="30.40625" style="2" bestFit="1" customWidth="1"/>
    <col min="6" max="30" width="9.81640625" style="2" bestFit="1" customWidth="1"/>
    <col min="31" max="32" width="4.6796875" style="2" customWidth="1"/>
    <col min="33" max="33" width="12.6328125" style="2" customWidth="1"/>
    <col min="34" max="34" width="26.40625" style="2" bestFit="1" customWidth="1"/>
    <col min="35" max="35" width="59.08984375" style="2" bestFit="1" customWidth="1"/>
    <col min="36" max="36" width="30.54296875" style="2" customWidth="1"/>
    <col min="37" max="61" width="9.81640625" style="2" bestFit="1" customWidth="1"/>
    <col min="62" max="63" width="4.6796875" style="2" customWidth="1"/>
    <col min="64" max="64" width="12.6328125" style="2" customWidth="1"/>
    <col min="65" max="65" width="26.7265625" style="2" customWidth="1"/>
    <col min="66" max="66" width="59.08984375" style="2" bestFit="1" customWidth="1"/>
    <col min="67" max="67" width="30.26953125" style="2" bestFit="1" customWidth="1"/>
    <col min="68" max="72" width="8" style="2" bestFit="1" customWidth="1"/>
    <col min="73" max="90" width="8.6328125" style="2" bestFit="1" customWidth="1"/>
    <col min="91" max="92" width="8" style="2" bestFit="1" customWidth="1"/>
    <col min="93" max="93" width="4.6796875" style="2" customWidth="1"/>
    <col min="94" max="16384" width="8.7265625" style="2" hidden="1"/>
  </cols>
  <sheetData>
    <row r="1" spans="1:93" ht="32.75" x14ac:dyDescent="1.35">
      <c r="A1" s="1" t="s">
        <v>68</v>
      </c>
      <c r="F1" s="3"/>
    </row>
    <row r="2" spans="1:93" ht="17" x14ac:dyDescent="0.8">
      <c r="B2" s="4"/>
      <c r="F2" s="3"/>
    </row>
    <row r="3" spans="1:93" ht="35" x14ac:dyDescent="1.4">
      <c r="A3" s="7"/>
      <c r="B3" s="5" t="s">
        <v>69</v>
      </c>
      <c r="C3" s="6"/>
      <c r="D3" s="6"/>
      <c r="E3" s="6"/>
      <c r="F3" s="6"/>
      <c r="G3" s="6"/>
      <c r="H3" s="6"/>
      <c r="I3" s="6"/>
      <c r="J3" s="6"/>
      <c r="K3" s="7"/>
      <c r="L3" s="7"/>
      <c r="M3" s="7"/>
      <c r="N3" s="7"/>
      <c r="O3" s="7"/>
      <c r="P3" s="7"/>
      <c r="Q3" s="7"/>
      <c r="R3" s="7"/>
      <c r="S3" s="7"/>
      <c r="T3" s="7"/>
      <c r="U3" s="7"/>
      <c r="V3" s="7"/>
      <c r="W3" s="7"/>
      <c r="X3" s="7"/>
      <c r="Y3" s="7"/>
      <c r="Z3" s="7"/>
      <c r="AA3" s="7"/>
      <c r="AB3" s="7"/>
      <c r="AC3" s="7"/>
      <c r="AD3" s="7"/>
      <c r="AE3" s="7"/>
      <c r="AF3" s="13"/>
      <c r="AG3" s="11" t="s">
        <v>70</v>
      </c>
      <c r="AH3" s="12"/>
      <c r="AI3" s="12"/>
      <c r="AJ3" s="12"/>
      <c r="AK3" s="12"/>
      <c r="AL3" s="12"/>
      <c r="AM3" s="12"/>
      <c r="AN3" s="12"/>
      <c r="AO3" s="12"/>
      <c r="AP3" s="13"/>
      <c r="AQ3" s="13"/>
      <c r="AR3" s="13"/>
      <c r="AS3" s="13"/>
      <c r="AT3" s="13"/>
      <c r="AU3" s="13"/>
      <c r="AV3" s="13"/>
      <c r="AW3" s="13"/>
      <c r="AX3" s="13"/>
      <c r="AY3" s="13"/>
      <c r="AZ3" s="13"/>
      <c r="BA3" s="13"/>
      <c r="BB3" s="13"/>
      <c r="BC3" s="13"/>
      <c r="BD3" s="13"/>
      <c r="BE3" s="13"/>
      <c r="BF3" s="13"/>
      <c r="BG3" s="13"/>
      <c r="BH3" s="13"/>
      <c r="BI3" s="13"/>
      <c r="BJ3" s="13"/>
      <c r="BK3" s="16"/>
      <c r="BL3" s="17" t="s">
        <v>71</v>
      </c>
      <c r="BM3" s="18"/>
      <c r="BN3" s="18"/>
      <c r="BO3" s="18"/>
      <c r="BP3" s="18"/>
      <c r="BQ3" s="18"/>
      <c r="BR3" s="18"/>
      <c r="BS3" s="18"/>
      <c r="BT3" s="18"/>
      <c r="BU3" s="16"/>
      <c r="BV3" s="16"/>
      <c r="BW3" s="16"/>
      <c r="BX3" s="16"/>
      <c r="BY3" s="16"/>
      <c r="BZ3" s="16"/>
      <c r="CA3" s="16"/>
      <c r="CB3" s="16"/>
      <c r="CC3" s="16"/>
      <c r="CD3" s="16"/>
      <c r="CE3" s="16"/>
      <c r="CF3" s="16"/>
      <c r="CG3" s="16"/>
      <c r="CH3" s="16"/>
      <c r="CI3" s="16"/>
      <c r="CJ3" s="16"/>
      <c r="CK3" s="16"/>
      <c r="CL3" s="16"/>
      <c r="CM3" s="16"/>
      <c r="CN3" s="16"/>
      <c r="CO3" s="16"/>
    </row>
    <row r="4" spans="1:93" s="39" customFormat="1" x14ac:dyDescent="0.7">
      <c r="A4" s="33"/>
      <c r="F4" s="40" t="s">
        <v>0</v>
      </c>
      <c r="G4" s="40" t="s">
        <v>1</v>
      </c>
      <c r="H4" s="40" t="s">
        <v>2</v>
      </c>
      <c r="I4" s="40" t="s">
        <v>3</v>
      </c>
      <c r="J4" s="40" t="s">
        <v>4</v>
      </c>
      <c r="K4" s="40" t="s">
        <v>5</v>
      </c>
      <c r="L4" s="40" t="s">
        <v>6</v>
      </c>
      <c r="M4" s="40" t="s">
        <v>7</v>
      </c>
      <c r="N4" s="40" t="s">
        <v>8</v>
      </c>
      <c r="O4" s="40" t="s">
        <v>9</v>
      </c>
      <c r="P4" s="40" t="s">
        <v>10</v>
      </c>
      <c r="Q4" s="40" t="s">
        <v>11</v>
      </c>
      <c r="R4" s="40" t="s">
        <v>12</v>
      </c>
      <c r="S4" s="40" t="s">
        <v>13</v>
      </c>
      <c r="T4" s="40" t="s">
        <v>14</v>
      </c>
      <c r="U4" s="40" t="s">
        <v>15</v>
      </c>
      <c r="V4" s="40" t="s">
        <v>16</v>
      </c>
      <c r="W4" s="40" t="s">
        <v>17</v>
      </c>
      <c r="X4" s="40" t="s">
        <v>18</v>
      </c>
      <c r="Y4" s="40" t="s">
        <v>19</v>
      </c>
      <c r="Z4" s="40" t="s">
        <v>20</v>
      </c>
      <c r="AA4" s="40" t="s">
        <v>21</v>
      </c>
      <c r="AB4" s="40" t="s">
        <v>22</v>
      </c>
      <c r="AC4" s="40" t="s">
        <v>23</v>
      </c>
      <c r="AD4" s="40" t="s">
        <v>24</v>
      </c>
      <c r="AE4" s="33"/>
      <c r="AF4" s="36"/>
      <c r="AK4" s="41" t="s">
        <v>0</v>
      </c>
      <c r="AL4" s="41" t="s">
        <v>1</v>
      </c>
      <c r="AM4" s="41" t="s">
        <v>2</v>
      </c>
      <c r="AN4" s="41" t="s">
        <v>3</v>
      </c>
      <c r="AO4" s="41" t="s">
        <v>4</v>
      </c>
      <c r="AP4" s="41" t="s">
        <v>5</v>
      </c>
      <c r="AQ4" s="41" t="s">
        <v>6</v>
      </c>
      <c r="AR4" s="41" t="s">
        <v>7</v>
      </c>
      <c r="AS4" s="41" t="s">
        <v>8</v>
      </c>
      <c r="AT4" s="41" t="s">
        <v>9</v>
      </c>
      <c r="AU4" s="41" t="s">
        <v>10</v>
      </c>
      <c r="AV4" s="41" t="s">
        <v>11</v>
      </c>
      <c r="AW4" s="41" t="s">
        <v>12</v>
      </c>
      <c r="AX4" s="41" t="s">
        <v>13</v>
      </c>
      <c r="AY4" s="41" t="s">
        <v>14</v>
      </c>
      <c r="AZ4" s="41" t="s">
        <v>15</v>
      </c>
      <c r="BA4" s="41" t="s">
        <v>16</v>
      </c>
      <c r="BB4" s="41" t="s">
        <v>17</v>
      </c>
      <c r="BC4" s="41" t="s">
        <v>18</v>
      </c>
      <c r="BD4" s="41" t="s">
        <v>19</v>
      </c>
      <c r="BE4" s="41" t="s">
        <v>20</v>
      </c>
      <c r="BF4" s="41" t="s">
        <v>21</v>
      </c>
      <c r="BG4" s="41" t="s">
        <v>22</v>
      </c>
      <c r="BH4" s="41" t="s">
        <v>23</v>
      </c>
      <c r="BI4" s="41" t="s">
        <v>24</v>
      </c>
      <c r="BJ4" s="36"/>
      <c r="BK4" s="37"/>
      <c r="BP4" s="41" t="s">
        <v>0</v>
      </c>
      <c r="BQ4" s="41" t="s">
        <v>1</v>
      </c>
      <c r="BR4" s="41" t="s">
        <v>2</v>
      </c>
      <c r="BS4" s="41" t="s">
        <v>3</v>
      </c>
      <c r="BT4" s="41" t="s">
        <v>4</v>
      </c>
      <c r="BU4" s="41" t="s">
        <v>5</v>
      </c>
      <c r="BV4" s="41" t="s">
        <v>6</v>
      </c>
      <c r="BW4" s="41" t="s">
        <v>7</v>
      </c>
      <c r="BX4" s="41" t="s">
        <v>8</v>
      </c>
      <c r="BY4" s="41" t="s">
        <v>9</v>
      </c>
      <c r="BZ4" s="41" t="s">
        <v>10</v>
      </c>
      <c r="CA4" s="41" t="s">
        <v>11</v>
      </c>
      <c r="CB4" s="41" t="s">
        <v>12</v>
      </c>
      <c r="CC4" s="41" t="s">
        <v>13</v>
      </c>
      <c r="CD4" s="41" t="s">
        <v>14</v>
      </c>
      <c r="CE4" s="41" t="s">
        <v>15</v>
      </c>
      <c r="CF4" s="41" t="s">
        <v>16</v>
      </c>
      <c r="CG4" s="41" t="s">
        <v>17</v>
      </c>
      <c r="CH4" s="41" t="s">
        <v>18</v>
      </c>
      <c r="CI4" s="41" t="s">
        <v>19</v>
      </c>
      <c r="CJ4" s="41" t="s">
        <v>20</v>
      </c>
      <c r="CK4" s="41" t="s">
        <v>21</v>
      </c>
      <c r="CL4" s="41" t="s">
        <v>22</v>
      </c>
      <c r="CM4" s="41" t="s">
        <v>23</v>
      </c>
      <c r="CN4" s="41" t="s">
        <v>24</v>
      </c>
      <c r="CO4" s="37"/>
    </row>
    <row r="5" spans="1:93" x14ac:dyDescent="0.7">
      <c r="A5" s="7"/>
      <c r="B5" s="8" t="s">
        <v>25</v>
      </c>
      <c r="C5" s="8" t="s">
        <v>26</v>
      </c>
      <c r="D5" s="8" t="s">
        <v>26</v>
      </c>
      <c r="E5" s="8" t="s">
        <v>27</v>
      </c>
      <c r="F5" s="42">
        <v>525089</v>
      </c>
      <c r="G5" s="42">
        <v>534331</v>
      </c>
      <c r="H5" s="42">
        <v>602269</v>
      </c>
      <c r="I5" s="42">
        <v>585509</v>
      </c>
      <c r="J5" s="42">
        <v>471304</v>
      </c>
      <c r="K5" s="42">
        <v>584998</v>
      </c>
      <c r="L5" s="42">
        <v>639462</v>
      </c>
      <c r="M5" s="42">
        <v>636383</v>
      </c>
      <c r="N5" s="42">
        <v>568962</v>
      </c>
      <c r="O5" s="42">
        <v>648673</v>
      </c>
      <c r="P5" s="42">
        <v>661842</v>
      </c>
      <c r="Q5" s="42">
        <v>651713</v>
      </c>
      <c r="R5" s="42">
        <v>613369</v>
      </c>
      <c r="S5" s="42">
        <v>668407</v>
      </c>
      <c r="T5" s="42">
        <v>671794</v>
      </c>
      <c r="U5" s="42">
        <v>663248</v>
      </c>
      <c r="V5" s="42">
        <v>619673</v>
      </c>
      <c r="W5" s="42">
        <v>698574</v>
      </c>
      <c r="X5" s="42">
        <v>717927</v>
      </c>
      <c r="Y5" s="42">
        <v>711160</v>
      </c>
      <c r="Z5" s="42">
        <v>664027</v>
      </c>
      <c r="AA5" s="42">
        <v>726794</v>
      </c>
      <c r="AB5" s="42">
        <v>750768</v>
      </c>
      <c r="AC5" s="42">
        <v>752100</v>
      </c>
      <c r="AD5" s="42">
        <v>695704</v>
      </c>
      <c r="AE5" s="7"/>
      <c r="AF5" s="13"/>
      <c r="AG5" s="9" t="s">
        <v>25</v>
      </c>
      <c r="AH5" s="9" t="s">
        <v>26</v>
      </c>
      <c r="AI5" s="9" t="s">
        <v>26</v>
      </c>
      <c r="AJ5" s="9" t="s">
        <v>27</v>
      </c>
      <c r="AK5" s="21">
        <v>525093</v>
      </c>
      <c r="AL5" s="21">
        <v>534330</v>
      </c>
      <c r="AM5" s="21">
        <v>602268</v>
      </c>
      <c r="AN5" s="21">
        <v>585507</v>
      </c>
      <c r="AO5" s="21">
        <v>472091</v>
      </c>
      <c r="AP5" s="21">
        <v>584887</v>
      </c>
      <c r="AQ5" s="21">
        <v>643526</v>
      </c>
      <c r="AR5" s="21">
        <v>636381</v>
      </c>
      <c r="AS5" s="21">
        <v>568963</v>
      </c>
      <c r="AT5" s="21">
        <v>648673</v>
      </c>
      <c r="AU5" s="21">
        <v>661991</v>
      </c>
      <c r="AV5" s="21">
        <v>650256</v>
      </c>
      <c r="AW5" s="21">
        <v>612020</v>
      </c>
      <c r="AX5" s="21">
        <v>666891</v>
      </c>
      <c r="AY5" s="21">
        <v>670297</v>
      </c>
      <c r="AZ5" s="21">
        <v>663283</v>
      </c>
      <c r="BA5" s="21">
        <v>619674</v>
      </c>
      <c r="BB5" s="21">
        <v>698573</v>
      </c>
      <c r="BC5" s="21">
        <v>717336</v>
      </c>
      <c r="BD5" s="21">
        <v>710561</v>
      </c>
      <c r="BE5" s="21">
        <v>656064</v>
      </c>
      <c r="BF5" s="21">
        <v>726794</v>
      </c>
      <c r="BG5" s="21">
        <v>750773</v>
      </c>
      <c r="BH5" s="21">
        <v>747464</v>
      </c>
      <c r="BI5" s="21">
        <v>695704</v>
      </c>
      <c r="BJ5" s="14"/>
      <c r="BK5" s="16"/>
      <c r="BL5" s="9" t="s">
        <v>25</v>
      </c>
      <c r="BM5" s="9" t="s">
        <v>26</v>
      </c>
      <c r="BN5" s="9" t="s">
        <v>26</v>
      </c>
      <c r="BO5" s="9" t="s">
        <v>27</v>
      </c>
      <c r="BP5" s="21">
        <f>AK5-F5</f>
        <v>4</v>
      </c>
      <c r="BQ5" s="21">
        <f t="shared" ref="BQ5:BQ41" si="0">AL5-G5</f>
        <v>-1</v>
      </c>
      <c r="BR5" s="21">
        <f t="shared" ref="BR5:BR41" si="1">AM5-H5</f>
        <v>-1</v>
      </c>
      <c r="BS5" s="21">
        <f t="shared" ref="BS5:BS41" si="2">AN5-I5</f>
        <v>-2</v>
      </c>
      <c r="BT5" s="21">
        <f t="shared" ref="BT5:BT41" si="3">AO5-J5</f>
        <v>787</v>
      </c>
      <c r="BU5" s="21">
        <f t="shared" ref="BU5:BU41" si="4">AP5-K5</f>
        <v>-111</v>
      </c>
      <c r="BV5" s="21">
        <f t="shared" ref="BV5:BV41" si="5">AQ5-L5</f>
        <v>4064</v>
      </c>
      <c r="BW5" s="21">
        <f t="shared" ref="BW5:BW41" si="6">AR5-M5</f>
        <v>-2</v>
      </c>
      <c r="BX5" s="21">
        <f t="shared" ref="BX5:BX41" si="7">AS5-N5</f>
        <v>1</v>
      </c>
      <c r="BY5" s="21">
        <f t="shared" ref="BY5:BY41" si="8">AT5-O5</f>
        <v>0</v>
      </c>
      <c r="BZ5" s="21">
        <f t="shared" ref="BZ5:BZ41" si="9">AU5-P5</f>
        <v>149</v>
      </c>
      <c r="CA5" s="21">
        <f t="shared" ref="CA5:CA41" si="10">AV5-Q5</f>
        <v>-1457</v>
      </c>
      <c r="CB5" s="21">
        <f t="shared" ref="CB5:CB41" si="11">AW5-R5</f>
        <v>-1349</v>
      </c>
      <c r="CC5" s="21">
        <f t="shared" ref="CC5:CC41" si="12">AX5-S5</f>
        <v>-1516</v>
      </c>
      <c r="CD5" s="21">
        <f t="shared" ref="CD5:CD41" si="13">AY5-T5</f>
        <v>-1497</v>
      </c>
      <c r="CE5" s="21">
        <f t="shared" ref="CE5:CE41" si="14">AZ5-U5</f>
        <v>35</v>
      </c>
      <c r="CF5" s="21">
        <f t="shared" ref="CF5:CF41" si="15">BA5-V5</f>
        <v>1</v>
      </c>
      <c r="CG5" s="21">
        <f t="shared" ref="CG5:CG41" si="16">BB5-W5</f>
        <v>-1</v>
      </c>
      <c r="CH5" s="21">
        <f t="shared" ref="CH5:CH41" si="17">BC5-X5</f>
        <v>-591</v>
      </c>
      <c r="CI5" s="21">
        <f t="shared" ref="CI5:CI41" si="18">BD5-Y5</f>
        <v>-599</v>
      </c>
      <c r="CJ5" s="21">
        <f t="shared" ref="CJ5:CJ41" si="19">BE5-Z5</f>
        <v>-7963</v>
      </c>
      <c r="CK5" s="21">
        <f t="shared" ref="CK5:CK41" si="20">BF5-AA5</f>
        <v>0</v>
      </c>
      <c r="CL5" s="21">
        <f t="shared" ref="CL5:CL41" si="21">BG5-AB5</f>
        <v>5</v>
      </c>
      <c r="CM5" s="21">
        <f t="shared" ref="CM5:CM41" si="22">BH5-AC5</f>
        <v>-4636</v>
      </c>
      <c r="CN5" s="21">
        <f t="shared" ref="CN5:CN41" si="23">BI5-AD5</f>
        <v>0</v>
      </c>
      <c r="CO5" s="20"/>
    </row>
    <row r="6" spans="1:93" x14ac:dyDescent="0.7">
      <c r="A6" s="7"/>
      <c r="E6" s="8" t="s">
        <v>28</v>
      </c>
      <c r="F6" s="42">
        <v>507538</v>
      </c>
      <c r="G6" s="42">
        <v>521332</v>
      </c>
      <c r="H6" s="42">
        <v>585991</v>
      </c>
      <c r="I6" s="42">
        <v>570771</v>
      </c>
      <c r="J6" s="42">
        <v>459457</v>
      </c>
      <c r="K6" s="42">
        <v>571101</v>
      </c>
      <c r="L6" s="42">
        <v>622244</v>
      </c>
      <c r="M6" s="42">
        <v>618637</v>
      </c>
      <c r="N6" s="42">
        <v>552698</v>
      </c>
      <c r="O6" s="42">
        <v>629701</v>
      </c>
      <c r="P6" s="42">
        <v>641425</v>
      </c>
      <c r="Q6" s="42">
        <v>631741</v>
      </c>
      <c r="R6" s="42">
        <v>594092</v>
      </c>
      <c r="S6" s="42">
        <v>647706</v>
      </c>
      <c r="T6" s="42">
        <v>649687</v>
      </c>
      <c r="U6" s="42">
        <v>641585</v>
      </c>
      <c r="V6" s="42">
        <v>598959</v>
      </c>
      <c r="W6" s="42">
        <v>675892</v>
      </c>
      <c r="X6" s="42">
        <v>693862</v>
      </c>
      <c r="Y6" s="42">
        <v>687452</v>
      </c>
      <c r="Z6" s="42">
        <v>641721</v>
      </c>
      <c r="AA6" s="42">
        <v>703016</v>
      </c>
      <c r="AB6" s="42">
        <v>724985</v>
      </c>
      <c r="AC6" s="42">
        <v>726459</v>
      </c>
      <c r="AD6" s="42">
        <v>671039</v>
      </c>
      <c r="AE6" s="7"/>
      <c r="AF6" s="13"/>
      <c r="AG6" s="9"/>
      <c r="AH6" s="9"/>
      <c r="AI6" s="9"/>
      <c r="AJ6" s="9" t="s">
        <v>28</v>
      </c>
      <c r="AK6" s="21">
        <v>507540</v>
      </c>
      <c r="AL6" s="21">
        <v>521332</v>
      </c>
      <c r="AM6" s="21">
        <v>585990</v>
      </c>
      <c r="AN6" s="21">
        <v>570769</v>
      </c>
      <c r="AO6" s="21">
        <v>460199</v>
      </c>
      <c r="AP6" s="21">
        <v>570981</v>
      </c>
      <c r="AQ6" s="21">
        <v>626203</v>
      </c>
      <c r="AR6" s="21">
        <v>618635</v>
      </c>
      <c r="AS6" s="21">
        <v>552698</v>
      </c>
      <c r="AT6" s="21">
        <v>629702</v>
      </c>
      <c r="AU6" s="21">
        <v>641423</v>
      </c>
      <c r="AV6" s="21">
        <v>630295</v>
      </c>
      <c r="AW6" s="21">
        <v>592753</v>
      </c>
      <c r="AX6" s="21">
        <v>646199</v>
      </c>
      <c r="AY6" s="21">
        <v>648202</v>
      </c>
      <c r="AZ6" s="21">
        <v>641621</v>
      </c>
      <c r="BA6" s="21">
        <v>598960</v>
      </c>
      <c r="BB6" s="21">
        <v>675891</v>
      </c>
      <c r="BC6" s="21">
        <v>693037</v>
      </c>
      <c r="BD6" s="21">
        <v>686854</v>
      </c>
      <c r="BE6" s="21">
        <v>633758</v>
      </c>
      <c r="BF6" s="21">
        <v>703016</v>
      </c>
      <c r="BG6" s="21">
        <v>724985</v>
      </c>
      <c r="BH6" s="21">
        <v>721824</v>
      </c>
      <c r="BI6" s="21">
        <v>671039</v>
      </c>
      <c r="BJ6" s="14"/>
      <c r="BK6" s="16"/>
      <c r="BL6" s="9"/>
      <c r="BM6" s="9"/>
      <c r="BN6" s="9"/>
      <c r="BO6" s="9" t="s">
        <v>28</v>
      </c>
      <c r="BP6" s="21">
        <f t="shared" ref="BP6:BP41" si="24">AK6-F6</f>
        <v>2</v>
      </c>
      <c r="BQ6" s="21">
        <f t="shared" si="0"/>
        <v>0</v>
      </c>
      <c r="BR6" s="21">
        <f t="shared" si="1"/>
        <v>-1</v>
      </c>
      <c r="BS6" s="21">
        <f t="shared" si="2"/>
        <v>-2</v>
      </c>
      <c r="BT6" s="21">
        <f t="shared" si="3"/>
        <v>742</v>
      </c>
      <c r="BU6" s="21">
        <f t="shared" si="4"/>
        <v>-120</v>
      </c>
      <c r="BV6" s="21">
        <f t="shared" si="5"/>
        <v>3959</v>
      </c>
      <c r="BW6" s="21">
        <f t="shared" si="6"/>
        <v>-2</v>
      </c>
      <c r="BX6" s="21">
        <f t="shared" si="7"/>
        <v>0</v>
      </c>
      <c r="BY6" s="21">
        <f t="shared" si="8"/>
        <v>1</v>
      </c>
      <c r="BZ6" s="21">
        <f t="shared" si="9"/>
        <v>-2</v>
      </c>
      <c r="CA6" s="21">
        <f t="shared" si="10"/>
        <v>-1446</v>
      </c>
      <c r="CB6" s="21">
        <f t="shared" si="11"/>
        <v>-1339</v>
      </c>
      <c r="CC6" s="21">
        <f t="shared" si="12"/>
        <v>-1507</v>
      </c>
      <c r="CD6" s="21">
        <f t="shared" si="13"/>
        <v>-1485</v>
      </c>
      <c r="CE6" s="21">
        <f t="shared" si="14"/>
        <v>36</v>
      </c>
      <c r="CF6" s="21">
        <f t="shared" si="15"/>
        <v>1</v>
      </c>
      <c r="CG6" s="21">
        <f t="shared" si="16"/>
        <v>-1</v>
      </c>
      <c r="CH6" s="21">
        <f t="shared" si="17"/>
        <v>-825</v>
      </c>
      <c r="CI6" s="21">
        <f t="shared" si="18"/>
        <v>-598</v>
      </c>
      <c r="CJ6" s="21">
        <f t="shared" si="19"/>
        <v>-7963</v>
      </c>
      <c r="CK6" s="21">
        <f t="shared" si="20"/>
        <v>0</v>
      </c>
      <c r="CL6" s="21">
        <f t="shared" si="21"/>
        <v>0</v>
      </c>
      <c r="CM6" s="21">
        <f t="shared" si="22"/>
        <v>-4635</v>
      </c>
      <c r="CN6" s="21">
        <f t="shared" si="23"/>
        <v>0</v>
      </c>
      <c r="CO6" s="20"/>
    </row>
    <row r="7" spans="1:93" x14ac:dyDescent="0.7">
      <c r="A7" s="7"/>
      <c r="E7" s="8" t="s">
        <v>29</v>
      </c>
      <c r="F7" s="42">
        <v>9857</v>
      </c>
      <c r="G7" s="42">
        <v>9973</v>
      </c>
      <c r="H7" s="42">
        <v>10262</v>
      </c>
      <c r="I7" s="42">
        <v>9666</v>
      </c>
      <c r="J7" s="42">
        <v>7712</v>
      </c>
      <c r="K7" s="42">
        <v>8498</v>
      </c>
      <c r="L7" s="42">
        <v>8314</v>
      </c>
      <c r="M7" s="42">
        <v>7816</v>
      </c>
      <c r="N7" s="42">
        <v>6784</v>
      </c>
      <c r="O7" s="42">
        <v>7410</v>
      </c>
      <c r="P7" s="42">
        <v>7168</v>
      </c>
      <c r="Q7" s="42">
        <v>7265</v>
      </c>
      <c r="R7" s="42">
        <v>6597</v>
      </c>
      <c r="S7" s="42">
        <v>7738</v>
      </c>
      <c r="T7" s="42">
        <v>8550</v>
      </c>
      <c r="U7" s="42">
        <v>9318</v>
      </c>
      <c r="V7" s="42">
        <v>3826</v>
      </c>
      <c r="W7" s="42">
        <v>3899</v>
      </c>
      <c r="X7" s="42">
        <v>3613</v>
      </c>
      <c r="Y7" s="42">
        <v>3355</v>
      </c>
      <c r="Z7" s="42">
        <v>2995</v>
      </c>
      <c r="AA7" s="42">
        <v>2993</v>
      </c>
      <c r="AB7" s="42">
        <v>2751</v>
      </c>
      <c r="AC7" s="42">
        <v>2657</v>
      </c>
      <c r="AD7" s="42">
        <v>2255</v>
      </c>
      <c r="AE7" s="7"/>
      <c r="AF7" s="13"/>
      <c r="AG7" s="9"/>
      <c r="AH7" s="9"/>
      <c r="AI7" s="9"/>
      <c r="AJ7" s="9" t="s">
        <v>29</v>
      </c>
      <c r="AK7" s="21">
        <v>9858</v>
      </c>
      <c r="AL7" s="21">
        <v>9974</v>
      </c>
      <c r="AM7" s="21">
        <v>10262</v>
      </c>
      <c r="AN7" s="21">
        <v>9666</v>
      </c>
      <c r="AO7" s="21">
        <v>7757</v>
      </c>
      <c r="AP7" s="21">
        <v>8532</v>
      </c>
      <c r="AQ7" s="21">
        <v>8406</v>
      </c>
      <c r="AR7" s="21">
        <v>7815</v>
      </c>
      <c r="AS7" s="21">
        <v>6636</v>
      </c>
      <c r="AT7" s="21">
        <v>6850</v>
      </c>
      <c r="AU7" s="21">
        <v>6299</v>
      </c>
      <c r="AV7" s="21">
        <v>6015</v>
      </c>
      <c r="AW7" s="21">
        <v>5193</v>
      </c>
      <c r="AX7" s="21">
        <v>5163</v>
      </c>
      <c r="AY7" s="21">
        <v>4589</v>
      </c>
      <c r="AZ7" s="21">
        <v>4499</v>
      </c>
      <c r="BA7" s="21">
        <v>3826</v>
      </c>
      <c r="BB7" s="21">
        <v>3900</v>
      </c>
      <c r="BC7" s="21">
        <v>3567</v>
      </c>
      <c r="BD7" s="21">
        <v>3355</v>
      </c>
      <c r="BE7" s="21">
        <v>2995</v>
      </c>
      <c r="BF7" s="21">
        <v>2993</v>
      </c>
      <c r="BG7" s="21">
        <v>2751</v>
      </c>
      <c r="BH7" s="21">
        <v>2657</v>
      </c>
      <c r="BI7" s="21">
        <v>2255</v>
      </c>
      <c r="BJ7" s="14"/>
      <c r="BK7" s="16"/>
      <c r="BL7" s="9"/>
      <c r="BM7" s="9"/>
      <c r="BN7" s="9"/>
      <c r="BO7" s="9" t="s">
        <v>29</v>
      </c>
      <c r="BP7" s="21">
        <f t="shared" si="24"/>
        <v>1</v>
      </c>
      <c r="BQ7" s="21">
        <f t="shared" si="0"/>
        <v>1</v>
      </c>
      <c r="BR7" s="21">
        <f t="shared" si="1"/>
        <v>0</v>
      </c>
      <c r="BS7" s="21">
        <f t="shared" si="2"/>
        <v>0</v>
      </c>
      <c r="BT7" s="21">
        <f t="shared" si="3"/>
        <v>45</v>
      </c>
      <c r="BU7" s="21">
        <f t="shared" si="4"/>
        <v>34</v>
      </c>
      <c r="BV7" s="21">
        <f t="shared" si="5"/>
        <v>92</v>
      </c>
      <c r="BW7" s="21">
        <f t="shared" si="6"/>
        <v>-1</v>
      </c>
      <c r="BX7" s="21">
        <f t="shared" si="7"/>
        <v>-148</v>
      </c>
      <c r="BY7" s="21">
        <f t="shared" si="8"/>
        <v>-560</v>
      </c>
      <c r="BZ7" s="21">
        <f t="shared" si="9"/>
        <v>-869</v>
      </c>
      <c r="CA7" s="21">
        <f t="shared" si="10"/>
        <v>-1250</v>
      </c>
      <c r="CB7" s="21">
        <f t="shared" si="11"/>
        <v>-1404</v>
      </c>
      <c r="CC7" s="21">
        <f t="shared" si="12"/>
        <v>-2575</v>
      </c>
      <c r="CD7" s="21">
        <f t="shared" si="13"/>
        <v>-3961</v>
      </c>
      <c r="CE7" s="21">
        <f t="shared" si="14"/>
        <v>-4819</v>
      </c>
      <c r="CF7" s="21">
        <f t="shared" si="15"/>
        <v>0</v>
      </c>
      <c r="CG7" s="21">
        <f t="shared" si="16"/>
        <v>1</v>
      </c>
      <c r="CH7" s="21">
        <f t="shared" si="17"/>
        <v>-46</v>
      </c>
      <c r="CI7" s="21">
        <f t="shared" si="18"/>
        <v>0</v>
      </c>
      <c r="CJ7" s="21">
        <f t="shared" si="19"/>
        <v>0</v>
      </c>
      <c r="CK7" s="21">
        <f t="shared" si="20"/>
        <v>0</v>
      </c>
      <c r="CL7" s="21">
        <f t="shared" si="21"/>
        <v>0</v>
      </c>
      <c r="CM7" s="21">
        <f t="shared" si="22"/>
        <v>0</v>
      </c>
      <c r="CN7" s="21">
        <f t="shared" si="23"/>
        <v>0</v>
      </c>
      <c r="CO7" s="20"/>
    </row>
    <row r="8" spans="1:93" x14ac:dyDescent="0.7">
      <c r="A8" s="7"/>
      <c r="E8" s="8" t="s">
        <v>30</v>
      </c>
      <c r="F8" s="42">
        <v>352990</v>
      </c>
      <c r="G8" s="42">
        <v>361847</v>
      </c>
      <c r="H8" s="42">
        <v>408100</v>
      </c>
      <c r="I8" s="42">
        <v>394279</v>
      </c>
      <c r="J8" s="42">
        <v>311765</v>
      </c>
      <c r="K8" s="42">
        <v>387393</v>
      </c>
      <c r="L8" s="42">
        <v>424119</v>
      </c>
      <c r="M8" s="42">
        <v>421238</v>
      </c>
      <c r="N8" s="42">
        <v>366635</v>
      </c>
      <c r="O8" s="42">
        <v>420488</v>
      </c>
      <c r="P8" s="42">
        <v>427345</v>
      </c>
      <c r="Q8" s="42">
        <v>416543</v>
      </c>
      <c r="R8" s="42">
        <v>369881</v>
      </c>
      <c r="S8" s="42">
        <v>394013</v>
      </c>
      <c r="T8" s="42">
        <v>389449</v>
      </c>
      <c r="U8" s="42">
        <v>381729</v>
      </c>
      <c r="V8" s="42">
        <v>355335</v>
      </c>
      <c r="W8" s="42">
        <v>397505</v>
      </c>
      <c r="X8" s="42">
        <v>402305</v>
      </c>
      <c r="Y8" s="42">
        <v>395903</v>
      </c>
      <c r="Z8" s="42">
        <v>363164</v>
      </c>
      <c r="AA8" s="42">
        <v>391224</v>
      </c>
      <c r="AB8" s="42">
        <v>401383</v>
      </c>
      <c r="AC8" s="42">
        <v>396534</v>
      </c>
      <c r="AD8" s="42">
        <v>359803</v>
      </c>
      <c r="AE8" s="7"/>
      <c r="AF8" s="13"/>
      <c r="AG8" s="9"/>
      <c r="AH8" s="9"/>
      <c r="AI8" s="9"/>
      <c r="AJ8" s="9" t="s">
        <v>30</v>
      </c>
      <c r="AK8" s="21">
        <v>352991</v>
      </c>
      <c r="AL8" s="21">
        <v>361846</v>
      </c>
      <c r="AM8" s="21">
        <v>408100</v>
      </c>
      <c r="AN8" s="21">
        <v>394278</v>
      </c>
      <c r="AO8" s="21">
        <v>312384</v>
      </c>
      <c r="AP8" s="21">
        <v>387362</v>
      </c>
      <c r="AQ8" s="21">
        <v>427359</v>
      </c>
      <c r="AR8" s="21">
        <v>421243</v>
      </c>
      <c r="AS8" s="21">
        <v>367005</v>
      </c>
      <c r="AT8" s="21">
        <v>421861</v>
      </c>
      <c r="AU8" s="21">
        <v>429484</v>
      </c>
      <c r="AV8" s="21">
        <v>418340</v>
      </c>
      <c r="AW8" s="21">
        <v>372085</v>
      </c>
      <c r="AX8" s="21">
        <v>398265</v>
      </c>
      <c r="AY8" s="21">
        <v>396918</v>
      </c>
      <c r="AZ8" s="21">
        <v>390821</v>
      </c>
      <c r="BA8" s="21">
        <v>355335</v>
      </c>
      <c r="BB8" s="21">
        <v>397504</v>
      </c>
      <c r="BC8" s="21">
        <v>401260</v>
      </c>
      <c r="BD8" s="21">
        <v>395305</v>
      </c>
      <c r="BE8" s="21">
        <v>355201</v>
      </c>
      <c r="BF8" s="21">
        <v>391224</v>
      </c>
      <c r="BG8" s="21">
        <v>401383</v>
      </c>
      <c r="BH8" s="21">
        <v>396534</v>
      </c>
      <c r="BI8" s="21">
        <v>359803</v>
      </c>
      <c r="BJ8" s="14"/>
      <c r="BK8" s="16"/>
      <c r="BL8" s="9"/>
      <c r="BM8" s="9"/>
      <c r="BN8" s="9"/>
      <c r="BO8" s="9" t="s">
        <v>30</v>
      </c>
      <c r="BP8" s="21">
        <f t="shared" si="24"/>
        <v>1</v>
      </c>
      <c r="BQ8" s="21">
        <f t="shared" si="0"/>
        <v>-1</v>
      </c>
      <c r="BR8" s="21">
        <f t="shared" si="1"/>
        <v>0</v>
      </c>
      <c r="BS8" s="21">
        <f t="shared" si="2"/>
        <v>-1</v>
      </c>
      <c r="BT8" s="21">
        <f t="shared" si="3"/>
        <v>619</v>
      </c>
      <c r="BU8" s="21">
        <f t="shared" si="4"/>
        <v>-31</v>
      </c>
      <c r="BV8" s="21">
        <f t="shared" si="5"/>
        <v>3240</v>
      </c>
      <c r="BW8" s="21">
        <f t="shared" si="6"/>
        <v>5</v>
      </c>
      <c r="BX8" s="21">
        <f t="shared" si="7"/>
        <v>370</v>
      </c>
      <c r="BY8" s="21">
        <f t="shared" si="8"/>
        <v>1373</v>
      </c>
      <c r="BZ8" s="21">
        <f t="shared" si="9"/>
        <v>2139</v>
      </c>
      <c r="CA8" s="21">
        <f t="shared" si="10"/>
        <v>1797</v>
      </c>
      <c r="CB8" s="21">
        <f t="shared" si="11"/>
        <v>2204</v>
      </c>
      <c r="CC8" s="21">
        <f t="shared" si="12"/>
        <v>4252</v>
      </c>
      <c r="CD8" s="21">
        <f t="shared" si="13"/>
        <v>7469</v>
      </c>
      <c r="CE8" s="21">
        <f t="shared" si="14"/>
        <v>9092</v>
      </c>
      <c r="CF8" s="21">
        <f t="shared" si="15"/>
        <v>0</v>
      </c>
      <c r="CG8" s="21">
        <f t="shared" si="16"/>
        <v>-1</v>
      </c>
      <c r="CH8" s="21">
        <f t="shared" si="17"/>
        <v>-1045</v>
      </c>
      <c r="CI8" s="21">
        <f t="shared" si="18"/>
        <v>-598</v>
      </c>
      <c r="CJ8" s="21">
        <f t="shared" si="19"/>
        <v>-7963</v>
      </c>
      <c r="CK8" s="21">
        <f t="shared" si="20"/>
        <v>0</v>
      </c>
      <c r="CL8" s="21">
        <f t="shared" si="21"/>
        <v>0</v>
      </c>
      <c r="CM8" s="21">
        <f t="shared" si="22"/>
        <v>0</v>
      </c>
      <c r="CN8" s="21">
        <f t="shared" si="23"/>
        <v>0</v>
      </c>
      <c r="CO8" s="20"/>
    </row>
    <row r="9" spans="1:93" x14ac:dyDescent="0.7">
      <c r="A9" s="7"/>
      <c r="E9" s="8" t="s">
        <v>31</v>
      </c>
      <c r="F9" s="42">
        <v>144691</v>
      </c>
      <c r="G9" s="42">
        <v>149512</v>
      </c>
      <c r="H9" s="42">
        <v>167629</v>
      </c>
      <c r="I9" s="42">
        <v>166826</v>
      </c>
      <c r="J9" s="42">
        <v>139980</v>
      </c>
      <c r="K9" s="42">
        <v>175210</v>
      </c>
      <c r="L9" s="42">
        <v>189811</v>
      </c>
      <c r="M9" s="42">
        <v>189583</v>
      </c>
      <c r="N9" s="42">
        <v>179279</v>
      </c>
      <c r="O9" s="42">
        <v>201803</v>
      </c>
      <c r="P9" s="42">
        <v>206912</v>
      </c>
      <c r="Q9" s="42">
        <v>207933</v>
      </c>
      <c r="R9" s="42">
        <v>217614</v>
      </c>
      <c r="S9" s="42">
        <v>245955</v>
      </c>
      <c r="T9" s="42">
        <v>251688</v>
      </c>
      <c r="U9" s="42">
        <v>250538</v>
      </c>
      <c r="V9" s="42">
        <v>239798</v>
      </c>
      <c r="W9" s="42">
        <v>274488</v>
      </c>
      <c r="X9" s="42">
        <v>287944</v>
      </c>
      <c r="Y9" s="42">
        <v>288195</v>
      </c>
      <c r="Z9" s="42">
        <v>275562</v>
      </c>
      <c r="AA9" s="42">
        <v>308799</v>
      </c>
      <c r="AB9" s="42">
        <v>320851</v>
      </c>
      <c r="AC9" s="42">
        <v>327268</v>
      </c>
      <c r="AD9" s="42">
        <v>308981</v>
      </c>
      <c r="AE9" s="7"/>
      <c r="AF9" s="13"/>
      <c r="AG9" s="9"/>
      <c r="AH9" s="9"/>
      <c r="AI9" s="9"/>
      <c r="AJ9" s="9" t="s">
        <v>31</v>
      </c>
      <c r="AK9" s="21">
        <v>144692</v>
      </c>
      <c r="AL9" s="21">
        <v>149512</v>
      </c>
      <c r="AM9" s="21">
        <v>167628</v>
      </c>
      <c r="AN9" s="21">
        <v>166825</v>
      </c>
      <c r="AO9" s="21">
        <v>140059</v>
      </c>
      <c r="AP9" s="21">
        <v>175086</v>
      </c>
      <c r="AQ9" s="21">
        <v>190438</v>
      </c>
      <c r="AR9" s="21">
        <v>189577</v>
      </c>
      <c r="AS9" s="21">
        <v>179058</v>
      </c>
      <c r="AT9" s="21">
        <v>200991</v>
      </c>
      <c r="AU9" s="21">
        <v>205641</v>
      </c>
      <c r="AV9" s="21">
        <v>205940</v>
      </c>
      <c r="AW9" s="21">
        <v>215476</v>
      </c>
      <c r="AX9" s="21">
        <v>242772</v>
      </c>
      <c r="AY9" s="21">
        <v>246694</v>
      </c>
      <c r="AZ9" s="21">
        <v>246301</v>
      </c>
      <c r="BA9" s="21">
        <v>239799</v>
      </c>
      <c r="BB9" s="21">
        <v>274488</v>
      </c>
      <c r="BC9" s="21">
        <v>288211</v>
      </c>
      <c r="BD9" s="21">
        <v>288194</v>
      </c>
      <c r="BE9" s="21">
        <v>275562</v>
      </c>
      <c r="BF9" s="21">
        <v>308799</v>
      </c>
      <c r="BG9" s="21">
        <v>320851</v>
      </c>
      <c r="BH9" s="21">
        <v>322633</v>
      </c>
      <c r="BI9" s="21">
        <v>308981</v>
      </c>
      <c r="BJ9" s="14"/>
      <c r="BK9" s="16"/>
      <c r="BL9" s="9"/>
      <c r="BM9" s="9"/>
      <c r="BN9" s="9"/>
      <c r="BO9" s="9" t="s">
        <v>31</v>
      </c>
      <c r="BP9" s="21">
        <f t="shared" si="24"/>
        <v>1</v>
      </c>
      <c r="BQ9" s="21">
        <f t="shared" si="0"/>
        <v>0</v>
      </c>
      <c r="BR9" s="21">
        <f t="shared" si="1"/>
        <v>-1</v>
      </c>
      <c r="BS9" s="21">
        <f t="shared" si="2"/>
        <v>-1</v>
      </c>
      <c r="BT9" s="21">
        <f t="shared" si="3"/>
        <v>79</v>
      </c>
      <c r="BU9" s="21">
        <f t="shared" si="4"/>
        <v>-124</v>
      </c>
      <c r="BV9" s="21">
        <f t="shared" si="5"/>
        <v>627</v>
      </c>
      <c r="BW9" s="21">
        <f t="shared" si="6"/>
        <v>-6</v>
      </c>
      <c r="BX9" s="21">
        <f t="shared" si="7"/>
        <v>-221</v>
      </c>
      <c r="BY9" s="21">
        <f t="shared" si="8"/>
        <v>-812</v>
      </c>
      <c r="BZ9" s="21">
        <f t="shared" si="9"/>
        <v>-1271</v>
      </c>
      <c r="CA9" s="21">
        <f t="shared" si="10"/>
        <v>-1993</v>
      </c>
      <c r="CB9" s="21">
        <f t="shared" si="11"/>
        <v>-2138</v>
      </c>
      <c r="CC9" s="21">
        <f t="shared" si="12"/>
        <v>-3183</v>
      </c>
      <c r="CD9" s="21">
        <f t="shared" si="13"/>
        <v>-4994</v>
      </c>
      <c r="CE9" s="21">
        <f t="shared" si="14"/>
        <v>-4237</v>
      </c>
      <c r="CF9" s="21">
        <f t="shared" si="15"/>
        <v>1</v>
      </c>
      <c r="CG9" s="21">
        <f t="shared" si="16"/>
        <v>0</v>
      </c>
      <c r="CH9" s="21">
        <f t="shared" si="17"/>
        <v>267</v>
      </c>
      <c r="CI9" s="21">
        <f t="shared" si="18"/>
        <v>-1</v>
      </c>
      <c r="CJ9" s="21">
        <f t="shared" si="19"/>
        <v>0</v>
      </c>
      <c r="CK9" s="21">
        <f t="shared" si="20"/>
        <v>0</v>
      </c>
      <c r="CL9" s="21">
        <f t="shared" si="21"/>
        <v>0</v>
      </c>
      <c r="CM9" s="21">
        <f t="shared" si="22"/>
        <v>-4635</v>
      </c>
      <c r="CN9" s="21">
        <f t="shared" si="23"/>
        <v>0</v>
      </c>
      <c r="CO9" s="20"/>
    </row>
    <row r="10" spans="1:93" x14ac:dyDescent="0.7">
      <c r="A10" s="7"/>
      <c r="E10" s="8" t="s">
        <v>32</v>
      </c>
      <c r="F10" s="42">
        <v>17551</v>
      </c>
      <c r="G10" s="42">
        <v>12999</v>
      </c>
      <c r="H10" s="42">
        <v>16278</v>
      </c>
      <c r="I10" s="42">
        <v>14738</v>
      </c>
      <c r="J10" s="42">
        <v>11847</v>
      </c>
      <c r="K10" s="42">
        <v>13897</v>
      </c>
      <c r="L10" s="42">
        <v>17218</v>
      </c>
      <c r="M10" s="42">
        <v>17746</v>
      </c>
      <c r="N10" s="42">
        <v>16264</v>
      </c>
      <c r="O10" s="42">
        <v>18972</v>
      </c>
      <c r="P10" s="42">
        <v>20417</v>
      </c>
      <c r="Q10" s="42">
        <v>19972</v>
      </c>
      <c r="R10" s="42">
        <v>19277</v>
      </c>
      <c r="S10" s="42">
        <v>20701</v>
      </c>
      <c r="T10" s="42">
        <v>22107</v>
      </c>
      <c r="U10" s="42">
        <v>21663</v>
      </c>
      <c r="V10" s="42">
        <v>20714</v>
      </c>
      <c r="W10" s="42">
        <v>22682</v>
      </c>
      <c r="X10" s="42">
        <v>24064</v>
      </c>
      <c r="Y10" s="42">
        <v>23707</v>
      </c>
      <c r="Z10" s="42">
        <v>22306</v>
      </c>
      <c r="AA10" s="42">
        <v>23778</v>
      </c>
      <c r="AB10" s="42">
        <v>25783</v>
      </c>
      <c r="AC10" s="42">
        <v>25641</v>
      </c>
      <c r="AD10" s="42">
        <v>24665</v>
      </c>
      <c r="AE10" s="7"/>
      <c r="AF10" s="13"/>
      <c r="AG10" s="9"/>
      <c r="AH10" s="9"/>
      <c r="AI10" s="9"/>
      <c r="AJ10" s="9" t="s">
        <v>32</v>
      </c>
      <c r="AK10" s="21">
        <v>17552</v>
      </c>
      <c r="AL10" s="21">
        <v>12999</v>
      </c>
      <c r="AM10" s="21">
        <v>16278</v>
      </c>
      <c r="AN10" s="21">
        <v>14738</v>
      </c>
      <c r="AO10" s="21">
        <v>11892</v>
      </c>
      <c r="AP10" s="21">
        <v>13906</v>
      </c>
      <c r="AQ10" s="21">
        <v>17322</v>
      </c>
      <c r="AR10" s="21">
        <v>17746</v>
      </c>
      <c r="AS10" s="21">
        <v>16265</v>
      </c>
      <c r="AT10" s="21">
        <v>18971</v>
      </c>
      <c r="AU10" s="21">
        <v>20567</v>
      </c>
      <c r="AV10" s="21">
        <v>19961</v>
      </c>
      <c r="AW10" s="21">
        <v>19267</v>
      </c>
      <c r="AX10" s="21">
        <v>20692</v>
      </c>
      <c r="AY10" s="21">
        <v>22095</v>
      </c>
      <c r="AZ10" s="21">
        <v>21663</v>
      </c>
      <c r="BA10" s="21">
        <v>20714</v>
      </c>
      <c r="BB10" s="21">
        <v>22682</v>
      </c>
      <c r="BC10" s="21">
        <v>24298</v>
      </c>
      <c r="BD10" s="21">
        <v>23707</v>
      </c>
      <c r="BE10" s="21">
        <v>22306</v>
      </c>
      <c r="BF10" s="21">
        <v>23778</v>
      </c>
      <c r="BG10" s="21">
        <v>25788</v>
      </c>
      <c r="BH10" s="21">
        <v>25641</v>
      </c>
      <c r="BI10" s="21">
        <v>24665</v>
      </c>
      <c r="BJ10" s="14"/>
      <c r="BK10" s="16"/>
      <c r="BL10" s="9"/>
      <c r="BM10" s="9"/>
      <c r="BN10" s="9"/>
      <c r="BO10" s="9" t="s">
        <v>32</v>
      </c>
      <c r="BP10" s="21">
        <f t="shared" si="24"/>
        <v>1</v>
      </c>
      <c r="BQ10" s="21">
        <f t="shared" si="0"/>
        <v>0</v>
      </c>
      <c r="BR10" s="21">
        <f t="shared" si="1"/>
        <v>0</v>
      </c>
      <c r="BS10" s="21">
        <f t="shared" si="2"/>
        <v>0</v>
      </c>
      <c r="BT10" s="21">
        <f t="shared" si="3"/>
        <v>45</v>
      </c>
      <c r="BU10" s="21">
        <f t="shared" si="4"/>
        <v>9</v>
      </c>
      <c r="BV10" s="21">
        <f t="shared" si="5"/>
        <v>104</v>
      </c>
      <c r="BW10" s="21">
        <f t="shared" si="6"/>
        <v>0</v>
      </c>
      <c r="BX10" s="21">
        <f t="shared" si="7"/>
        <v>1</v>
      </c>
      <c r="BY10" s="21">
        <f t="shared" si="8"/>
        <v>-1</v>
      </c>
      <c r="BZ10" s="21">
        <f t="shared" si="9"/>
        <v>150</v>
      </c>
      <c r="CA10" s="21">
        <f t="shared" si="10"/>
        <v>-11</v>
      </c>
      <c r="CB10" s="21">
        <f t="shared" si="11"/>
        <v>-10</v>
      </c>
      <c r="CC10" s="21">
        <f t="shared" si="12"/>
        <v>-9</v>
      </c>
      <c r="CD10" s="21">
        <f t="shared" si="13"/>
        <v>-12</v>
      </c>
      <c r="CE10" s="21">
        <f t="shared" si="14"/>
        <v>0</v>
      </c>
      <c r="CF10" s="21">
        <f t="shared" si="15"/>
        <v>0</v>
      </c>
      <c r="CG10" s="21">
        <f t="shared" si="16"/>
        <v>0</v>
      </c>
      <c r="CH10" s="21">
        <f t="shared" si="17"/>
        <v>234</v>
      </c>
      <c r="CI10" s="21">
        <f t="shared" si="18"/>
        <v>0</v>
      </c>
      <c r="CJ10" s="21">
        <f t="shared" si="19"/>
        <v>0</v>
      </c>
      <c r="CK10" s="21">
        <f t="shared" si="20"/>
        <v>0</v>
      </c>
      <c r="CL10" s="21">
        <f t="shared" si="21"/>
        <v>5</v>
      </c>
      <c r="CM10" s="21">
        <f t="shared" si="22"/>
        <v>0</v>
      </c>
      <c r="CN10" s="21">
        <f t="shared" si="23"/>
        <v>0</v>
      </c>
      <c r="CO10" s="20"/>
    </row>
    <row r="11" spans="1:93" x14ac:dyDescent="0.7">
      <c r="A11" s="7"/>
      <c r="E11" s="8" t="s">
        <v>33</v>
      </c>
      <c r="F11" s="42">
        <v>17551</v>
      </c>
      <c r="G11" s="42">
        <v>12999</v>
      </c>
      <c r="H11" s="42">
        <v>16278</v>
      </c>
      <c r="I11" s="42">
        <v>14738</v>
      </c>
      <c r="J11" s="42">
        <v>11847</v>
      </c>
      <c r="K11" s="42">
        <v>13897</v>
      </c>
      <c r="L11" s="42">
        <v>17218</v>
      </c>
      <c r="M11" s="42">
        <v>17746</v>
      </c>
      <c r="N11" s="42">
        <v>16264</v>
      </c>
      <c r="O11" s="42">
        <v>18972</v>
      </c>
      <c r="P11" s="42">
        <v>20417</v>
      </c>
      <c r="Q11" s="42">
        <v>19972</v>
      </c>
      <c r="R11" s="42">
        <v>19277</v>
      </c>
      <c r="S11" s="42">
        <v>20701</v>
      </c>
      <c r="T11" s="42">
        <v>22107</v>
      </c>
      <c r="U11" s="42">
        <v>21663</v>
      </c>
      <c r="V11" s="42">
        <v>20714</v>
      </c>
      <c r="W11" s="42">
        <v>22682</v>
      </c>
      <c r="X11" s="42">
        <v>24064</v>
      </c>
      <c r="Y11" s="42">
        <v>23707</v>
      </c>
      <c r="Z11" s="42">
        <v>22306</v>
      </c>
      <c r="AA11" s="42">
        <v>23778</v>
      </c>
      <c r="AB11" s="42">
        <v>25783</v>
      </c>
      <c r="AC11" s="42">
        <v>25641</v>
      </c>
      <c r="AD11" s="42">
        <v>24665</v>
      </c>
      <c r="AE11" s="7"/>
      <c r="AF11" s="13"/>
      <c r="AG11" s="9"/>
      <c r="AH11" s="9"/>
      <c r="AI11" s="9"/>
      <c r="AJ11" s="9" t="s">
        <v>33</v>
      </c>
      <c r="AK11" s="21">
        <v>17552</v>
      </c>
      <c r="AL11" s="21">
        <v>12999</v>
      </c>
      <c r="AM11" s="21">
        <v>16278</v>
      </c>
      <c r="AN11" s="21">
        <v>14738</v>
      </c>
      <c r="AO11" s="21">
        <v>11892</v>
      </c>
      <c r="AP11" s="21">
        <v>13906</v>
      </c>
      <c r="AQ11" s="21">
        <v>17322</v>
      </c>
      <c r="AR11" s="21">
        <v>17746</v>
      </c>
      <c r="AS11" s="21">
        <v>16265</v>
      </c>
      <c r="AT11" s="21">
        <v>18971</v>
      </c>
      <c r="AU11" s="21">
        <v>20567</v>
      </c>
      <c r="AV11" s="21">
        <v>19961</v>
      </c>
      <c r="AW11" s="21">
        <v>19267</v>
      </c>
      <c r="AX11" s="21">
        <v>20692</v>
      </c>
      <c r="AY11" s="21">
        <v>22095</v>
      </c>
      <c r="AZ11" s="21">
        <v>21663</v>
      </c>
      <c r="BA11" s="21">
        <v>20714</v>
      </c>
      <c r="BB11" s="21">
        <v>22682</v>
      </c>
      <c r="BC11" s="21">
        <v>24298</v>
      </c>
      <c r="BD11" s="21">
        <v>23707</v>
      </c>
      <c r="BE11" s="21">
        <v>22306</v>
      </c>
      <c r="BF11" s="21">
        <v>23778</v>
      </c>
      <c r="BG11" s="21">
        <v>25788</v>
      </c>
      <c r="BH11" s="21">
        <v>25641</v>
      </c>
      <c r="BI11" s="21">
        <v>24665</v>
      </c>
      <c r="BJ11" s="14"/>
      <c r="BK11" s="16"/>
      <c r="BL11" s="9"/>
      <c r="BM11" s="9"/>
      <c r="BN11" s="9"/>
      <c r="BO11" s="9" t="s">
        <v>33</v>
      </c>
      <c r="BP11" s="21">
        <f t="shared" si="24"/>
        <v>1</v>
      </c>
      <c r="BQ11" s="21">
        <f t="shared" si="0"/>
        <v>0</v>
      </c>
      <c r="BR11" s="21">
        <f t="shared" si="1"/>
        <v>0</v>
      </c>
      <c r="BS11" s="21">
        <f t="shared" si="2"/>
        <v>0</v>
      </c>
      <c r="BT11" s="21">
        <f t="shared" si="3"/>
        <v>45</v>
      </c>
      <c r="BU11" s="21">
        <f t="shared" si="4"/>
        <v>9</v>
      </c>
      <c r="BV11" s="21">
        <f t="shared" si="5"/>
        <v>104</v>
      </c>
      <c r="BW11" s="21">
        <f t="shared" si="6"/>
        <v>0</v>
      </c>
      <c r="BX11" s="21">
        <f t="shared" si="7"/>
        <v>1</v>
      </c>
      <c r="BY11" s="21">
        <f t="shared" si="8"/>
        <v>-1</v>
      </c>
      <c r="BZ11" s="21">
        <f t="shared" si="9"/>
        <v>150</v>
      </c>
      <c r="CA11" s="21">
        <f t="shared" si="10"/>
        <v>-11</v>
      </c>
      <c r="CB11" s="21">
        <f t="shared" si="11"/>
        <v>-10</v>
      </c>
      <c r="CC11" s="21">
        <f t="shared" si="12"/>
        <v>-9</v>
      </c>
      <c r="CD11" s="21">
        <f t="shared" si="13"/>
        <v>-12</v>
      </c>
      <c r="CE11" s="21">
        <f t="shared" si="14"/>
        <v>0</v>
      </c>
      <c r="CF11" s="21">
        <f t="shared" si="15"/>
        <v>0</v>
      </c>
      <c r="CG11" s="21">
        <f t="shared" si="16"/>
        <v>0</v>
      </c>
      <c r="CH11" s="21">
        <f t="shared" si="17"/>
        <v>234</v>
      </c>
      <c r="CI11" s="21">
        <f t="shared" si="18"/>
        <v>0</v>
      </c>
      <c r="CJ11" s="21">
        <f t="shared" si="19"/>
        <v>0</v>
      </c>
      <c r="CK11" s="21">
        <f t="shared" si="20"/>
        <v>0</v>
      </c>
      <c r="CL11" s="21">
        <f t="shared" si="21"/>
        <v>5</v>
      </c>
      <c r="CM11" s="21">
        <f t="shared" si="22"/>
        <v>0</v>
      </c>
      <c r="CN11" s="21">
        <f t="shared" si="23"/>
        <v>0</v>
      </c>
      <c r="CO11" s="20"/>
    </row>
    <row r="12" spans="1:93" x14ac:dyDescent="0.7">
      <c r="A12" s="7"/>
      <c r="E12" s="8" t="s">
        <v>34</v>
      </c>
      <c r="F12" s="42">
        <v>15477</v>
      </c>
      <c r="G12" s="42">
        <v>7919</v>
      </c>
      <c r="H12" s="42">
        <v>20302</v>
      </c>
      <c r="I12" s="42">
        <v>10107</v>
      </c>
      <c r="J12" s="42">
        <v>6353</v>
      </c>
      <c r="K12" s="42">
        <v>9777</v>
      </c>
      <c r="L12" s="42">
        <v>25840</v>
      </c>
      <c r="M12" s="42">
        <v>21839</v>
      </c>
      <c r="N12" s="42">
        <v>16066</v>
      </c>
      <c r="O12" s="42">
        <v>30054</v>
      </c>
      <c r="P12" s="42">
        <v>48512</v>
      </c>
      <c r="Q12" s="42">
        <v>25422</v>
      </c>
      <c r="R12" s="42">
        <v>19842</v>
      </c>
      <c r="S12" s="42">
        <v>33629</v>
      </c>
      <c r="T12" s="42">
        <v>45791</v>
      </c>
      <c r="U12" s="42">
        <v>25732</v>
      </c>
      <c r="V12" s="42">
        <v>20944</v>
      </c>
      <c r="W12" s="42">
        <v>34541</v>
      </c>
      <c r="X12" s="42">
        <v>52767</v>
      </c>
      <c r="Y12" s="42">
        <v>31996</v>
      </c>
      <c r="Z12" s="42">
        <v>25429</v>
      </c>
      <c r="AA12" s="42">
        <v>41284</v>
      </c>
      <c r="AB12" s="42">
        <v>55882</v>
      </c>
      <c r="AC12" s="42">
        <v>34967</v>
      </c>
      <c r="AD12" s="42">
        <v>26196</v>
      </c>
      <c r="AE12" s="7"/>
      <c r="AF12" s="13"/>
      <c r="AG12" s="9"/>
      <c r="AH12" s="9"/>
      <c r="AI12" s="9"/>
      <c r="AJ12" s="9" t="s">
        <v>34</v>
      </c>
      <c r="AK12" s="21">
        <v>15477</v>
      </c>
      <c r="AL12" s="21">
        <v>7919</v>
      </c>
      <c r="AM12" s="21">
        <v>20302</v>
      </c>
      <c r="AN12" s="21">
        <v>10106</v>
      </c>
      <c r="AO12" s="21">
        <v>6354</v>
      </c>
      <c r="AP12" s="21">
        <v>9778</v>
      </c>
      <c r="AQ12" s="21">
        <v>25840</v>
      </c>
      <c r="AR12" s="21">
        <v>21841</v>
      </c>
      <c r="AS12" s="21">
        <v>16067</v>
      </c>
      <c r="AT12" s="21">
        <v>30053</v>
      </c>
      <c r="AU12" s="21">
        <v>48513</v>
      </c>
      <c r="AV12" s="21">
        <v>25421</v>
      </c>
      <c r="AW12" s="21">
        <v>19842</v>
      </c>
      <c r="AX12" s="21">
        <v>33629</v>
      </c>
      <c r="AY12" s="21">
        <v>45792</v>
      </c>
      <c r="AZ12" s="21">
        <v>25732</v>
      </c>
      <c r="BA12" s="21">
        <v>20943</v>
      </c>
      <c r="BB12" s="21">
        <v>34541</v>
      </c>
      <c r="BC12" s="21">
        <v>52767</v>
      </c>
      <c r="BD12" s="21">
        <v>31996</v>
      </c>
      <c r="BE12" s="21">
        <v>25429</v>
      </c>
      <c r="BF12" s="21">
        <v>41284</v>
      </c>
      <c r="BG12" s="21">
        <v>55882</v>
      </c>
      <c r="BH12" s="21">
        <v>34967</v>
      </c>
      <c r="BI12" s="21">
        <v>26196</v>
      </c>
      <c r="BJ12" s="14"/>
      <c r="BK12" s="16"/>
      <c r="BL12" s="9"/>
      <c r="BM12" s="9"/>
      <c r="BN12" s="9"/>
      <c r="BO12" s="9" t="s">
        <v>34</v>
      </c>
      <c r="BP12" s="21">
        <f t="shared" si="24"/>
        <v>0</v>
      </c>
      <c r="BQ12" s="21">
        <f t="shared" si="0"/>
        <v>0</v>
      </c>
      <c r="BR12" s="21">
        <f t="shared" si="1"/>
        <v>0</v>
      </c>
      <c r="BS12" s="21">
        <f t="shared" si="2"/>
        <v>-1</v>
      </c>
      <c r="BT12" s="21">
        <f t="shared" si="3"/>
        <v>1</v>
      </c>
      <c r="BU12" s="21">
        <f t="shared" si="4"/>
        <v>1</v>
      </c>
      <c r="BV12" s="21">
        <f t="shared" si="5"/>
        <v>0</v>
      </c>
      <c r="BW12" s="21">
        <f t="shared" si="6"/>
        <v>2</v>
      </c>
      <c r="BX12" s="21">
        <f t="shared" si="7"/>
        <v>1</v>
      </c>
      <c r="BY12" s="21">
        <f t="shared" si="8"/>
        <v>-1</v>
      </c>
      <c r="BZ12" s="21">
        <f t="shared" si="9"/>
        <v>1</v>
      </c>
      <c r="CA12" s="21">
        <f t="shared" si="10"/>
        <v>-1</v>
      </c>
      <c r="CB12" s="21">
        <f t="shared" si="11"/>
        <v>0</v>
      </c>
      <c r="CC12" s="21">
        <f t="shared" si="12"/>
        <v>0</v>
      </c>
      <c r="CD12" s="21">
        <f t="shared" si="13"/>
        <v>1</v>
      </c>
      <c r="CE12" s="21">
        <f t="shared" si="14"/>
        <v>0</v>
      </c>
      <c r="CF12" s="21">
        <f t="shared" si="15"/>
        <v>-1</v>
      </c>
      <c r="CG12" s="21">
        <f t="shared" si="16"/>
        <v>0</v>
      </c>
      <c r="CH12" s="21">
        <f t="shared" si="17"/>
        <v>0</v>
      </c>
      <c r="CI12" s="21">
        <f t="shared" si="18"/>
        <v>0</v>
      </c>
      <c r="CJ12" s="21">
        <f t="shared" si="19"/>
        <v>0</v>
      </c>
      <c r="CK12" s="21">
        <f t="shared" si="20"/>
        <v>0</v>
      </c>
      <c r="CL12" s="21">
        <f t="shared" si="21"/>
        <v>0</v>
      </c>
      <c r="CM12" s="21">
        <f t="shared" si="22"/>
        <v>0</v>
      </c>
      <c r="CN12" s="21">
        <f t="shared" si="23"/>
        <v>0</v>
      </c>
      <c r="CO12" s="20"/>
    </row>
    <row r="13" spans="1:93" x14ac:dyDescent="0.7">
      <c r="A13" s="7"/>
      <c r="E13" s="8" t="s">
        <v>35</v>
      </c>
      <c r="F13" s="42">
        <v>10130</v>
      </c>
      <c r="G13" s="42">
        <v>5459</v>
      </c>
      <c r="H13" s="42">
        <v>14017</v>
      </c>
      <c r="I13" s="42">
        <v>7005</v>
      </c>
      <c r="J13" s="42">
        <v>4409</v>
      </c>
      <c r="K13" s="42">
        <v>6752</v>
      </c>
      <c r="L13" s="42">
        <v>17695</v>
      </c>
      <c r="M13" s="42">
        <v>15287</v>
      </c>
      <c r="N13" s="42">
        <v>11392</v>
      </c>
      <c r="O13" s="42">
        <v>20538</v>
      </c>
      <c r="P13" s="42">
        <v>33744</v>
      </c>
      <c r="Q13" s="42">
        <v>17961</v>
      </c>
      <c r="R13" s="42">
        <v>14078</v>
      </c>
      <c r="S13" s="42">
        <v>23036</v>
      </c>
      <c r="T13" s="42">
        <v>31715</v>
      </c>
      <c r="U13" s="42">
        <v>18040</v>
      </c>
      <c r="V13" s="42">
        <v>14903</v>
      </c>
      <c r="W13" s="42">
        <v>23731</v>
      </c>
      <c r="X13" s="42">
        <v>36826</v>
      </c>
      <c r="Y13" s="42">
        <v>22692</v>
      </c>
      <c r="Z13" s="42">
        <v>18162</v>
      </c>
      <c r="AA13" s="42">
        <v>28705</v>
      </c>
      <c r="AB13" s="42">
        <v>38926</v>
      </c>
      <c r="AC13" s="42">
        <v>25189</v>
      </c>
      <c r="AD13" s="42">
        <v>18886</v>
      </c>
      <c r="AE13" s="7"/>
      <c r="AF13" s="13"/>
      <c r="AG13" s="9"/>
      <c r="AH13" s="9"/>
      <c r="AI13" s="9"/>
      <c r="AJ13" s="9" t="s">
        <v>35</v>
      </c>
      <c r="AK13" s="21">
        <v>10130</v>
      </c>
      <c r="AL13" s="21">
        <v>5459</v>
      </c>
      <c r="AM13" s="21">
        <v>14016</v>
      </c>
      <c r="AN13" s="21">
        <v>7005</v>
      </c>
      <c r="AO13" s="21">
        <v>4410</v>
      </c>
      <c r="AP13" s="21">
        <v>6752</v>
      </c>
      <c r="AQ13" s="21">
        <v>17695</v>
      </c>
      <c r="AR13" s="21">
        <v>15288</v>
      </c>
      <c r="AS13" s="21">
        <v>11393</v>
      </c>
      <c r="AT13" s="21">
        <v>20538</v>
      </c>
      <c r="AU13" s="21">
        <v>33745</v>
      </c>
      <c r="AV13" s="21">
        <v>17961</v>
      </c>
      <c r="AW13" s="21">
        <v>14078</v>
      </c>
      <c r="AX13" s="21">
        <v>23036</v>
      </c>
      <c r="AY13" s="21">
        <v>31716</v>
      </c>
      <c r="AZ13" s="21">
        <v>18041</v>
      </c>
      <c r="BA13" s="21">
        <v>14902</v>
      </c>
      <c r="BB13" s="21">
        <v>23731</v>
      </c>
      <c r="BC13" s="21">
        <v>36826</v>
      </c>
      <c r="BD13" s="21">
        <v>22692</v>
      </c>
      <c r="BE13" s="21">
        <v>18162</v>
      </c>
      <c r="BF13" s="21">
        <v>28705</v>
      </c>
      <c r="BG13" s="21">
        <v>38926</v>
      </c>
      <c r="BH13" s="21">
        <v>25189</v>
      </c>
      <c r="BI13" s="21">
        <v>18886</v>
      </c>
      <c r="BJ13" s="14"/>
      <c r="BK13" s="16"/>
      <c r="BL13" s="9"/>
      <c r="BM13" s="9"/>
      <c r="BN13" s="9"/>
      <c r="BO13" s="9" t="s">
        <v>35</v>
      </c>
      <c r="BP13" s="21">
        <f t="shared" si="24"/>
        <v>0</v>
      </c>
      <c r="BQ13" s="21">
        <f t="shared" si="0"/>
        <v>0</v>
      </c>
      <c r="BR13" s="21">
        <f t="shared" si="1"/>
        <v>-1</v>
      </c>
      <c r="BS13" s="21">
        <f t="shared" si="2"/>
        <v>0</v>
      </c>
      <c r="BT13" s="21">
        <f t="shared" si="3"/>
        <v>1</v>
      </c>
      <c r="BU13" s="21">
        <f t="shared" si="4"/>
        <v>0</v>
      </c>
      <c r="BV13" s="21">
        <f t="shared" si="5"/>
        <v>0</v>
      </c>
      <c r="BW13" s="21">
        <f t="shared" si="6"/>
        <v>1</v>
      </c>
      <c r="BX13" s="21">
        <f t="shared" si="7"/>
        <v>1</v>
      </c>
      <c r="BY13" s="21">
        <f t="shared" si="8"/>
        <v>0</v>
      </c>
      <c r="BZ13" s="21">
        <f t="shared" si="9"/>
        <v>1</v>
      </c>
      <c r="CA13" s="21">
        <f t="shared" si="10"/>
        <v>0</v>
      </c>
      <c r="CB13" s="21">
        <f t="shared" si="11"/>
        <v>0</v>
      </c>
      <c r="CC13" s="21">
        <f t="shared" si="12"/>
        <v>0</v>
      </c>
      <c r="CD13" s="21">
        <f t="shared" si="13"/>
        <v>1</v>
      </c>
      <c r="CE13" s="21">
        <f t="shared" si="14"/>
        <v>1</v>
      </c>
      <c r="CF13" s="21">
        <f t="shared" si="15"/>
        <v>-1</v>
      </c>
      <c r="CG13" s="21">
        <f t="shared" si="16"/>
        <v>0</v>
      </c>
      <c r="CH13" s="21">
        <f t="shared" si="17"/>
        <v>0</v>
      </c>
      <c r="CI13" s="21">
        <f t="shared" si="18"/>
        <v>0</v>
      </c>
      <c r="CJ13" s="21">
        <f t="shared" si="19"/>
        <v>0</v>
      </c>
      <c r="CK13" s="21">
        <f t="shared" si="20"/>
        <v>0</v>
      </c>
      <c r="CL13" s="21">
        <f t="shared" si="21"/>
        <v>0</v>
      </c>
      <c r="CM13" s="21">
        <f t="shared" si="22"/>
        <v>0</v>
      </c>
      <c r="CN13" s="21">
        <f t="shared" si="23"/>
        <v>0</v>
      </c>
      <c r="CO13" s="20"/>
    </row>
    <row r="14" spans="1:93" x14ac:dyDescent="0.7">
      <c r="A14" s="7"/>
      <c r="E14" s="8" t="s">
        <v>36</v>
      </c>
      <c r="F14" s="42">
        <v>5347</v>
      </c>
      <c r="G14" s="42">
        <v>2460</v>
      </c>
      <c r="H14" s="42">
        <v>6285</v>
      </c>
      <c r="I14" s="42">
        <v>3102</v>
      </c>
      <c r="J14" s="42">
        <v>1944</v>
      </c>
      <c r="K14" s="42">
        <v>3025</v>
      </c>
      <c r="L14" s="42">
        <v>8145</v>
      </c>
      <c r="M14" s="42">
        <v>6552</v>
      </c>
      <c r="N14" s="42">
        <v>4674</v>
      </c>
      <c r="O14" s="42">
        <v>9516</v>
      </c>
      <c r="P14" s="42">
        <v>14768</v>
      </c>
      <c r="Q14" s="42">
        <v>7461</v>
      </c>
      <c r="R14" s="42">
        <v>5764</v>
      </c>
      <c r="S14" s="42">
        <v>10593</v>
      </c>
      <c r="T14" s="42">
        <v>14076</v>
      </c>
      <c r="U14" s="42">
        <v>7692</v>
      </c>
      <c r="V14" s="42">
        <v>6041</v>
      </c>
      <c r="W14" s="42">
        <v>10810</v>
      </c>
      <c r="X14" s="42">
        <v>15941</v>
      </c>
      <c r="Y14" s="42">
        <v>9304</v>
      </c>
      <c r="Z14" s="42">
        <v>7268</v>
      </c>
      <c r="AA14" s="42">
        <v>12579</v>
      </c>
      <c r="AB14" s="42">
        <v>16955</v>
      </c>
      <c r="AC14" s="42">
        <v>9778</v>
      </c>
      <c r="AD14" s="42">
        <v>7310</v>
      </c>
      <c r="AE14" s="7"/>
      <c r="AF14" s="13"/>
      <c r="AG14" s="9"/>
      <c r="AH14" s="9"/>
      <c r="AI14" s="9"/>
      <c r="AJ14" s="9" t="s">
        <v>36</v>
      </c>
      <c r="AK14" s="21">
        <v>5347</v>
      </c>
      <c r="AL14" s="21">
        <v>2460</v>
      </c>
      <c r="AM14" s="21">
        <v>6286</v>
      </c>
      <c r="AN14" s="21">
        <v>3101</v>
      </c>
      <c r="AO14" s="21">
        <v>1944</v>
      </c>
      <c r="AP14" s="21">
        <v>3026</v>
      </c>
      <c r="AQ14" s="21">
        <v>8145</v>
      </c>
      <c r="AR14" s="21">
        <v>6553</v>
      </c>
      <c r="AS14" s="21">
        <v>4675</v>
      </c>
      <c r="AT14" s="21">
        <v>9515</v>
      </c>
      <c r="AU14" s="21">
        <v>14768</v>
      </c>
      <c r="AV14" s="21">
        <v>7461</v>
      </c>
      <c r="AW14" s="21">
        <v>5763</v>
      </c>
      <c r="AX14" s="21">
        <v>10593</v>
      </c>
      <c r="AY14" s="21">
        <v>14076</v>
      </c>
      <c r="AZ14" s="21">
        <v>7691</v>
      </c>
      <c r="BA14" s="21">
        <v>6041</v>
      </c>
      <c r="BB14" s="21">
        <v>10810</v>
      </c>
      <c r="BC14" s="21">
        <v>15941</v>
      </c>
      <c r="BD14" s="21">
        <v>9304</v>
      </c>
      <c r="BE14" s="21">
        <v>7268</v>
      </c>
      <c r="BF14" s="21">
        <v>12579</v>
      </c>
      <c r="BG14" s="21">
        <v>16955</v>
      </c>
      <c r="BH14" s="21">
        <v>9778</v>
      </c>
      <c r="BI14" s="21">
        <v>7310</v>
      </c>
      <c r="BJ14" s="14"/>
      <c r="BK14" s="16"/>
      <c r="BL14" s="9"/>
      <c r="BM14" s="9"/>
      <c r="BN14" s="9"/>
      <c r="BO14" s="9" t="s">
        <v>36</v>
      </c>
      <c r="BP14" s="21">
        <f t="shared" si="24"/>
        <v>0</v>
      </c>
      <c r="BQ14" s="21">
        <f t="shared" si="0"/>
        <v>0</v>
      </c>
      <c r="BR14" s="21">
        <f t="shared" si="1"/>
        <v>1</v>
      </c>
      <c r="BS14" s="21">
        <f t="shared" si="2"/>
        <v>-1</v>
      </c>
      <c r="BT14" s="21">
        <f t="shared" si="3"/>
        <v>0</v>
      </c>
      <c r="BU14" s="21">
        <f t="shared" si="4"/>
        <v>1</v>
      </c>
      <c r="BV14" s="21">
        <f t="shared" si="5"/>
        <v>0</v>
      </c>
      <c r="BW14" s="21">
        <f t="shared" si="6"/>
        <v>1</v>
      </c>
      <c r="BX14" s="21">
        <f t="shared" si="7"/>
        <v>1</v>
      </c>
      <c r="BY14" s="21">
        <f t="shared" si="8"/>
        <v>-1</v>
      </c>
      <c r="BZ14" s="21">
        <f t="shared" si="9"/>
        <v>0</v>
      </c>
      <c r="CA14" s="21">
        <f t="shared" si="10"/>
        <v>0</v>
      </c>
      <c r="CB14" s="21">
        <f t="shared" si="11"/>
        <v>-1</v>
      </c>
      <c r="CC14" s="21">
        <f t="shared" si="12"/>
        <v>0</v>
      </c>
      <c r="CD14" s="21">
        <f t="shared" si="13"/>
        <v>0</v>
      </c>
      <c r="CE14" s="21">
        <f t="shared" si="14"/>
        <v>-1</v>
      </c>
      <c r="CF14" s="21">
        <f t="shared" si="15"/>
        <v>0</v>
      </c>
      <c r="CG14" s="21">
        <f t="shared" si="16"/>
        <v>0</v>
      </c>
      <c r="CH14" s="21">
        <f t="shared" si="17"/>
        <v>0</v>
      </c>
      <c r="CI14" s="21">
        <f t="shared" si="18"/>
        <v>0</v>
      </c>
      <c r="CJ14" s="21">
        <f t="shared" si="19"/>
        <v>0</v>
      </c>
      <c r="CK14" s="21">
        <f t="shared" si="20"/>
        <v>0</v>
      </c>
      <c r="CL14" s="21">
        <f t="shared" si="21"/>
        <v>0</v>
      </c>
      <c r="CM14" s="21">
        <f t="shared" si="22"/>
        <v>0</v>
      </c>
      <c r="CN14" s="21">
        <f t="shared" si="23"/>
        <v>0</v>
      </c>
      <c r="CO14" s="20"/>
    </row>
    <row r="15" spans="1:93" x14ac:dyDescent="0.7">
      <c r="A15" s="7"/>
      <c r="D15" s="8" t="s">
        <v>37</v>
      </c>
      <c r="E15" s="8" t="s">
        <v>27</v>
      </c>
      <c r="F15" s="42">
        <v>374882</v>
      </c>
      <c r="G15" s="42">
        <v>384017</v>
      </c>
      <c r="H15" s="42">
        <v>436830</v>
      </c>
      <c r="I15" s="42">
        <v>409069</v>
      </c>
      <c r="J15" s="42">
        <v>312763</v>
      </c>
      <c r="K15" s="42">
        <v>414330</v>
      </c>
      <c r="L15" s="42">
        <v>460006</v>
      </c>
      <c r="M15" s="42">
        <v>449984</v>
      </c>
      <c r="N15" s="42">
        <v>399086</v>
      </c>
      <c r="O15" s="42">
        <v>466156</v>
      </c>
      <c r="P15" s="42">
        <v>479187</v>
      </c>
      <c r="Q15" s="42">
        <v>459928</v>
      </c>
      <c r="R15" s="42">
        <v>413781</v>
      </c>
      <c r="S15" s="42">
        <v>452245</v>
      </c>
      <c r="T15" s="42">
        <v>456223</v>
      </c>
      <c r="U15" s="42">
        <v>452594</v>
      </c>
      <c r="V15" s="42">
        <v>424390</v>
      </c>
      <c r="W15" s="42">
        <v>479938</v>
      </c>
      <c r="X15" s="42">
        <v>495174</v>
      </c>
      <c r="Y15" s="42">
        <v>489498</v>
      </c>
      <c r="Z15" s="42">
        <v>454188</v>
      </c>
      <c r="AA15" s="42">
        <v>553874</v>
      </c>
      <c r="AB15" s="42">
        <v>578637</v>
      </c>
      <c r="AC15" s="42">
        <v>565695</v>
      </c>
      <c r="AD15" s="42">
        <v>515549</v>
      </c>
      <c r="AE15" s="7"/>
      <c r="AF15" s="13"/>
      <c r="AG15" s="9"/>
      <c r="AH15" s="9"/>
      <c r="AI15" s="9" t="s">
        <v>37</v>
      </c>
      <c r="AJ15" s="9" t="s">
        <v>27</v>
      </c>
      <c r="AK15" s="21">
        <v>379506</v>
      </c>
      <c r="AL15" s="21">
        <v>389721</v>
      </c>
      <c r="AM15" s="21">
        <v>444959</v>
      </c>
      <c r="AN15" s="21">
        <v>417094</v>
      </c>
      <c r="AO15" s="21">
        <v>319922</v>
      </c>
      <c r="AP15" s="21">
        <v>424457</v>
      </c>
      <c r="AQ15" s="21">
        <v>477381</v>
      </c>
      <c r="AR15" s="21">
        <v>466247</v>
      </c>
      <c r="AS15" s="21">
        <v>412020</v>
      </c>
      <c r="AT15" s="21">
        <v>483338</v>
      </c>
      <c r="AU15" s="21">
        <v>498984</v>
      </c>
      <c r="AV15" s="21">
        <v>478534</v>
      </c>
      <c r="AW15" s="21">
        <v>451819</v>
      </c>
      <c r="AX15" s="21">
        <v>493627</v>
      </c>
      <c r="AY15" s="21">
        <v>497832</v>
      </c>
      <c r="AZ15" s="21">
        <v>494820</v>
      </c>
      <c r="BA15" s="21">
        <v>463841</v>
      </c>
      <c r="BB15" s="21">
        <v>524390</v>
      </c>
      <c r="BC15" s="21">
        <v>540439</v>
      </c>
      <c r="BD15" s="21">
        <v>524804</v>
      </c>
      <c r="BE15" s="21">
        <v>483838</v>
      </c>
      <c r="BF15" s="21">
        <v>547152</v>
      </c>
      <c r="BG15" s="21">
        <v>571579</v>
      </c>
      <c r="BH15" s="21">
        <v>557401</v>
      </c>
      <c r="BI15" s="21">
        <v>512682</v>
      </c>
      <c r="BJ15" s="14"/>
      <c r="BK15" s="16"/>
      <c r="BL15" s="9"/>
      <c r="BM15" s="9"/>
      <c r="BN15" s="9" t="s">
        <v>37</v>
      </c>
      <c r="BO15" s="9" t="s">
        <v>27</v>
      </c>
      <c r="BP15" s="21">
        <f t="shared" si="24"/>
        <v>4624</v>
      </c>
      <c r="BQ15" s="21">
        <f t="shared" si="0"/>
        <v>5704</v>
      </c>
      <c r="BR15" s="21">
        <f t="shared" si="1"/>
        <v>8129</v>
      </c>
      <c r="BS15" s="21">
        <f t="shared" si="2"/>
        <v>8025</v>
      </c>
      <c r="BT15" s="21">
        <f t="shared" si="3"/>
        <v>7159</v>
      </c>
      <c r="BU15" s="21">
        <f t="shared" si="4"/>
        <v>10127</v>
      </c>
      <c r="BV15" s="21">
        <f t="shared" si="5"/>
        <v>17375</v>
      </c>
      <c r="BW15" s="21">
        <f t="shared" si="6"/>
        <v>16263</v>
      </c>
      <c r="BX15" s="21">
        <f t="shared" si="7"/>
        <v>12934</v>
      </c>
      <c r="BY15" s="21">
        <f t="shared" si="8"/>
        <v>17182</v>
      </c>
      <c r="BZ15" s="21">
        <f t="shared" si="9"/>
        <v>19797</v>
      </c>
      <c r="CA15" s="21">
        <f t="shared" si="10"/>
        <v>18606</v>
      </c>
      <c r="CB15" s="21">
        <f t="shared" si="11"/>
        <v>38038</v>
      </c>
      <c r="CC15" s="21">
        <f t="shared" si="12"/>
        <v>41382</v>
      </c>
      <c r="CD15" s="21">
        <f t="shared" si="13"/>
        <v>41609</v>
      </c>
      <c r="CE15" s="21">
        <f t="shared" si="14"/>
        <v>42226</v>
      </c>
      <c r="CF15" s="21">
        <f t="shared" si="15"/>
        <v>39451</v>
      </c>
      <c r="CG15" s="21">
        <f t="shared" si="16"/>
        <v>44452</v>
      </c>
      <c r="CH15" s="21">
        <f t="shared" si="17"/>
        <v>45265</v>
      </c>
      <c r="CI15" s="21">
        <f t="shared" si="18"/>
        <v>35306</v>
      </c>
      <c r="CJ15" s="21">
        <f t="shared" si="19"/>
        <v>29650</v>
      </c>
      <c r="CK15" s="21">
        <f t="shared" si="20"/>
        <v>-6722</v>
      </c>
      <c r="CL15" s="21">
        <f t="shared" si="21"/>
        <v>-7058</v>
      </c>
      <c r="CM15" s="21">
        <f t="shared" si="22"/>
        <v>-8294</v>
      </c>
      <c r="CN15" s="21">
        <f t="shared" si="23"/>
        <v>-2867</v>
      </c>
      <c r="CO15" s="20"/>
    </row>
    <row r="16" spans="1:93" x14ac:dyDescent="0.7">
      <c r="A16" s="7"/>
      <c r="E16" s="8" t="s">
        <v>28</v>
      </c>
      <c r="F16" s="42">
        <v>365444</v>
      </c>
      <c r="G16" s="42">
        <v>377163</v>
      </c>
      <c r="H16" s="42">
        <v>427534</v>
      </c>
      <c r="I16" s="42">
        <v>401558</v>
      </c>
      <c r="J16" s="42">
        <v>307253</v>
      </c>
      <c r="K16" s="42">
        <v>407019</v>
      </c>
      <c r="L16" s="42">
        <v>450076</v>
      </c>
      <c r="M16" s="42">
        <v>440167</v>
      </c>
      <c r="N16" s="42">
        <v>390389</v>
      </c>
      <c r="O16" s="42">
        <v>455511</v>
      </c>
      <c r="P16" s="42">
        <v>467151</v>
      </c>
      <c r="Q16" s="42">
        <v>448679</v>
      </c>
      <c r="R16" s="42">
        <v>403329</v>
      </c>
      <c r="S16" s="42">
        <v>440916</v>
      </c>
      <c r="T16" s="42">
        <v>443822</v>
      </c>
      <c r="U16" s="42">
        <v>440289</v>
      </c>
      <c r="V16" s="42">
        <v>412433</v>
      </c>
      <c r="W16" s="42">
        <v>466752</v>
      </c>
      <c r="X16" s="42">
        <v>480972</v>
      </c>
      <c r="Y16" s="42">
        <v>476114</v>
      </c>
      <c r="Z16" s="42">
        <v>441966</v>
      </c>
      <c r="AA16" s="42">
        <v>539455</v>
      </c>
      <c r="AB16" s="42">
        <v>562292</v>
      </c>
      <c r="AC16" s="42">
        <v>550224</v>
      </c>
      <c r="AD16" s="42">
        <v>500786</v>
      </c>
      <c r="AE16" s="7"/>
      <c r="AF16" s="13"/>
      <c r="AG16" s="9"/>
      <c r="AH16" s="9"/>
      <c r="AI16" s="9"/>
      <c r="AJ16" s="9" t="s">
        <v>28</v>
      </c>
      <c r="AK16" s="21">
        <v>370067</v>
      </c>
      <c r="AL16" s="21">
        <v>382859</v>
      </c>
      <c r="AM16" s="21">
        <v>435634</v>
      </c>
      <c r="AN16" s="21">
        <v>409559</v>
      </c>
      <c r="AO16" s="21">
        <v>314366</v>
      </c>
      <c r="AP16" s="21">
        <v>417103</v>
      </c>
      <c r="AQ16" s="21">
        <v>467305</v>
      </c>
      <c r="AR16" s="21">
        <v>456306</v>
      </c>
      <c r="AS16" s="21">
        <v>403365</v>
      </c>
      <c r="AT16" s="21">
        <v>472653</v>
      </c>
      <c r="AU16" s="21">
        <v>486675</v>
      </c>
      <c r="AV16" s="21">
        <v>467161</v>
      </c>
      <c r="AW16" s="21">
        <v>440678</v>
      </c>
      <c r="AX16" s="21">
        <v>481618</v>
      </c>
      <c r="AY16" s="21">
        <v>484721</v>
      </c>
      <c r="AZ16" s="21">
        <v>481875</v>
      </c>
      <c r="BA16" s="21">
        <v>451305</v>
      </c>
      <c r="BB16" s="21">
        <v>510648</v>
      </c>
      <c r="BC16" s="21">
        <v>525493</v>
      </c>
      <c r="BD16" s="21">
        <v>510870</v>
      </c>
      <c r="BE16" s="21">
        <v>471095</v>
      </c>
      <c r="BF16" s="21">
        <v>532986</v>
      </c>
      <c r="BG16" s="21">
        <v>555524</v>
      </c>
      <c r="BH16" s="21">
        <v>542283</v>
      </c>
      <c r="BI16" s="21">
        <v>498521</v>
      </c>
      <c r="BJ16" s="14"/>
      <c r="BK16" s="16"/>
      <c r="BL16" s="9"/>
      <c r="BM16" s="9"/>
      <c r="BN16" s="9"/>
      <c r="BO16" s="9" t="s">
        <v>28</v>
      </c>
      <c r="BP16" s="21">
        <f t="shared" si="24"/>
        <v>4623</v>
      </c>
      <c r="BQ16" s="21">
        <f t="shared" si="0"/>
        <v>5696</v>
      </c>
      <c r="BR16" s="21">
        <f t="shared" si="1"/>
        <v>8100</v>
      </c>
      <c r="BS16" s="21">
        <f t="shared" si="2"/>
        <v>8001</v>
      </c>
      <c r="BT16" s="21">
        <f t="shared" si="3"/>
        <v>7113</v>
      </c>
      <c r="BU16" s="21">
        <f t="shared" si="4"/>
        <v>10084</v>
      </c>
      <c r="BV16" s="21">
        <f t="shared" si="5"/>
        <v>17229</v>
      </c>
      <c r="BW16" s="21">
        <f t="shared" si="6"/>
        <v>16139</v>
      </c>
      <c r="BX16" s="21">
        <f t="shared" si="7"/>
        <v>12976</v>
      </c>
      <c r="BY16" s="21">
        <f t="shared" si="8"/>
        <v>17142</v>
      </c>
      <c r="BZ16" s="21">
        <f t="shared" si="9"/>
        <v>19524</v>
      </c>
      <c r="CA16" s="21">
        <f t="shared" si="10"/>
        <v>18482</v>
      </c>
      <c r="CB16" s="21">
        <f t="shared" si="11"/>
        <v>37349</v>
      </c>
      <c r="CC16" s="21">
        <f t="shared" si="12"/>
        <v>40702</v>
      </c>
      <c r="CD16" s="21">
        <f t="shared" si="13"/>
        <v>40899</v>
      </c>
      <c r="CE16" s="21">
        <f t="shared" si="14"/>
        <v>41586</v>
      </c>
      <c r="CF16" s="21">
        <f t="shared" si="15"/>
        <v>38872</v>
      </c>
      <c r="CG16" s="21">
        <f t="shared" si="16"/>
        <v>43896</v>
      </c>
      <c r="CH16" s="21">
        <f t="shared" si="17"/>
        <v>44521</v>
      </c>
      <c r="CI16" s="21">
        <f t="shared" si="18"/>
        <v>34756</v>
      </c>
      <c r="CJ16" s="21">
        <f t="shared" si="19"/>
        <v>29129</v>
      </c>
      <c r="CK16" s="21">
        <f t="shared" si="20"/>
        <v>-6469</v>
      </c>
      <c r="CL16" s="21">
        <f t="shared" si="21"/>
        <v>-6768</v>
      </c>
      <c r="CM16" s="21">
        <f t="shared" si="22"/>
        <v>-7941</v>
      </c>
      <c r="CN16" s="21">
        <f t="shared" si="23"/>
        <v>-2265</v>
      </c>
      <c r="CO16" s="20"/>
    </row>
    <row r="17" spans="1:93" x14ac:dyDescent="0.7">
      <c r="A17" s="7"/>
      <c r="E17" s="8" t="s">
        <v>29</v>
      </c>
      <c r="F17" s="42">
        <v>8071</v>
      </c>
      <c r="G17" s="42">
        <v>8258</v>
      </c>
      <c r="H17" s="42">
        <v>8440</v>
      </c>
      <c r="I17" s="42">
        <v>7877</v>
      </c>
      <c r="J17" s="42">
        <v>6191</v>
      </c>
      <c r="K17" s="42">
        <v>6929</v>
      </c>
      <c r="L17" s="42">
        <v>6779</v>
      </c>
      <c r="M17" s="42">
        <v>6349</v>
      </c>
      <c r="N17" s="42">
        <v>5492</v>
      </c>
      <c r="O17" s="42">
        <v>5996</v>
      </c>
      <c r="P17" s="42">
        <v>5809</v>
      </c>
      <c r="Q17" s="42">
        <v>5855</v>
      </c>
      <c r="R17" s="42">
        <v>5300</v>
      </c>
      <c r="S17" s="42">
        <v>6210</v>
      </c>
      <c r="T17" s="42">
        <v>6869</v>
      </c>
      <c r="U17" s="42">
        <v>7482</v>
      </c>
      <c r="V17" s="42">
        <v>3056</v>
      </c>
      <c r="W17" s="42">
        <v>3104</v>
      </c>
      <c r="X17" s="42">
        <v>2873</v>
      </c>
      <c r="Y17" s="42">
        <v>2650</v>
      </c>
      <c r="Z17" s="42">
        <v>2358</v>
      </c>
      <c r="AA17" s="42">
        <v>2356</v>
      </c>
      <c r="AB17" s="42">
        <v>2172</v>
      </c>
      <c r="AC17" s="42">
        <v>2093</v>
      </c>
      <c r="AD17" s="42">
        <v>1766</v>
      </c>
      <c r="AE17" s="7"/>
      <c r="AF17" s="13"/>
      <c r="AG17" s="9"/>
      <c r="AH17" s="9"/>
      <c r="AI17" s="9"/>
      <c r="AJ17" s="9" t="s">
        <v>29</v>
      </c>
      <c r="AK17" s="21">
        <v>8075</v>
      </c>
      <c r="AL17" s="21">
        <v>8261</v>
      </c>
      <c r="AM17" s="21">
        <v>8444</v>
      </c>
      <c r="AN17" s="21">
        <v>7880</v>
      </c>
      <c r="AO17" s="21">
        <v>6232</v>
      </c>
      <c r="AP17" s="21">
        <v>6962</v>
      </c>
      <c r="AQ17" s="21">
        <v>6860</v>
      </c>
      <c r="AR17" s="21">
        <v>6353</v>
      </c>
      <c r="AS17" s="21">
        <v>5387</v>
      </c>
      <c r="AT17" s="21">
        <v>5578</v>
      </c>
      <c r="AU17" s="21">
        <v>5144</v>
      </c>
      <c r="AV17" s="21">
        <v>4876</v>
      </c>
      <c r="AW17" s="21">
        <v>4204</v>
      </c>
      <c r="AX17" s="21">
        <v>4160</v>
      </c>
      <c r="AY17" s="21">
        <v>3688</v>
      </c>
      <c r="AZ17" s="21">
        <v>3604</v>
      </c>
      <c r="BA17" s="21">
        <v>3061</v>
      </c>
      <c r="BB17" s="21">
        <v>3104</v>
      </c>
      <c r="BC17" s="21">
        <v>2831</v>
      </c>
      <c r="BD17" s="21">
        <v>2650</v>
      </c>
      <c r="BE17" s="21">
        <v>2358</v>
      </c>
      <c r="BF17" s="21">
        <v>2356</v>
      </c>
      <c r="BG17" s="21">
        <v>2172</v>
      </c>
      <c r="BH17" s="21">
        <v>2093</v>
      </c>
      <c r="BI17" s="21">
        <v>1766</v>
      </c>
      <c r="BJ17" s="14"/>
      <c r="BK17" s="16"/>
      <c r="BL17" s="9"/>
      <c r="BM17" s="9"/>
      <c r="BN17" s="9"/>
      <c r="BO17" s="9" t="s">
        <v>29</v>
      </c>
      <c r="BP17" s="21">
        <f t="shared" si="24"/>
        <v>4</v>
      </c>
      <c r="BQ17" s="21">
        <f t="shared" si="0"/>
        <v>3</v>
      </c>
      <c r="BR17" s="21">
        <f t="shared" si="1"/>
        <v>4</v>
      </c>
      <c r="BS17" s="21">
        <f t="shared" si="2"/>
        <v>3</v>
      </c>
      <c r="BT17" s="21">
        <f t="shared" si="3"/>
        <v>41</v>
      </c>
      <c r="BU17" s="21">
        <f t="shared" si="4"/>
        <v>33</v>
      </c>
      <c r="BV17" s="21">
        <f t="shared" si="5"/>
        <v>81</v>
      </c>
      <c r="BW17" s="21">
        <f t="shared" si="6"/>
        <v>4</v>
      </c>
      <c r="BX17" s="21">
        <f t="shared" si="7"/>
        <v>-105</v>
      </c>
      <c r="BY17" s="21">
        <f t="shared" si="8"/>
        <v>-418</v>
      </c>
      <c r="BZ17" s="21">
        <f t="shared" si="9"/>
        <v>-665</v>
      </c>
      <c r="CA17" s="21">
        <f t="shared" si="10"/>
        <v>-979</v>
      </c>
      <c r="CB17" s="21">
        <f t="shared" si="11"/>
        <v>-1096</v>
      </c>
      <c r="CC17" s="21">
        <f t="shared" si="12"/>
        <v>-2050</v>
      </c>
      <c r="CD17" s="21">
        <f t="shared" si="13"/>
        <v>-3181</v>
      </c>
      <c r="CE17" s="21">
        <f t="shared" si="14"/>
        <v>-3878</v>
      </c>
      <c r="CF17" s="21">
        <f t="shared" si="15"/>
        <v>5</v>
      </c>
      <c r="CG17" s="21">
        <f t="shared" si="16"/>
        <v>0</v>
      </c>
      <c r="CH17" s="21">
        <f t="shared" si="17"/>
        <v>-42</v>
      </c>
      <c r="CI17" s="21">
        <f t="shared" si="18"/>
        <v>0</v>
      </c>
      <c r="CJ17" s="21">
        <f t="shared" si="19"/>
        <v>0</v>
      </c>
      <c r="CK17" s="21">
        <f t="shared" si="20"/>
        <v>0</v>
      </c>
      <c r="CL17" s="21">
        <f t="shared" si="21"/>
        <v>0</v>
      </c>
      <c r="CM17" s="21">
        <f t="shared" si="22"/>
        <v>0</v>
      </c>
      <c r="CN17" s="21">
        <f t="shared" si="23"/>
        <v>0</v>
      </c>
      <c r="CO17" s="20"/>
    </row>
    <row r="18" spans="1:93" x14ac:dyDescent="0.7">
      <c r="A18" s="7"/>
      <c r="E18" s="8" t="s">
        <v>30</v>
      </c>
      <c r="F18" s="42">
        <v>257366</v>
      </c>
      <c r="G18" s="42">
        <v>266282</v>
      </c>
      <c r="H18" s="42">
        <v>302356</v>
      </c>
      <c r="I18" s="42">
        <v>282288</v>
      </c>
      <c r="J18" s="42">
        <v>212321</v>
      </c>
      <c r="K18" s="42">
        <v>281484</v>
      </c>
      <c r="L18" s="42">
        <v>312157</v>
      </c>
      <c r="M18" s="42">
        <v>303283</v>
      </c>
      <c r="N18" s="42">
        <v>262230</v>
      </c>
      <c r="O18" s="42">
        <v>307209</v>
      </c>
      <c r="P18" s="42">
        <v>314624</v>
      </c>
      <c r="Q18" s="42">
        <v>299254</v>
      </c>
      <c r="R18" s="42">
        <v>256828</v>
      </c>
      <c r="S18" s="42">
        <v>272707</v>
      </c>
      <c r="T18" s="42">
        <v>268966</v>
      </c>
      <c r="U18" s="42">
        <v>263338</v>
      </c>
      <c r="V18" s="42">
        <v>244578</v>
      </c>
      <c r="W18" s="42">
        <v>272724</v>
      </c>
      <c r="X18" s="42">
        <v>275514</v>
      </c>
      <c r="Y18" s="42">
        <v>274282</v>
      </c>
      <c r="Z18" s="42">
        <v>250002</v>
      </c>
      <c r="AA18" s="42">
        <v>297785</v>
      </c>
      <c r="AB18" s="42">
        <v>309284</v>
      </c>
      <c r="AC18" s="42">
        <v>299955</v>
      </c>
      <c r="AD18" s="42">
        <v>269267</v>
      </c>
      <c r="AE18" s="7"/>
      <c r="AF18" s="13"/>
      <c r="AG18" s="9"/>
      <c r="AH18" s="9"/>
      <c r="AI18" s="9"/>
      <c r="AJ18" s="9" t="s">
        <v>30</v>
      </c>
      <c r="AK18" s="21">
        <v>259742</v>
      </c>
      <c r="AL18" s="21">
        <v>269234</v>
      </c>
      <c r="AM18" s="21">
        <v>306451</v>
      </c>
      <c r="AN18" s="21">
        <v>286212</v>
      </c>
      <c r="AO18" s="21">
        <v>216124</v>
      </c>
      <c r="AP18" s="21">
        <v>286448</v>
      </c>
      <c r="AQ18" s="21">
        <v>321731</v>
      </c>
      <c r="AR18" s="21">
        <v>311241</v>
      </c>
      <c r="AS18" s="21">
        <v>268480</v>
      </c>
      <c r="AT18" s="21">
        <v>316163</v>
      </c>
      <c r="AU18" s="21">
        <v>325108</v>
      </c>
      <c r="AV18" s="21">
        <v>309308</v>
      </c>
      <c r="AW18" s="21">
        <v>275728</v>
      </c>
      <c r="AX18" s="21">
        <v>295607</v>
      </c>
      <c r="AY18" s="21">
        <v>295399</v>
      </c>
      <c r="AZ18" s="21">
        <v>291922</v>
      </c>
      <c r="BA18" s="21">
        <v>266117</v>
      </c>
      <c r="BB18" s="21">
        <v>298179</v>
      </c>
      <c r="BC18" s="21">
        <v>301910</v>
      </c>
      <c r="BD18" s="21">
        <v>291029</v>
      </c>
      <c r="BE18" s="21">
        <v>261406</v>
      </c>
      <c r="BF18" s="21">
        <v>294725</v>
      </c>
      <c r="BG18" s="21">
        <v>306162</v>
      </c>
      <c r="BH18" s="21">
        <v>296474</v>
      </c>
      <c r="BI18" s="21">
        <v>268172</v>
      </c>
      <c r="BJ18" s="14"/>
      <c r="BK18" s="16"/>
      <c r="BL18" s="9"/>
      <c r="BM18" s="9"/>
      <c r="BN18" s="9"/>
      <c r="BO18" s="9" t="s">
        <v>30</v>
      </c>
      <c r="BP18" s="21">
        <f t="shared" si="24"/>
        <v>2376</v>
      </c>
      <c r="BQ18" s="21">
        <f t="shared" si="0"/>
        <v>2952</v>
      </c>
      <c r="BR18" s="21">
        <f t="shared" si="1"/>
        <v>4095</v>
      </c>
      <c r="BS18" s="21">
        <f t="shared" si="2"/>
        <v>3924</v>
      </c>
      <c r="BT18" s="21">
        <f t="shared" si="3"/>
        <v>3803</v>
      </c>
      <c r="BU18" s="21">
        <f t="shared" si="4"/>
        <v>4964</v>
      </c>
      <c r="BV18" s="21">
        <f t="shared" si="5"/>
        <v>9574</v>
      </c>
      <c r="BW18" s="21">
        <f t="shared" si="6"/>
        <v>7958</v>
      </c>
      <c r="BX18" s="21">
        <f t="shared" si="7"/>
        <v>6250</v>
      </c>
      <c r="BY18" s="21">
        <f t="shared" si="8"/>
        <v>8954</v>
      </c>
      <c r="BZ18" s="21">
        <f t="shared" si="9"/>
        <v>10484</v>
      </c>
      <c r="CA18" s="21">
        <f t="shared" si="10"/>
        <v>10054</v>
      </c>
      <c r="CB18" s="21">
        <f t="shared" si="11"/>
        <v>18900</v>
      </c>
      <c r="CC18" s="21">
        <f t="shared" si="12"/>
        <v>22900</v>
      </c>
      <c r="CD18" s="21">
        <f t="shared" si="13"/>
        <v>26433</v>
      </c>
      <c r="CE18" s="21">
        <f t="shared" si="14"/>
        <v>28584</v>
      </c>
      <c r="CF18" s="21">
        <f t="shared" si="15"/>
        <v>21539</v>
      </c>
      <c r="CG18" s="21">
        <f t="shared" si="16"/>
        <v>25455</v>
      </c>
      <c r="CH18" s="21">
        <f t="shared" si="17"/>
        <v>26396</v>
      </c>
      <c r="CI18" s="21">
        <f t="shared" si="18"/>
        <v>16747</v>
      </c>
      <c r="CJ18" s="21">
        <f t="shared" si="19"/>
        <v>11404</v>
      </c>
      <c r="CK18" s="21">
        <f t="shared" si="20"/>
        <v>-3060</v>
      </c>
      <c r="CL18" s="21">
        <f t="shared" si="21"/>
        <v>-3122</v>
      </c>
      <c r="CM18" s="21">
        <f t="shared" si="22"/>
        <v>-3481</v>
      </c>
      <c r="CN18" s="21">
        <f t="shared" si="23"/>
        <v>-1095</v>
      </c>
      <c r="CO18" s="20"/>
    </row>
    <row r="19" spans="1:93" x14ac:dyDescent="0.7">
      <c r="A19" s="7"/>
      <c r="E19" s="8" t="s">
        <v>31</v>
      </c>
      <c r="F19" s="42">
        <v>100007</v>
      </c>
      <c r="G19" s="42">
        <v>102623</v>
      </c>
      <c r="H19" s="42">
        <v>116738</v>
      </c>
      <c r="I19" s="42">
        <v>111393</v>
      </c>
      <c r="J19" s="42">
        <v>88741</v>
      </c>
      <c r="K19" s="42">
        <v>118606</v>
      </c>
      <c r="L19" s="42">
        <v>131140</v>
      </c>
      <c r="M19" s="42">
        <v>130535</v>
      </c>
      <c r="N19" s="42">
        <v>122667</v>
      </c>
      <c r="O19" s="42">
        <v>142306</v>
      </c>
      <c r="P19" s="42">
        <v>146718</v>
      </c>
      <c r="Q19" s="42">
        <v>143570</v>
      </c>
      <c r="R19" s="42">
        <v>141201</v>
      </c>
      <c r="S19" s="42">
        <v>161761</v>
      </c>
      <c r="T19" s="42">
        <v>167794</v>
      </c>
      <c r="U19" s="42">
        <v>169464</v>
      </c>
      <c r="V19" s="42">
        <v>164341</v>
      </c>
      <c r="W19" s="42">
        <v>190600</v>
      </c>
      <c r="X19" s="42">
        <v>202585</v>
      </c>
      <c r="Y19" s="42">
        <v>199182</v>
      </c>
      <c r="Z19" s="42">
        <v>189605</v>
      </c>
      <c r="AA19" s="42">
        <v>239314</v>
      </c>
      <c r="AB19" s="42">
        <v>250837</v>
      </c>
      <c r="AC19" s="42">
        <v>248175</v>
      </c>
      <c r="AD19" s="42">
        <v>229753</v>
      </c>
      <c r="AE19" s="7"/>
      <c r="AF19" s="13"/>
      <c r="AG19" s="9"/>
      <c r="AH19" s="9"/>
      <c r="AI19" s="9"/>
      <c r="AJ19" s="9" t="s">
        <v>31</v>
      </c>
      <c r="AK19" s="21">
        <v>102250</v>
      </c>
      <c r="AL19" s="21">
        <v>105363</v>
      </c>
      <c r="AM19" s="21">
        <v>120739</v>
      </c>
      <c r="AN19" s="21">
        <v>115467</v>
      </c>
      <c r="AO19" s="21">
        <v>92009</v>
      </c>
      <c r="AP19" s="21">
        <v>123693</v>
      </c>
      <c r="AQ19" s="21">
        <v>138714</v>
      </c>
      <c r="AR19" s="21">
        <v>138712</v>
      </c>
      <c r="AS19" s="21">
        <v>129499</v>
      </c>
      <c r="AT19" s="21">
        <v>150912</v>
      </c>
      <c r="AU19" s="21">
        <v>156424</v>
      </c>
      <c r="AV19" s="21">
        <v>152977</v>
      </c>
      <c r="AW19" s="21">
        <v>160864</v>
      </c>
      <c r="AX19" s="21">
        <v>181948</v>
      </c>
      <c r="AY19" s="21">
        <v>185642</v>
      </c>
      <c r="AZ19" s="21">
        <v>186302</v>
      </c>
      <c r="BA19" s="21">
        <v>182137</v>
      </c>
      <c r="BB19" s="21">
        <v>209344</v>
      </c>
      <c r="BC19" s="21">
        <v>220753</v>
      </c>
      <c r="BD19" s="21">
        <v>217191</v>
      </c>
      <c r="BE19" s="21">
        <v>207331</v>
      </c>
      <c r="BF19" s="21">
        <v>235905</v>
      </c>
      <c r="BG19" s="21">
        <v>247190</v>
      </c>
      <c r="BH19" s="21">
        <v>243716</v>
      </c>
      <c r="BI19" s="21">
        <v>228583</v>
      </c>
      <c r="BJ19" s="14"/>
      <c r="BK19" s="16"/>
      <c r="BL19" s="9"/>
      <c r="BM19" s="9"/>
      <c r="BN19" s="9"/>
      <c r="BO19" s="9" t="s">
        <v>31</v>
      </c>
      <c r="BP19" s="21">
        <f t="shared" si="24"/>
        <v>2243</v>
      </c>
      <c r="BQ19" s="21">
        <f t="shared" si="0"/>
        <v>2740</v>
      </c>
      <c r="BR19" s="21">
        <f t="shared" si="1"/>
        <v>4001</v>
      </c>
      <c r="BS19" s="21">
        <f t="shared" si="2"/>
        <v>4074</v>
      </c>
      <c r="BT19" s="21">
        <f t="shared" si="3"/>
        <v>3268</v>
      </c>
      <c r="BU19" s="21">
        <f t="shared" si="4"/>
        <v>5087</v>
      </c>
      <c r="BV19" s="21">
        <f t="shared" si="5"/>
        <v>7574</v>
      </c>
      <c r="BW19" s="21">
        <f t="shared" si="6"/>
        <v>8177</v>
      </c>
      <c r="BX19" s="21">
        <f t="shared" si="7"/>
        <v>6832</v>
      </c>
      <c r="BY19" s="21">
        <f t="shared" si="8"/>
        <v>8606</v>
      </c>
      <c r="BZ19" s="21">
        <f t="shared" si="9"/>
        <v>9706</v>
      </c>
      <c r="CA19" s="21">
        <f t="shared" si="10"/>
        <v>9407</v>
      </c>
      <c r="CB19" s="21">
        <f t="shared" si="11"/>
        <v>19663</v>
      </c>
      <c r="CC19" s="21">
        <f t="shared" si="12"/>
        <v>20187</v>
      </c>
      <c r="CD19" s="21">
        <f t="shared" si="13"/>
        <v>17848</v>
      </c>
      <c r="CE19" s="21">
        <f t="shared" si="14"/>
        <v>16838</v>
      </c>
      <c r="CF19" s="21">
        <f t="shared" si="15"/>
        <v>17796</v>
      </c>
      <c r="CG19" s="21">
        <f t="shared" si="16"/>
        <v>18744</v>
      </c>
      <c r="CH19" s="21">
        <f t="shared" si="17"/>
        <v>18168</v>
      </c>
      <c r="CI19" s="21">
        <f t="shared" si="18"/>
        <v>18009</v>
      </c>
      <c r="CJ19" s="21">
        <f t="shared" si="19"/>
        <v>17726</v>
      </c>
      <c r="CK19" s="21">
        <f t="shared" si="20"/>
        <v>-3409</v>
      </c>
      <c r="CL19" s="21">
        <f t="shared" si="21"/>
        <v>-3647</v>
      </c>
      <c r="CM19" s="21">
        <f t="shared" si="22"/>
        <v>-4459</v>
      </c>
      <c r="CN19" s="21">
        <f t="shared" si="23"/>
        <v>-1170</v>
      </c>
      <c r="CO19" s="20"/>
    </row>
    <row r="20" spans="1:93" x14ac:dyDescent="0.7">
      <c r="A20" s="7"/>
      <c r="E20" s="8" t="s">
        <v>32</v>
      </c>
      <c r="F20" s="42">
        <v>9438</v>
      </c>
      <c r="G20" s="42">
        <v>6854</v>
      </c>
      <c r="H20" s="42">
        <v>9296</v>
      </c>
      <c r="I20" s="42">
        <v>7511</v>
      </c>
      <c r="J20" s="42">
        <v>5510</v>
      </c>
      <c r="K20" s="42">
        <v>7311</v>
      </c>
      <c r="L20" s="42">
        <v>9930</v>
      </c>
      <c r="M20" s="42">
        <v>9817</v>
      </c>
      <c r="N20" s="42">
        <v>8697</v>
      </c>
      <c r="O20" s="42">
        <v>10645</v>
      </c>
      <c r="P20" s="42">
        <v>12036</v>
      </c>
      <c r="Q20" s="42">
        <v>11249</v>
      </c>
      <c r="R20" s="42">
        <v>10452</v>
      </c>
      <c r="S20" s="42">
        <v>11391</v>
      </c>
      <c r="T20" s="42">
        <v>12325</v>
      </c>
      <c r="U20" s="42">
        <v>12277</v>
      </c>
      <c r="V20" s="42">
        <v>11902</v>
      </c>
      <c r="W20" s="42">
        <v>13228</v>
      </c>
      <c r="X20" s="42">
        <v>14202</v>
      </c>
      <c r="Y20" s="42">
        <v>13384</v>
      </c>
      <c r="Z20" s="42">
        <v>12222</v>
      </c>
      <c r="AA20" s="42">
        <v>14420</v>
      </c>
      <c r="AB20" s="42">
        <v>16345</v>
      </c>
      <c r="AC20" s="42">
        <v>15471</v>
      </c>
      <c r="AD20" s="42">
        <v>14763</v>
      </c>
      <c r="AE20" s="7"/>
      <c r="AF20" s="13"/>
      <c r="AG20" s="9"/>
      <c r="AH20" s="9"/>
      <c r="AI20" s="9"/>
      <c r="AJ20" s="9" t="s">
        <v>32</v>
      </c>
      <c r="AK20" s="21">
        <v>9439</v>
      </c>
      <c r="AL20" s="21">
        <v>6862</v>
      </c>
      <c r="AM20" s="21">
        <v>9325</v>
      </c>
      <c r="AN20" s="21">
        <v>7535</v>
      </c>
      <c r="AO20" s="21">
        <v>5556</v>
      </c>
      <c r="AP20" s="21">
        <v>7353</v>
      </c>
      <c r="AQ20" s="21">
        <v>10076</v>
      </c>
      <c r="AR20" s="21">
        <v>9942</v>
      </c>
      <c r="AS20" s="21">
        <v>8654</v>
      </c>
      <c r="AT20" s="21">
        <v>10686</v>
      </c>
      <c r="AU20" s="21">
        <v>12308</v>
      </c>
      <c r="AV20" s="21">
        <v>11374</v>
      </c>
      <c r="AW20" s="21">
        <v>11101</v>
      </c>
      <c r="AX20" s="21">
        <v>12058</v>
      </c>
      <c r="AY20" s="21">
        <v>13001</v>
      </c>
      <c r="AZ20" s="21">
        <v>12914</v>
      </c>
      <c r="BA20" s="21">
        <v>12480</v>
      </c>
      <c r="BB20" s="21">
        <v>13827</v>
      </c>
      <c r="BC20" s="21">
        <v>14946</v>
      </c>
      <c r="BD20" s="21">
        <v>13934</v>
      </c>
      <c r="BE20" s="21">
        <v>12743</v>
      </c>
      <c r="BF20" s="21">
        <v>14166</v>
      </c>
      <c r="BG20" s="21">
        <v>16055</v>
      </c>
      <c r="BH20" s="21">
        <v>15118</v>
      </c>
      <c r="BI20" s="21">
        <v>14161</v>
      </c>
      <c r="BJ20" s="14"/>
      <c r="BK20" s="16"/>
      <c r="BL20" s="9"/>
      <c r="BM20" s="9"/>
      <c r="BN20" s="9"/>
      <c r="BO20" s="9" t="s">
        <v>32</v>
      </c>
      <c r="BP20" s="21">
        <f t="shared" si="24"/>
        <v>1</v>
      </c>
      <c r="BQ20" s="21">
        <f t="shared" si="0"/>
        <v>8</v>
      </c>
      <c r="BR20" s="21">
        <f t="shared" si="1"/>
        <v>29</v>
      </c>
      <c r="BS20" s="21">
        <f t="shared" si="2"/>
        <v>24</v>
      </c>
      <c r="BT20" s="21">
        <f t="shared" si="3"/>
        <v>46</v>
      </c>
      <c r="BU20" s="21">
        <f t="shared" si="4"/>
        <v>42</v>
      </c>
      <c r="BV20" s="21">
        <f t="shared" si="5"/>
        <v>146</v>
      </c>
      <c r="BW20" s="21">
        <f t="shared" si="6"/>
        <v>125</v>
      </c>
      <c r="BX20" s="21">
        <f t="shared" si="7"/>
        <v>-43</v>
      </c>
      <c r="BY20" s="21">
        <f t="shared" si="8"/>
        <v>41</v>
      </c>
      <c r="BZ20" s="21">
        <f t="shared" si="9"/>
        <v>272</v>
      </c>
      <c r="CA20" s="21">
        <f t="shared" si="10"/>
        <v>125</v>
      </c>
      <c r="CB20" s="21">
        <f t="shared" si="11"/>
        <v>649</v>
      </c>
      <c r="CC20" s="21">
        <f t="shared" si="12"/>
        <v>667</v>
      </c>
      <c r="CD20" s="21">
        <f t="shared" si="13"/>
        <v>676</v>
      </c>
      <c r="CE20" s="21">
        <f t="shared" si="14"/>
        <v>637</v>
      </c>
      <c r="CF20" s="21">
        <f t="shared" si="15"/>
        <v>578</v>
      </c>
      <c r="CG20" s="21">
        <f t="shared" si="16"/>
        <v>599</v>
      </c>
      <c r="CH20" s="21">
        <f t="shared" si="17"/>
        <v>744</v>
      </c>
      <c r="CI20" s="21">
        <f t="shared" si="18"/>
        <v>550</v>
      </c>
      <c r="CJ20" s="21">
        <f t="shared" si="19"/>
        <v>521</v>
      </c>
      <c r="CK20" s="21">
        <f t="shared" si="20"/>
        <v>-254</v>
      </c>
      <c r="CL20" s="21">
        <f t="shared" si="21"/>
        <v>-290</v>
      </c>
      <c r="CM20" s="21">
        <f t="shared" si="22"/>
        <v>-353</v>
      </c>
      <c r="CN20" s="21">
        <f t="shared" si="23"/>
        <v>-602</v>
      </c>
      <c r="CO20" s="20"/>
    </row>
    <row r="21" spans="1:93" x14ac:dyDescent="0.7">
      <c r="A21" s="7"/>
      <c r="E21" s="8" t="s">
        <v>33</v>
      </c>
      <c r="F21" s="42">
        <v>9438</v>
      </c>
      <c r="G21" s="42">
        <v>6854</v>
      </c>
      <c r="H21" s="42">
        <v>9296</v>
      </c>
      <c r="I21" s="42">
        <v>7511</v>
      </c>
      <c r="J21" s="42">
        <v>5510</v>
      </c>
      <c r="K21" s="42">
        <v>7311</v>
      </c>
      <c r="L21" s="42">
        <v>9930</v>
      </c>
      <c r="M21" s="42">
        <v>9817</v>
      </c>
      <c r="N21" s="42">
        <v>8697</v>
      </c>
      <c r="O21" s="42">
        <v>10645</v>
      </c>
      <c r="P21" s="42">
        <v>12036</v>
      </c>
      <c r="Q21" s="42">
        <v>11249</v>
      </c>
      <c r="R21" s="42">
        <v>10452</v>
      </c>
      <c r="S21" s="42">
        <v>11391</v>
      </c>
      <c r="T21" s="42">
        <v>12325</v>
      </c>
      <c r="U21" s="42">
        <v>12277</v>
      </c>
      <c r="V21" s="42">
        <v>11902</v>
      </c>
      <c r="W21" s="42">
        <v>13228</v>
      </c>
      <c r="X21" s="42">
        <v>14202</v>
      </c>
      <c r="Y21" s="42">
        <v>13384</v>
      </c>
      <c r="Z21" s="42">
        <v>12222</v>
      </c>
      <c r="AA21" s="42">
        <v>14420</v>
      </c>
      <c r="AB21" s="42">
        <v>16345</v>
      </c>
      <c r="AC21" s="42">
        <v>15471</v>
      </c>
      <c r="AD21" s="42">
        <v>14763</v>
      </c>
      <c r="AE21" s="7"/>
      <c r="AF21" s="13"/>
      <c r="AG21" s="9"/>
      <c r="AH21" s="9"/>
      <c r="AI21" s="9"/>
      <c r="AJ21" s="9" t="s">
        <v>33</v>
      </c>
      <c r="AK21" s="21">
        <v>9439</v>
      </c>
      <c r="AL21" s="21">
        <v>6862</v>
      </c>
      <c r="AM21" s="21">
        <v>9325</v>
      </c>
      <c r="AN21" s="21">
        <v>7535</v>
      </c>
      <c r="AO21" s="21">
        <v>5556</v>
      </c>
      <c r="AP21" s="21">
        <v>7353</v>
      </c>
      <c r="AQ21" s="21">
        <v>10076</v>
      </c>
      <c r="AR21" s="21">
        <v>9942</v>
      </c>
      <c r="AS21" s="21">
        <v>8654</v>
      </c>
      <c r="AT21" s="21">
        <v>10686</v>
      </c>
      <c r="AU21" s="21">
        <v>12308</v>
      </c>
      <c r="AV21" s="21">
        <v>11374</v>
      </c>
      <c r="AW21" s="21">
        <v>11101</v>
      </c>
      <c r="AX21" s="21">
        <v>12058</v>
      </c>
      <c r="AY21" s="21">
        <v>13001</v>
      </c>
      <c r="AZ21" s="21">
        <v>12914</v>
      </c>
      <c r="BA21" s="21">
        <v>12480</v>
      </c>
      <c r="BB21" s="21">
        <v>13827</v>
      </c>
      <c r="BC21" s="21">
        <v>14946</v>
      </c>
      <c r="BD21" s="21">
        <v>13934</v>
      </c>
      <c r="BE21" s="21">
        <v>12743</v>
      </c>
      <c r="BF21" s="21">
        <v>14166</v>
      </c>
      <c r="BG21" s="21">
        <v>16055</v>
      </c>
      <c r="BH21" s="21">
        <v>15118</v>
      </c>
      <c r="BI21" s="21">
        <v>14161</v>
      </c>
      <c r="BJ21" s="14"/>
      <c r="BK21" s="16"/>
      <c r="BL21" s="9"/>
      <c r="BM21" s="9"/>
      <c r="BN21" s="9"/>
      <c r="BO21" s="9" t="s">
        <v>33</v>
      </c>
      <c r="BP21" s="21">
        <f t="shared" si="24"/>
        <v>1</v>
      </c>
      <c r="BQ21" s="21">
        <f t="shared" si="0"/>
        <v>8</v>
      </c>
      <c r="BR21" s="21">
        <f t="shared" si="1"/>
        <v>29</v>
      </c>
      <c r="BS21" s="21">
        <f t="shared" si="2"/>
        <v>24</v>
      </c>
      <c r="BT21" s="21">
        <f t="shared" si="3"/>
        <v>46</v>
      </c>
      <c r="BU21" s="21">
        <f t="shared" si="4"/>
        <v>42</v>
      </c>
      <c r="BV21" s="21">
        <f t="shared" si="5"/>
        <v>146</v>
      </c>
      <c r="BW21" s="21">
        <f t="shared" si="6"/>
        <v>125</v>
      </c>
      <c r="BX21" s="21">
        <f t="shared" si="7"/>
        <v>-43</v>
      </c>
      <c r="BY21" s="21">
        <f t="shared" si="8"/>
        <v>41</v>
      </c>
      <c r="BZ21" s="21">
        <f t="shared" si="9"/>
        <v>272</v>
      </c>
      <c r="CA21" s="21">
        <f t="shared" si="10"/>
        <v>125</v>
      </c>
      <c r="CB21" s="21">
        <f t="shared" si="11"/>
        <v>649</v>
      </c>
      <c r="CC21" s="21">
        <f t="shared" si="12"/>
        <v>667</v>
      </c>
      <c r="CD21" s="21">
        <f t="shared" si="13"/>
        <v>676</v>
      </c>
      <c r="CE21" s="21">
        <f t="shared" si="14"/>
        <v>637</v>
      </c>
      <c r="CF21" s="21">
        <f t="shared" si="15"/>
        <v>578</v>
      </c>
      <c r="CG21" s="21">
        <f t="shared" si="16"/>
        <v>599</v>
      </c>
      <c r="CH21" s="21">
        <f t="shared" si="17"/>
        <v>744</v>
      </c>
      <c r="CI21" s="21">
        <f t="shared" si="18"/>
        <v>550</v>
      </c>
      <c r="CJ21" s="21">
        <f t="shared" si="19"/>
        <v>521</v>
      </c>
      <c r="CK21" s="21">
        <f t="shared" si="20"/>
        <v>-254</v>
      </c>
      <c r="CL21" s="21">
        <f t="shared" si="21"/>
        <v>-290</v>
      </c>
      <c r="CM21" s="21">
        <f t="shared" si="22"/>
        <v>-353</v>
      </c>
      <c r="CN21" s="21">
        <f t="shared" si="23"/>
        <v>-602</v>
      </c>
      <c r="CO21" s="20"/>
    </row>
    <row r="22" spans="1:93" x14ac:dyDescent="0.7">
      <c r="A22" s="7"/>
      <c r="E22" s="8" t="s">
        <v>34</v>
      </c>
      <c r="F22" s="42">
        <v>11440</v>
      </c>
      <c r="G22" s="42">
        <v>4406</v>
      </c>
      <c r="H22" s="42">
        <v>15926</v>
      </c>
      <c r="I22" s="42">
        <v>6189</v>
      </c>
      <c r="J22" s="42">
        <v>3423</v>
      </c>
      <c r="K22" s="42">
        <v>6426</v>
      </c>
      <c r="L22" s="42">
        <v>21445</v>
      </c>
      <c r="M22" s="42">
        <v>16887</v>
      </c>
      <c r="N22" s="42">
        <v>11806</v>
      </c>
      <c r="O22" s="42">
        <v>24541</v>
      </c>
      <c r="P22" s="42">
        <v>41554</v>
      </c>
      <c r="Q22" s="42">
        <v>20850</v>
      </c>
      <c r="R22" s="42">
        <v>15622</v>
      </c>
      <c r="S22" s="42">
        <v>26858</v>
      </c>
      <c r="T22" s="42">
        <v>37101</v>
      </c>
      <c r="U22" s="42">
        <v>21173</v>
      </c>
      <c r="V22" s="42">
        <v>17483</v>
      </c>
      <c r="W22" s="42">
        <v>29224</v>
      </c>
      <c r="X22" s="42">
        <v>45291</v>
      </c>
      <c r="Y22" s="42">
        <v>25248</v>
      </c>
      <c r="Z22" s="42">
        <v>19061</v>
      </c>
      <c r="AA22" s="42">
        <v>33476</v>
      </c>
      <c r="AB22" s="42">
        <v>47693</v>
      </c>
      <c r="AC22" s="42">
        <v>28088</v>
      </c>
      <c r="AD22" s="42">
        <v>20109</v>
      </c>
      <c r="AE22" s="7"/>
      <c r="AF22" s="13"/>
      <c r="AG22" s="9"/>
      <c r="AH22" s="9"/>
      <c r="AI22" s="9"/>
      <c r="AJ22" s="9" t="s">
        <v>34</v>
      </c>
      <c r="AK22" s="21">
        <v>11440</v>
      </c>
      <c r="AL22" s="21">
        <v>4406</v>
      </c>
      <c r="AM22" s="21">
        <v>15926</v>
      </c>
      <c r="AN22" s="21">
        <v>6188</v>
      </c>
      <c r="AO22" s="21">
        <v>3423</v>
      </c>
      <c r="AP22" s="21">
        <v>6426</v>
      </c>
      <c r="AQ22" s="21">
        <v>21444</v>
      </c>
      <c r="AR22" s="21">
        <v>16888</v>
      </c>
      <c r="AS22" s="21">
        <v>11807</v>
      </c>
      <c r="AT22" s="21">
        <v>24540</v>
      </c>
      <c r="AU22" s="21">
        <v>41554</v>
      </c>
      <c r="AV22" s="21">
        <v>20850</v>
      </c>
      <c r="AW22" s="21">
        <v>16388</v>
      </c>
      <c r="AX22" s="21">
        <v>27941</v>
      </c>
      <c r="AY22" s="21">
        <v>38281</v>
      </c>
      <c r="AZ22" s="21">
        <v>21671</v>
      </c>
      <c r="BA22" s="21">
        <v>17753</v>
      </c>
      <c r="BB22" s="21">
        <v>29447</v>
      </c>
      <c r="BC22" s="21">
        <v>45291</v>
      </c>
      <c r="BD22" s="21">
        <v>25248</v>
      </c>
      <c r="BE22" s="21">
        <v>19061</v>
      </c>
      <c r="BF22" s="21">
        <v>33476</v>
      </c>
      <c r="BG22" s="21">
        <v>47693</v>
      </c>
      <c r="BH22" s="21">
        <v>28088</v>
      </c>
      <c r="BI22" s="21">
        <v>20109</v>
      </c>
      <c r="BJ22" s="14"/>
      <c r="BK22" s="16"/>
      <c r="BL22" s="9"/>
      <c r="BM22" s="9"/>
      <c r="BN22" s="9"/>
      <c r="BO22" s="9" t="s">
        <v>34</v>
      </c>
      <c r="BP22" s="21">
        <f t="shared" si="24"/>
        <v>0</v>
      </c>
      <c r="BQ22" s="21">
        <f t="shared" si="0"/>
        <v>0</v>
      </c>
      <c r="BR22" s="21">
        <f t="shared" si="1"/>
        <v>0</v>
      </c>
      <c r="BS22" s="21">
        <f t="shared" si="2"/>
        <v>-1</v>
      </c>
      <c r="BT22" s="21">
        <f t="shared" si="3"/>
        <v>0</v>
      </c>
      <c r="BU22" s="21">
        <f t="shared" si="4"/>
        <v>0</v>
      </c>
      <c r="BV22" s="21">
        <f t="shared" si="5"/>
        <v>-1</v>
      </c>
      <c r="BW22" s="21">
        <f t="shared" si="6"/>
        <v>1</v>
      </c>
      <c r="BX22" s="21">
        <f t="shared" si="7"/>
        <v>1</v>
      </c>
      <c r="BY22" s="21">
        <f t="shared" si="8"/>
        <v>-1</v>
      </c>
      <c r="BZ22" s="21">
        <f t="shared" si="9"/>
        <v>0</v>
      </c>
      <c r="CA22" s="21">
        <f t="shared" si="10"/>
        <v>0</v>
      </c>
      <c r="CB22" s="21">
        <f t="shared" si="11"/>
        <v>766</v>
      </c>
      <c r="CC22" s="21">
        <f t="shared" si="12"/>
        <v>1083</v>
      </c>
      <c r="CD22" s="21">
        <f t="shared" si="13"/>
        <v>1180</v>
      </c>
      <c r="CE22" s="21">
        <f t="shared" si="14"/>
        <v>498</v>
      </c>
      <c r="CF22" s="21">
        <f t="shared" si="15"/>
        <v>270</v>
      </c>
      <c r="CG22" s="21">
        <f t="shared" si="16"/>
        <v>223</v>
      </c>
      <c r="CH22" s="21">
        <f t="shared" si="17"/>
        <v>0</v>
      </c>
      <c r="CI22" s="21">
        <f t="shared" si="18"/>
        <v>0</v>
      </c>
      <c r="CJ22" s="21">
        <f t="shared" si="19"/>
        <v>0</v>
      </c>
      <c r="CK22" s="21">
        <f t="shared" si="20"/>
        <v>0</v>
      </c>
      <c r="CL22" s="21">
        <f t="shared" si="21"/>
        <v>0</v>
      </c>
      <c r="CM22" s="21">
        <f t="shared" si="22"/>
        <v>0</v>
      </c>
      <c r="CN22" s="21">
        <f t="shared" si="23"/>
        <v>0</v>
      </c>
      <c r="CO22" s="20"/>
    </row>
    <row r="23" spans="1:93" x14ac:dyDescent="0.7">
      <c r="A23" s="7"/>
      <c r="E23" s="8" t="s">
        <v>35</v>
      </c>
      <c r="F23" s="42">
        <v>7840</v>
      </c>
      <c r="G23" s="42">
        <v>3352</v>
      </c>
      <c r="H23" s="42">
        <v>11433</v>
      </c>
      <c r="I23" s="42">
        <v>4655</v>
      </c>
      <c r="J23" s="42">
        <v>2802</v>
      </c>
      <c r="K23" s="42">
        <v>4923</v>
      </c>
      <c r="L23" s="42">
        <v>15306</v>
      </c>
      <c r="M23" s="42">
        <v>12282</v>
      </c>
      <c r="N23" s="42">
        <v>8798</v>
      </c>
      <c r="O23" s="42">
        <v>17380</v>
      </c>
      <c r="P23" s="42">
        <v>29785</v>
      </c>
      <c r="Q23" s="42">
        <v>15207</v>
      </c>
      <c r="R23" s="42">
        <v>11562</v>
      </c>
      <c r="S23" s="42">
        <v>19126</v>
      </c>
      <c r="T23" s="42">
        <v>26636</v>
      </c>
      <c r="U23" s="42">
        <v>15344</v>
      </c>
      <c r="V23" s="42">
        <v>12823</v>
      </c>
      <c r="W23" s="42">
        <v>20631</v>
      </c>
      <c r="X23" s="42">
        <v>32400</v>
      </c>
      <c r="Y23" s="42">
        <v>18460</v>
      </c>
      <c r="Z23" s="42">
        <v>14131</v>
      </c>
      <c r="AA23" s="42">
        <v>23822</v>
      </c>
      <c r="AB23" s="42">
        <v>34016</v>
      </c>
      <c r="AC23" s="42">
        <v>20711</v>
      </c>
      <c r="AD23" s="42">
        <v>14944</v>
      </c>
      <c r="AE23" s="7"/>
      <c r="AF23" s="13"/>
      <c r="AG23" s="9"/>
      <c r="AH23" s="9"/>
      <c r="AI23" s="9"/>
      <c r="AJ23" s="9" t="s">
        <v>35</v>
      </c>
      <c r="AK23" s="21">
        <v>7840</v>
      </c>
      <c r="AL23" s="21">
        <v>3352</v>
      </c>
      <c r="AM23" s="21">
        <v>11433</v>
      </c>
      <c r="AN23" s="21">
        <v>4655</v>
      </c>
      <c r="AO23" s="21">
        <v>2802</v>
      </c>
      <c r="AP23" s="21">
        <v>4923</v>
      </c>
      <c r="AQ23" s="21">
        <v>15306</v>
      </c>
      <c r="AR23" s="21">
        <v>12282</v>
      </c>
      <c r="AS23" s="21">
        <v>8798</v>
      </c>
      <c r="AT23" s="21">
        <v>17380</v>
      </c>
      <c r="AU23" s="21">
        <v>29785</v>
      </c>
      <c r="AV23" s="21">
        <v>15207</v>
      </c>
      <c r="AW23" s="21">
        <v>11990</v>
      </c>
      <c r="AX23" s="21">
        <v>19710</v>
      </c>
      <c r="AY23" s="21">
        <v>27281</v>
      </c>
      <c r="AZ23" s="21">
        <v>15619</v>
      </c>
      <c r="BA23" s="21">
        <v>12974</v>
      </c>
      <c r="BB23" s="21">
        <v>20752</v>
      </c>
      <c r="BC23" s="21">
        <v>32400</v>
      </c>
      <c r="BD23" s="21">
        <v>18460</v>
      </c>
      <c r="BE23" s="21">
        <v>14131</v>
      </c>
      <c r="BF23" s="21">
        <v>23822</v>
      </c>
      <c r="BG23" s="21">
        <v>34016</v>
      </c>
      <c r="BH23" s="21">
        <v>20711</v>
      </c>
      <c r="BI23" s="21">
        <v>14944</v>
      </c>
      <c r="BJ23" s="14"/>
      <c r="BK23" s="16"/>
      <c r="BL23" s="9"/>
      <c r="BM23" s="9"/>
      <c r="BN23" s="9"/>
      <c r="BO23" s="9" t="s">
        <v>35</v>
      </c>
      <c r="BP23" s="21">
        <f t="shared" si="24"/>
        <v>0</v>
      </c>
      <c r="BQ23" s="21">
        <f t="shared" si="0"/>
        <v>0</v>
      </c>
      <c r="BR23" s="21">
        <f t="shared" si="1"/>
        <v>0</v>
      </c>
      <c r="BS23" s="21">
        <f t="shared" si="2"/>
        <v>0</v>
      </c>
      <c r="BT23" s="21">
        <f t="shared" si="3"/>
        <v>0</v>
      </c>
      <c r="BU23" s="21">
        <f t="shared" si="4"/>
        <v>0</v>
      </c>
      <c r="BV23" s="21">
        <f t="shared" si="5"/>
        <v>0</v>
      </c>
      <c r="BW23" s="21">
        <f t="shared" si="6"/>
        <v>0</v>
      </c>
      <c r="BX23" s="21">
        <f t="shared" si="7"/>
        <v>0</v>
      </c>
      <c r="BY23" s="21">
        <f t="shared" si="8"/>
        <v>0</v>
      </c>
      <c r="BZ23" s="21">
        <f t="shared" si="9"/>
        <v>0</v>
      </c>
      <c r="CA23" s="21">
        <f t="shared" si="10"/>
        <v>0</v>
      </c>
      <c r="CB23" s="21">
        <f t="shared" si="11"/>
        <v>428</v>
      </c>
      <c r="CC23" s="21">
        <f t="shared" si="12"/>
        <v>584</v>
      </c>
      <c r="CD23" s="21">
        <f t="shared" si="13"/>
        <v>645</v>
      </c>
      <c r="CE23" s="21">
        <f t="shared" si="14"/>
        <v>275</v>
      </c>
      <c r="CF23" s="21">
        <f t="shared" si="15"/>
        <v>151</v>
      </c>
      <c r="CG23" s="21">
        <f t="shared" si="16"/>
        <v>121</v>
      </c>
      <c r="CH23" s="21">
        <f t="shared" si="17"/>
        <v>0</v>
      </c>
      <c r="CI23" s="21">
        <f t="shared" si="18"/>
        <v>0</v>
      </c>
      <c r="CJ23" s="21">
        <f t="shared" si="19"/>
        <v>0</v>
      </c>
      <c r="CK23" s="21">
        <f t="shared" si="20"/>
        <v>0</v>
      </c>
      <c r="CL23" s="21">
        <f t="shared" si="21"/>
        <v>0</v>
      </c>
      <c r="CM23" s="21">
        <f t="shared" si="22"/>
        <v>0</v>
      </c>
      <c r="CN23" s="21">
        <f t="shared" si="23"/>
        <v>0</v>
      </c>
      <c r="CO23" s="20"/>
    </row>
    <row r="24" spans="1:93" x14ac:dyDescent="0.7">
      <c r="A24" s="7"/>
      <c r="E24" s="8" t="s">
        <v>36</v>
      </c>
      <c r="F24" s="42">
        <v>3600</v>
      </c>
      <c r="G24" s="42">
        <v>1054</v>
      </c>
      <c r="H24" s="42">
        <v>4493</v>
      </c>
      <c r="I24" s="42">
        <v>1534</v>
      </c>
      <c r="J24" s="42">
        <v>621</v>
      </c>
      <c r="K24" s="42">
        <v>1503</v>
      </c>
      <c r="L24" s="42">
        <v>6139</v>
      </c>
      <c r="M24" s="42">
        <v>4605</v>
      </c>
      <c r="N24" s="42">
        <v>3008</v>
      </c>
      <c r="O24" s="42">
        <v>7161</v>
      </c>
      <c r="P24" s="42">
        <v>11769</v>
      </c>
      <c r="Q24" s="42">
        <v>5643</v>
      </c>
      <c r="R24" s="42">
        <v>4060</v>
      </c>
      <c r="S24" s="42">
        <v>7642</v>
      </c>
      <c r="T24" s="42">
        <v>10395</v>
      </c>
      <c r="U24" s="42">
        <v>5819</v>
      </c>
      <c r="V24" s="42">
        <v>4676</v>
      </c>
      <c r="W24" s="42">
        <v>8553</v>
      </c>
      <c r="X24" s="42">
        <v>12890</v>
      </c>
      <c r="Y24" s="42">
        <v>6788</v>
      </c>
      <c r="Z24" s="42">
        <v>4929</v>
      </c>
      <c r="AA24" s="42">
        <v>9654</v>
      </c>
      <c r="AB24" s="42">
        <v>13677</v>
      </c>
      <c r="AC24" s="42">
        <v>7377</v>
      </c>
      <c r="AD24" s="42">
        <v>5165</v>
      </c>
      <c r="AE24" s="7"/>
      <c r="AF24" s="13"/>
      <c r="AG24" s="9"/>
      <c r="AH24" s="9"/>
      <c r="AI24" s="9"/>
      <c r="AJ24" s="9" t="s">
        <v>36</v>
      </c>
      <c r="AK24" s="21">
        <v>3600</v>
      </c>
      <c r="AL24" s="21">
        <v>1054</v>
      </c>
      <c r="AM24" s="21">
        <v>4493</v>
      </c>
      <c r="AN24" s="21">
        <v>1534</v>
      </c>
      <c r="AO24" s="21">
        <v>621</v>
      </c>
      <c r="AP24" s="21">
        <v>1503</v>
      </c>
      <c r="AQ24" s="21">
        <v>6139</v>
      </c>
      <c r="AR24" s="21">
        <v>4605</v>
      </c>
      <c r="AS24" s="21">
        <v>3008</v>
      </c>
      <c r="AT24" s="21">
        <v>7161</v>
      </c>
      <c r="AU24" s="21">
        <v>11769</v>
      </c>
      <c r="AV24" s="21">
        <v>5643</v>
      </c>
      <c r="AW24" s="21">
        <v>4404</v>
      </c>
      <c r="AX24" s="21">
        <v>8170</v>
      </c>
      <c r="AY24" s="21">
        <v>10955</v>
      </c>
      <c r="AZ24" s="21">
        <v>6049</v>
      </c>
      <c r="BA24" s="21">
        <v>4797</v>
      </c>
      <c r="BB24" s="21">
        <v>8661</v>
      </c>
      <c r="BC24" s="21">
        <v>12890</v>
      </c>
      <c r="BD24" s="21">
        <v>6788</v>
      </c>
      <c r="BE24" s="21">
        <v>4929</v>
      </c>
      <c r="BF24" s="21">
        <v>9654</v>
      </c>
      <c r="BG24" s="21">
        <v>13677</v>
      </c>
      <c r="BH24" s="21">
        <v>7377</v>
      </c>
      <c r="BI24" s="21">
        <v>5165</v>
      </c>
      <c r="BJ24" s="14"/>
      <c r="BK24" s="16"/>
      <c r="BL24" s="9"/>
      <c r="BM24" s="9"/>
      <c r="BN24" s="9"/>
      <c r="BO24" s="9" t="s">
        <v>36</v>
      </c>
      <c r="BP24" s="21">
        <f t="shared" si="24"/>
        <v>0</v>
      </c>
      <c r="BQ24" s="21">
        <f t="shared" si="0"/>
        <v>0</v>
      </c>
      <c r="BR24" s="21">
        <f t="shared" si="1"/>
        <v>0</v>
      </c>
      <c r="BS24" s="21">
        <f t="shared" si="2"/>
        <v>0</v>
      </c>
      <c r="BT24" s="21">
        <f t="shared" si="3"/>
        <v>0</v>
      </c>
      <c r="BU24" s="21">
        <f t="shared" si="4"/>
        <v>0</v>
      </c>
      <c r="BV24" s="21">
        <f t="shared" si="5"/>
        <v>0</v>
      </c>
      <c r="BW24" s="21">
        <f t="shared" si="6"/>
        <v>0</v>
      </c>
      <c r="BX24" s="21">
        <f t="shared" si="7"/>
        <v>0</v>
      </c>
      <c r="BY24" s="21">
        <f t="shared" si="8"/>
        <v>0</v>
      </c>
      <c r="BZ24" s="21">
        <f t="shared" si="9"/>
        <v>0</v>
      </c>
      <c r="CA24" s="21">
        <f t="shared" si="10"/>
        <v>0</v>
      </c>
      <c r="CB24" s="21">
        <f t="shared" si="11"/>
        <v>344</v>
      </c>
      <c r="CC24" s="21">
        <f t="shared" si="12"/>
        <v>528</v>
      </c>
      <c r="CD24" s="21">
        <f t="shared" si="13"/>
        <v>560</v>
      </c>
      <c r="CE24" s="21">
        <f t="shared" si="14"/>
        <v>230</v>
      </c>
      <c r="CF24" s="21">
        <f t="shared" si="15"/>
        <v>121</v>
      </c>
      <c r="CG24" s="21">
        <f t="shared" si="16"/>
        <v>108</v>
      </c>
      <c r="CH24" s="21">
        <f t="shared" si="17"/>
        <v>0</v>
      </c>
      <c r="CI24" s="21">
        <f t="shared" si="18"/>
        <v>0</v>
      </c>
      <c r="CJ24" s="21">
        <f t="shared" si="19"/>
        <v>0</v>
      </c>
      <c r="CK24" s="21">
        <f t="shared" si="20"/>
        <v>0</v>
      </c>
      <c r="CL24" s="21">
        <f t="shared" si="21"/>
        <v>0</v>
      </c>
      <c r="CM24" s="21">
        <f t="shared" si="22"/>
        <v>0</v>
      </c>
      <c r="CN24" s="21">
        <f t="shared" si="23"/>
        <v>0</v>
      </c>
      <c r="CO24" s="20"/>
    </row>
    <row r="25" spans="1:93" x14ac:dyDescent="0.7">
      <c r="A25" s="7"/>
      <c r="D25" s="8" t="s">
        <v>38</v>
      </c>
      <c r="E25" s="8" t="s">
        <v>27</v>
      </c>
      <c r="F25" s="42">
        <v>119109</v>
      </c>
      <c r="G25" s="42">
        <v>122911</v>
      </c>
      <c r="H25" s="42">
        <v>131496</v>
      </c>
      <c r="I25" s="42">
        <v>147190</v>
      </c>
      <c r="J25" s="42">
        <v>134989</v>
      </c>
      <c r="K25" s="42">
        <v>138366</v>
      </c>
      <c r="L25" s="42">
        <v>143282</v>
      </c>
      <c r="M25" s="42">
        <v>152130</v>
      </c>
      <c r="N25" s="42">
        <v>138440</v>
      </c>
      <c r="O25" s="42">
        <v>145412</v>
      </c>
      <c r="P25" s="42">
        <v>146101</v>
      </c>
      <c r="Q25" s="42">
        <v>153076</v>
      </c>
      <c r="R25" s="42">
        <v>150121</v>
      </c>
      <c r="S25" s="42">
        <v>163564</v>
      </c>
      <c r="T25" s="42">
        <v>164491</v>
      </c>
      <c r="U25" s="42">
        <v>162677</v>
      </c>
      <c r="V25" s="42">
        <v>152070</v>
      </c>
      <c r="W25" s="42">
        <v>171446</v>
      </c>
      <c r="X25" s="42">
        <v>176347</v>
      </c>
      <c r="Y25" s="42">
        <v>186467</v>
      </c>
      <c r="Z25" s="42">
        <v>176562</v>
      </c>
      <c r="AA25" s="42">
        <v>135136</v>
      </c>
      <c r="AB25" s="42">
        <v>134342</v>
      </c>
      <c r="AC25" s="42">
        <v>152053</v>
      </c>
      <c r="AD25" s="42">
        <v>152007</v>
      </c>
      <c r="AE25" s="7"/>
      <c r="AF25" s="13"/>
      <c r="AG25" s="9"/>
      <c r="AH25" s="9"/>
      <c r="AI25" s="9" t="s">
        <v>38</v>
      </c>
      <c r="AJ25" s="9" t="s">
        <v>27</v>
      </c>
      <c r="AK25" s="21">
        <v>114399</v>
      </c>
      <c r="AL25" s="21">
        <v>117095</v>
      </c>
      <c r="AM25" s="21">
        <v>123170</v>
      </c>
      <c r="AN25" s="21">
        <v>138974</v>
      </c>
      <c r="AO25" s="21">
        <v>128416</v>
      </c>
      <c r="AP25" s="21">
        <v>127990</v>
      </c>
      <c r="AQ25" s="21">
        <v>129510</v>
      </c>
      <c r="AR25" s="21">
        <v>135571</v>
      </c>
      <c r="AS25" s="21">
        <v>128170</v>
      </c>
      <c r="AT25" s="21">
        <v>131014</v>
      </c>
      <c r="AU25" s="21">
        <v>129041</v>
      </c>
      <c r="AV25" s="21">
        <v>136184</v>
      </c>
      <c r="AW25" s="21">
        <v>127522</v>
      </c>
      <c r="AX25" s="21">
        <v>138172</v>
      </c>
      <c r="AY25" s="21">
        <v>138197</v>
      </c>
      <c r="AZ25" s="21">
        <v>136222</v>
      </c>
      <c r="BA25" s="21">
        <v>126633</v>
      </c>
      <c r="BB25" s="21">
        <v>141972</v>
      </c>
      <c r="BC25" s="21">
        <v>145096</v>
      </c>
      <c r="BD25" s="21">
        <v>157010</v>
      </c>
      <c r="BE25" s="21">
        <v>145534</v>
      </c>
      <c r="BF25" s="21">
        <v>149959</v>
      </c>
      <c r="BG25" s="21">
        <v>149710</v>
      </c>
      <c r="BH25" s="21">
        <v>161614</v>
      </c>
      <c r="BI25" s="21">
        <v>156097</v>
      </c>
      <c r="BJ25" s="14"/>
      <c r="BK25" s="16"/>
      <c r="BL25" s="9"/>
      <c r="BM25" s="9"/>
      <c r="BN25" s="9" t="s">
        <v>38</v>
      </c>
      <c r="BO25" s="9" t="s">
        <v>27</v>
      </c>
      <c r="BP25" s="21">
        <f t="shared" si="24"/>
        <v>-4710</v>
      </c>
      <c r="BQ25" s="21">
        <f t="shared" si="0"/>
        <v>-5816</v>
      </c>
      <c r="BR25" s="21">
        <f t="shared" si="1"/>
        <v>-8326</v>
      </c>
      <c r="BS25" s="21">
        <f t="shared" si="2"/>
        <v>-8216</v>
      </c>
      <c r="BT25" s="21">
        <f t="shared" si="3"/>
        <v>-6573</v>
      </c>
      <c r="BU25" s="21">
        <f t="shared" si="4"/>
        <v>-10376</v>
      </c>
      <c r="BV25" s="21">
        <f t="shared" si="5"/>
        <v>-13772</v>
      </c>
      <c r="BW25" s="21">
        <f t="shared" si="6"/>
        <v>-16559</v>
      </c>
      <c r="BX25" s="21">
        <f t="shared" si="7"/>
        <v>-10270</v>
      </c>
      <c r="BY25" s="21">
        <f t="shared" si="8"/>
        <v>-14398</v>
      </c>
      <c r="BZ25" s="21">
        <f t="shared" si="9"/>
        <v>-17060</v>
      </c>
      <c r="CA25" s="21">
        <f t="shared" si="10"/>
        <v>-16892</v>
      </c>
      <c r="CB25" s="21">
        <f t="shared" si="11"/>
        <v>-22599</v>
      </c>
      <c r="CC25" s="21">
        <f t="shared" si="12"/>
        <v>-25392</v>
      </c>
      <c r="CD25" s="21">
        <f t="shared" si="13"/>
        <v>-26294</v>
      </c>
      <c r="CE25" s="21">
        <f t="shared" si="14"/>
        <v>-26455</v>
      </c>
      <c r="CF25" s="21">
        <f t="shared" si="15"/>
        <v>-25437</v>
      </c>
      <c r="CG25" s="21">
        <f t="shared" si="16"/>
        <v>-29474</v>
      </c>
      <c r="CH25" s="21">
        <f t="shared" si="17"/>
        <v>-31251</v>
      </c>
      <c r="CI25" s="21">
        <f t="shared" si="18"/>
        <v>-29457</v>
      </c>
      <c r="CJ25" s="21">
        <f t="shared" si="19"/>
        <v>-31028</v>
      </c>
      <c r="CK25" s="21">
        <f t="shared" si="20"/>
        <v>14823</v>
      </c>
      <c r="CL25" s="21">
        <f t="shared" si="21"/>
        <v>15368</v>
      </c>
      <c r="CM25" s="21">
        <f t="shared" si="22"/>
        <v>9561</v>
      </c>
      <c r="CN25" s="21">
        <f t="shared" si="23"/>
        <v>4090</v>
      </c>
      <c r="CO25" s="20"/>
    </row>
    <row r="26" spans="1:93" x14ac:dyDescent="0.7">
      <c r="A26" s="7"/>
      <c r="E26" s="8" t="s">
        <v>28</v>
      </c>
      <c r="F26" s="42">
        <v>111845</v>
      </c>
      <c r="G26" s="42">
        <v>117350</v>
      </c>
      <c r="H26" s="42">
        <v>125313</v>
      </c>
      <c r="I26" s="42">
        <v>140580</v>
      </c>
      <c r="J26" s="42">
        <v>129177</v>
      </c>
      <c r="K26" s="42">
        <v>132532</v>
      </c>
      <c r="L26" s="42">
        <v>137104</v>
      </c>
      <c r="M26" s="42">
        <v>145424</v>
      </c>
      <c r="N26" s="42">
        <v>132010</v>
      </c>
      <c r="O26" s="42">
        <v>138472</v>
      </c>
      <c r="P26" s="42">
        <v>139147</v>
      </c>
      <c r="Q26" s="42">
        <v>145760</v>
      </c>
      <c r="R26" s="42">
        <v>142693</v>
      </c>
      <c r="S26" s="42">
        <v>155642</v>
      </c>
      <c r="T26" s="42">
        <v>156319</v>
      </c>
      <c r="U26" s="42">
        <v>154730</v>
      </c>
      <c r="V26" s="42">
        <v>144621</v>
      </c>
      <c r="W26" s="42">
        <v>163307</v>
      </c>
      <c r="X26" s="42">
        <v>167914</v>
      </c>
      <c r="Y26" s="42">
        <v>177696</v>
      </c>
      <c r="Z26" s="42">
        <v>167927</v>
      </c>
      <c r="AA26" s="42">
        <v>127333</v>
      </c>
      <c r="AB26" s="42">
        <v>126486</v>
      </c>
      <c r="AC26" s="42">
        <v>143517</v>
      </c>
      <c r="AD26" s="42">
        <v>142774</v>
      </c>
      <c r="AE26" s="7"/>
      <c r="AF26" s="13"/>
      <c r="AG26" s="9"/>
      <c r="AH26" s="9"/>
      <c r="AI26" s="9"/>
      <c r="AJ26" s="9" t="s">
        <v>28</v>
      </c>
      <c r="AK26" s="21">
        <v>107135</v>
      </c>
      <c r="AL26" s="21">
        <v>111542</v>
      </c>
      <c r="AM26" s="21">
        <v>117016</v>
      </c>
      <c r="AN26" s="21">
        <v>132388</v>
      </c>
      <c r="AO26" s="21">
        <v>122610</v>
      </c>
      <c r="AP26" s="21">
        <v>122190</v>
      </c>
      <c r="AQ26" s="21">
        <v>123379</v>
      </c>
      <c r="AR26" s="21">
        <v>128990</v>
      </c>
      <c r="AS26" s="21">
        <v>121218</v>
      </c>
      <c r="AT26" s="21">
        <v>123533</v>
      </c>
      <c r="AU26" s="21">
        <v>121620</v>
      </c>
      <c r="AV26" s="21">
        <v>128395</v>
      </c>
      <c r="AW26" s="21">
        <v>120156</v>
      </c>
      <c r="AX26" s="21">
        <v>130276</v>
      </c>
      <c r="AY26" s="21">
        <v>130072</v>
      </c>
      <c r="AZ26" s="21">
        <v>128278</v>
      </c>
      <c r="BA26" s="21">
        <v>119180</v>
      </c>
      <c r="BB26" s="21">
        <v>133772</v>
      </c>
      <c r="BC26" s="21">
        <v>136556</v>
      </c>
      <c r="BD26" s="21">
        <v>147968</v>
      </c>
      <c r="BE26" s="21">
        <v>136673</v>
      </c>
      <c r="BF26" s="21">
        <v>141094</v>
      </c>
      <c r="BG26" s="21">
        <v>140752</v>
      </c>
      <c r="BH26" s="21">
        <v>151825</v>
      </c>
      <c r="BI26" s="21">
        <v>146313</v>
      </c>
      <c r="BJ26" s="14"/>
      <c r="BK26" s="16"/>
      <c r="BL26" s="9"/>
      <c r="BM26" s="9"/>
      <c r="BN26" s="9"/>
      <c r="BO26" s="9" t="s">
        <v>28</v>
      </c>
      <c r="BP26" s="21">
        <f t="shared" si="24"/>
        <v>-4710</v>
      </c>
      <c r="BQ26" s="21">
        <f t="shared" si="0"/>
        <v>-5808</v>
      </c>
      <c r="BR26" s="21">
        <f t="shared" si="1"/>
        <v>-8297</v>
      </c>
      <c r="BS26" s="21">
        <f t="shared" si="2"/>
        <v>-8192</v>
      </c>
      <c r="BT26" s="21">
        <f t="shared" si="3"/>
        <v>-6567</v>
      </c>
      <c r="BU26" s="21">
        <f t="shared" si="4"/>
        <v>-10342</v>
      </c>
      <c r="BV26" s="21">
        <f t="shared" si="5"/>
        <v>-13725</v>
      </c>
      <c r="BW26" s="21">
        <f t="shared" si="6"/>
        <v>-16434</v>
      </c>
      <c r="BX26" s="21">
        <f t="shared" si="7"/>
        <v>-10792</v>
      </c>
      <c r="BY26" s="21">
        <f t="shared" si="8"/>
        <v>-14939</v>
      </c>
      <c r="BZ26" s="21">
        <f t="shared" si="9"/>
        <v>-17527</v>
      </c>
      <c r="CA26" s="21">
        <f t="shared" si="10"/>
        <v>-17365</v>
      </c>
      <c r="CB26" s="21">
        <f t="shared" si="11"/>
        <v>-22537</v>
      </c>
      <c r="CC26" s="21">
        <f t="shared" si="12"/>
        <v>-25366</v>
      </c>
      <c r="CD26" s="21">
        <f t="shared" si="13"/>
        <v>-26247</v>
      </c>
      <c r="CE26" s="21">
        <f t="shared" si="14"/>
        <v>-26452</v>
      </c>
      <c r="CF26" s="21">
        <f t="shared" si="15"/>
        <v>-25441</v>
      </c>
      <c r="CG26" s="21">
        <f t="shared" si="16"/>
        <v>-29535</v>
      </c>
      <c r="CH26" s="21">
        <f t="shared" si="17"/>
        <v>-31358</v>
      </c>
      <c r="CI26" s="21">
        <f t="shared" si="18"/>
        <v>-29728</v>
      </c>
      <c r="CJ26" s="21">
        <f t="shared" si="19"/>
        <v>-31254</v>
      </c>
      <c r="CK26" s="21">
        <f t="shared" si="20"/>
        <v>13761</v>
      </c>
      <c r="CL26" s="21">
        <f t="shared" si="21"/>
        <v>14266</v>
      </c>
      <c r="CM26" s="21">
        <f t="shared" si="22"/>
        <v>8308</v>
      </c>
      <c r="CN26" s="21">
        <f t="shared" si="23"/>
        <v>3539</v>
      </c>
      <c r="CO26" s="20"/>
    </row>
    <row r="27" spans="1:93" x14ac:dyDescent="0.7">
      <c r="A27" s="7"/>
      <c r="E27" s="8" t="s">
        <v>29</v>
      </c>
      <c r="F27" s="42">
        <v>1081</v>
      </c>
      <c r="G27" s="42">
        <v>1103</v>
      </c>
      <c r="H27" s="42">
        <v>1137</v>
      </c>
      <c r="I27" s="42">
        <v>1186</v>
      </c>
      <c r="J27" s="42">
        <v>1061</v>
      </c>
      <c r="K27" s="42">
        <v>1022</v>
      </c>
      <c r="L27" s="42">
        <v>991</v>
      </c>
      <c r="M27" s="42">
        <v>979</v>
      </c>
      <c r="N27" s="42">
        <v>870</v>
      </c>
      <c r="O27" s="42">
        <v>921</v>
      </c>
      <c r="P27" s="42">
        <v>891</v>
      </c>
      <c r="Q27" s="42">
        <v>963</v>
      </c>
      <c r="R27" s="42">
        <v>897</v>
      </c>
      <c r="S27" s="42">
        <v>1067</v>
      </c>
      <c r="T27" s="42">
        <v>1197</v>
      </c>
      <c r="U27" s="42">
        <v>1323</v>
      </c>
      <c r="V27" s="42">
        <v>548</v>
      </c>
      <c r="W27" s="42">
        <v>565</v>
      </c>
      <c r="X27" s="42">
        <v>530</v>
      </c>
      <c r="Y27" s="42">
        <v>523</v>
      </c>
      <c r="Z27" s="42">
        <v>479</v>
      </c>
      <c r="AA27" s="42">
        <v>474</v>
      </c>
      <c r="AB27" s="42">
        <v>432</v>
      </c>
      <c r="AC27" s="42">
        <v>429</v>
      </c>
      <c r="AD27" s="42">
        <v>379</v>
      </c>
      <c r="AE27" s="7"/>
      <c r="AF27" s="13"/>
      <c r="AG27" s="9"/>
      <c r="AH27" s="9"/>
      <c r="AI27" s="9"/>
      <c r="AJ27" s="9" t="s">
        <v>29</v>
      </c>
      <c r="AK27" s="21">
        <v>1078</v>
      </c>
      <c r="AL27" s="21">
        <v>1100</v>
      </c>
      <c r="AM27" s="21">
        <v>1133</v>
      </c>
      <c r="AN27" s="21">
        <v>1183</v>
      </c>
      <c r="AO27" s="21">
        <v>1060</v>
      </c>
      <c r="AP27" s="21">
        <v>1021</v>
      </c>
      <c r="AQ27" s="21">
        <v>995</v>
      </c>
      <c r="AR27" s="21">
        <v>974</v>
      </c>
      <c r="AS27" s="21">
        <v>837</v>
      </c>
      <c r="AT27" s="21">
        <v>824</v>
      </c>
      <c r="AU27" s="21">
        <v>754</v>
      </c>
      <c r="AV27" s="21">
        <v>775</v>
      </c>
      <c r="AW27" s="21">
        <v>685</v>
      </c>
      <c r="AX27" s="21">
        <v>694</v>
      </c>
      <c r="AY27" s="21">
        <v>630</v>
      </c>
      <c r="AZ27" s="21">
        <v>630</v>
      </c>
      <c r="BA27" s="21">
        <v>548</v>
      </c>
      <c r="BB27" s="21">
        <v>568</v>
      </c>
      <c r="BC27" s="21">
        <v>530</v>
      </c>
      <c r="BD27" s="21">
        <v>523</v>
      </c>
      <c r="BE27" s="21">
        <v>479</v>
      </c>
      <c r="BF27" s="21">
        <v>474</v>
      </c>
      <c r="BG27" s="21">
        <v>432</v>
      </c>
      <c r="BH27" s="21">
        <v>429</v>
      </c>
      <c r="BI27" s="21">
        <v>379</v>
      </c>
      <c r="BJ27" s="14"/>
      <c r="BK27" s="16"/>
      <c r="BL27" s="9"/>
      <c r="BM27" s="9"/>
      <c r="BN27" s="9"/>
      <c r="BO27" s="9" t="s">
        <v>29</v>
      </c>
      <c r="BP27" s="21">
        <f t="shared" si="24"/>
        <v>-3</v>
      </c>
      <c r="BQ27" s="21">
        <f t="shared" si="0"/>
        <v>-3</v>
      </c>
      <c r="BR27" s="21">
        <f t="shared" si="1"/>
        <v>-4</v>
      </c>
      <c r="BS27" s="21">
        <f t="shared" si="2"/>
        <v>-3</v>
      </c>
      <c r="BT27" s="21">
        <f t="shared" si="3"/>
        <v>-1</v>
      </c>
      <c r="BU27" s="21">
        <f t="shared" si="4"/>
        <v>-1</v>
      </c>
      <c r="BV27" s="21">
        <f t="shared" si="5"/>
        <v>4</v>
      </c>
      <c r="BW27" s="21">
        <f t="shared" si="6"/>
        <v>-5</v>
      </c>
      <c r="BX27" s="21">
        <f t="shared" si="7"/>
        <v>-33</v>
      </c>
      <c r="BY27" s="21">
        <f t="shared" si="8"/>
        <v>-97</v>
      </c>
      <c r="BZ27" s="21">
        <f t="shared" si="9"/>
        <v>-137</v>
      </c>
      <c r="CA27" s="21">
        <f t="shared" si="10"/>
        <v>-188</v>
      </c>
      <c r="CB27" s="21">
        <f t="shared" si="11"/>
        <v>-212</v>
      </c>
      <c r="CC27" s="21">
        <f t="shared" si="12"/>
        <v>-373</v>
      </c>
      <c r="CD27" s="21">
        <f t="shared" si="13"/>
        <v>-567</v>
      </c>
      <c r="CE27" s="21">
        <f t="shared" si="14"/>
        <v>-693</v>
      </c>
      <c r="CF27" s="21">
        <f t="shared" si="15"/>
        <v>0</v>
      </c>
      <c r="CG27" s="21">
        <f t="shared" si="16"/>
        <v>3</v>
      </c>
      <c r="CH27" s="21">
        <f t="shared" si="17"/>
        <v>0</v>
      </c>
      <c r="CI27" s="21">
        <f t="shared" si="18"/>
        <v>0</v>
      </c>
      <c r="CJ27" s="21">
        <f t="shared" si="19"/>
        <v>0</v>
      </c>
      <c r="CK27" s="21">
        <f t="shared" si="20"/>
        <v>0</v>
      </c>
      <c r="CL27" s="21">
        <f t="shared" si="21"/>
        <v>0</v>
      </c>
      <c r="CM27" s="21">
        <f t="shared" si="22"/>
        <v>0</v>
      </c>
      <c r="CN27" s="21">
        <f t="shared" si="23"/>
        <v>0</v>
      </c>
      <c r="CO27" s="20"/>
    </row>
    <row r="28" spans="1:93" x14ac:dyDescent="0.7">
      <c r="A28" s="7"/>
      <c r="E28" s="8" t="s">
        <v>30</v>
      </c>
      <c r="F28" s="42">
        <v>75295</v>
      </c>
      <c r="G28" s="42">
        <v>77723</v>
      </c>
      <c r="H28" s="42">
        <v>83200</v>
      </c>
      <c r="I28" s="42">
        <v>93139</v>
      </c>
      <c r="J28" s="42">
        <v>84920</v>
      </c>
      <c r="K28" s="42">
        <v>85756</v>
      </c>
      <c r="L28" s="42">
        <v>88993</v>
      </c>
      <c r="M28" s="42">
        <v>96737</v>
      </c>
      <c r="N28" s="42">
        <v>85352</v>
      </c>
      <c r="O28" s="42">
        <v>90599</v>
      </c>
      <c r="P28" s="42">
        <v>90622</v>
      </c>
      <c r="Q28" s="42">
        <v>95283</v>
      </c>
      <c r="R28" s="42">
        <v>88066</v>
      </c>
      <c r="S28" s="42">
        <v>94016</v>
      </c>
      <c r="T28" s="42">
        <v>93228</v>
      </c>
      <c r="U28" s="42">
        <v>91770</v>
      </c>
      <c r="V28" s="42">
        <v>85693</v>
      </c>
      <c r="W28" s="42">
        <v>96070</v>
      </c>
      <c r="X28" s="42">
        <v>97576</v>
      </c>
      <c r="Y28" s="42">
        <v>103760</v>
      </c>
      <c r="Z28" s="42">
        <v>96348</v>
      </c>
      <c r="AA28" s="42">
        <v>74488</v>
      </c>
      <c r="AB28" s="42">
        <v>73197</v>
      </c>
      <c r="AC28" s="42">
        <v>78154</v>
      </c>
      <c r="AD28" s="42">
        <v>74688</v>
      </c>
      <c r="AE28" s="7"/>
      <c r="AF28" s="13"/>
      <c r="AG28" s="9"/>
      <c r="AH28" s="9"/>
      <c r="AI28" s="9"/>
      <c r="AJ28" s="9" t="s">
        <v>30</v>
      </c>
      <c r="AK28" s="21">
        <v>72870</v>
      </c>
      <c r="AL28" s="21">
        <v>74701</v>
      </c>
      <c r="AM28" s="21">
        <v>78987</v>
      </c>
      <c r="AN28" s="21">
        <v>89109</v>
      </c>
      <c r="AO28" s="21">
        <v>81598</v>
      </c>
      <c r="AP28" s="21">
        <v>80696</v>
      </c>
      <c r="AQ28" s="21">
        <v>82369</v>
      </c>
      <c r="AR28" s="21">
        <v>88644</v>
      </c>
      <c r="AS28" s="21">
        <v>80320</v>
      </c>
      <c r="AT28" s="21">
        <v>83758</v>
      </c>
      <c r="AU28" s="21">
        <v>82890</v>
      </c>
      <c r="AV28" s="21">
        <v>87823</v>
      </c>
      <c r="AW28" s="21">
        <v>77729</v>
      </c>
      <c r="AX28" s="21">
        <v>82737</v>
      </c>
      <c r="AY28" s="21">
        <v>82085</v>
      </c>
      <c r="AZ28" s="21">
        <v>80536</v>
      </c>
      <c r="BA28" s="21">
        <v>72888</v>
      </c>
      <c r="BB28" s="21">
        <v>81079</v>
      </c>
      <c r="BC28" s="21">
        <v>81499</v>
      </c>
      <c r="BD28" s="21">
        <v>88645</v>
      </c>
      <c r="BE28" s="21">
        <v>79671</v>
      </c>
      <c r="BF28" s="21">
        <v>80796</v>
      </c>
      <c r="BG28" s="21">
        <v>79740</v>
      </c>
      <c r="BH28" s="21">
        <v>85469</v>
      </c>
      <c r="BI28" s="21">
        <v>78227</v>
      </c>
      <c r="BJ28" s="14"/>
      <c r="BK28" s="16"/>
      <c r="BL28" s="9"/>
      <c r="BM28" s="9"/>
      <c r="BN28" s="9"/>
      <c r="BO28" s="9" t="s">
        <v>30</v>
      </c>
      <c r="BP28" s="21">
        <f t="shared" si="24"/>
        <v>-2425</v>
      </c>
      <c r="BQ28" s="21">
        <f t="shared" si="0"/>
        <v>-3022</v>
      </c>
      <c r="BR28" s="21">
        <f t="shared" si="1"/>
        <v>-4213</v>
      </c>
      <c r="BS28" s="21">
        <f t="shared" si="2"/>
        <v>-4030</v>
      </c>
      <c r="BT28" s="21">
        <f t="shared" si="3"/>
        <v>-3322</v>
      </c>
      <c r="BU28" s="21">
        <f t="shared" si="4"/>
        <v>-5060</v>
      </c>
      <c r="BV28" s="21">
        <f t="shared" si="5"/>
        <v>-6624</v>
      </c>
      <c r="BW28" s="21">
        <f t="shared" si="6"/>
        <v>-8093</v>
      </c>
      <c r="BX28" s="21">
        <f t="shared" si="7"/>
        <v>-5032</v>
      </c>
      <c r="BY28" s="21">
        <f t="shared" si="8"/>
        <v>-6841</v>
      </c>
      <c r="BZ28" s="21">
        <f t="shared" si="9"/>
        <v>-7732</v>
      </c>
      <c r="CA28" s="21">
        <f t="shared" si="10"/>
        <v>-7460</v>
      </c>
      <c r="CB28" s="21">
        <f t="shared" si="11"/>
        <v>-10337</v>
      </c>
      <c r="CC28" s="21">
        <f t="shared" si="12"/>
        <v>-11279</v>
      </c>
      <c r="CD28" s="21">
        <f t="shared" si="13"/>
        <v>-11143</v>
      </c>
      <c r="CE28" s="21">
        <f t="shared" si="14"/>
        <v>-11234</v>
      </c>
      <c r="CF28" s="21">
        <f t="shared" si="15"/>
        <v>-12805</v>
      </c>
      <c r="CG28" s="21">
        <f t="shared" si="16"/>
        <v>-14991</v>
      </c>
      <c r="CH28" s="21">
        <f t="shared" si="17"/>
        <v>-16077</v>
      </c>
      <c r="CI28" s="21">
        <f t="shared" si="18"/>
        <v>-15115</v>
      </c>
      <c r="CJ28" s="21">
        <f t="shared" si="19"/>
        <v>-16677</v>
      </c>
      <c r="CK28" s="21">
        <f t="shared" si="20"/>
        <v>6308</v>
      </c>
      <c r="CL28" s="21">
        <f t="shared" si="21"/>
        <v>6543</v>
      </c>
      <c r="CM28" s="21">
        <f t="shared" si="22"/>
        <v>7315</v>
      </c>
      <c r="CN28" s="21">
        <f t="shared" si="23"/>
        <v>3539</v>
      </c>
      <c r="CO28" s="20"/>
    </row>
    <row r="29" spans="1:93" x14ac:dyDescent="0.7">
      <c r="A29" s="7"/>
      <c r="E29" s="8" t="s">
        <v>31</v>
      </c>
      <c r="F29" s="42">
        <v>35469</v>
      </c>
      <c r="G29" s="42">
        <v>38524</v>
      </c>
      <c r="H29" s="42">
        <v>40976</v>
      </c>
      <c r="I29" s="42">
        <v>46255</v>
      </c>
      <c r="J29" s="42">
        <v>43196</v>
      </c>
      <c r="K29" s="42">
        <v>45754</v>
      </c>
      <c r="L29" s="42">
        <v>47120</v>
      </c>
      <c r="M29" s="42">
        <v>47708</v>
      </c>
      <c r="N29" s="42">
        <v>45788</v>
      </c>
      <c r="O29" s="42">
        <v>46952</v>
      </c>
      <c r="P29" s="42">
        <v>47634</v>
      </c>
      <c r="Q29" s="42">
        <v>49514</v>
      </c>
      <c r="R29" s="42">
        <v>53730</v>
      </c>
      <c r="S29" s="42">
        <v>60522</v>
      </c>
      <c r="T29" s="42">
        <v>61736</v>
      </c>
      <c r="U29" s="42">
        <v>61324</v>
      </c>
      <c r="V29" s="42">
        <v>58500</v>
      </c>
      <c r="W29" s="42">
        <v>66749</v>
      </c>
      <c r="X29" s="42">
        <v>69808</v>
      </c>
      <c r="Y29" s="42">
        <v>73413</v>
      </c>
      <c r="Z29" s="42">
        <v>71100</v>
      </c>
      <c r="AA29" s="42">
        <v>52372</v>
      </c>
      <c r="AB29" s="42">
        <v>52857</v>
      </c>
      <c r="AC29" s="42">
        <v>64934</v>
      </c>
      <c r="AD29" s="42">
        <v>67707</v>
      </c>
      <c r="AE29" s="7"/>
      <c r="AF29" s="13"/>
      <c r="AG29" s="9"/>
      <c r="AH29" s="9"/>
      <c r="AI29" s="9"/>
      <c r="AJ29" s="9" t="s">
        <v>31</v>
      </c>
      <c r="AK29" s="21">
        <v>33187</v>
      </c>
      <c r="AL29" s="21">
        <v>35741</v>
      </c>
      <c r="AM29" s="21">
        <v>36896</v>
      </c>
      <c r="AN29" s="21">
        <v>42096</v>
      </c>
      <c r="AO29" s="21">
        <v>39951</v>
      </c>
      <c r="AP29" s="21">
        <v>40473</v>
      </c>
      <c r="AQ29" s="21">
        <v>40015</v>
      </c>
      <c r="AR29" s="21">
        <v>39372</v>
      </c>
      <c r="AS29" s="21">
        <v>40061</v>
      </c>
      <c r="AT29" s="21">
        <v>38951</v>
      </c>
      <c r="AU29" s="21">
        <v>37975</v>
      </c>
      <c r="AV29" s="21">
        <v>39797</v>
      </c>
      <c r="AW29" s="21">
        <v>41540</v>
      </c>
      <c r="AX29" s="21">
        <v>46639</v>
      </c>
      <c r="AY29" s="21">
        <v>47235</v>
      </c>
      <c r="AZ29" s="21">
        <v>47053</v>
      </c>
      <c r="BA29" s="21">
        <v>45661</v>
      </c>
      <c r="BB29" s="21">
        <v>52095</v>
      </c>
      <c r="BC29" s="21">
        <v>54528</v>
      </c>
      <c r="BD29" s="21">
        <v>58801</v>
      </c>
      <c r="BE29" s="21">
        <v>56523</v>
      </c>
      <c r="BF29" s="21">
        <v>59825</v>
      </c>
      <c r="BG29" s="21">
        <v>60580</v>
      </c>
      <c r="BH29" s="21">
        <v>65927</v>
      </c>
      <c r="BI29" s="21">
        <v>67707</v>
      </c>
      <c r="BJ29" s="14"/>
      <c r="BK29" s="16"/>
      <c r="BL29" s="9"/>
      <c r="BM29" s="9"/>
      <c r="BN29" s="9"/>
      <c r="BO29" s="9" t="s">
        <v>31</v>
      </c>
      <c r="BP29" s="21">
        <f t="shared" si="24"/>
        <v>-2282</v>
      </c>
      <c r="BQ29" s="21">
        <f t="shared" si="0"/>
        <v>-2783</v>
      </c>
      <c r="BR29" s="21">
        <f t="shared" si="1"/>
        <v>-4080</v>
      </c>
      <c r="BS29" s="21">
        <f t="shared" si="2"/>
        <v>-4159</v>
      </c>
      <c r="BT29" s="21">
        <f t="shared" si="3"/>
        <v>-3245</v>
      </c>
      <c r="BU29" s="21">
        <f t="shared" si="4"/>
        <v>-5281</v>
      </c>
      <c r="BV29" s="21">
        <f t="shared" si="5"/>
        <v>-7105</v>
      </c>
      <c r="BW29" s="21">
        <f t="shared" si="6"/>
        <v>-8336</v>
      </c>
      <c r="BX29" s="21">
        <f t="shared" si="7"/>
        <v>-5727</v>
      </c>
      <c r="BY29" s="21">
        <f t="shared" si="8"/>
        <v>-8001</v>
      </c>
      <c r="BZ29" s="21">
        <f t="shared" si="9"/>
        <v>-9659</v>
      </c>
      <c r="CA29" s="21">
        <f t="shared" si="10"/>
        <v>-9717</v>
      </c>
      <c r="CB29" s="21">
        <f t="shared" si="11"/>
        <v>-12190</v>
      </c>
      <c r="CC29" s="21">
        <f t="shared" si="12"/>
        <v>-13883</v>
      </c>
      <c r="CD29" s="21">
        <f t="shared" si="13"/>
        <v>-14501</v>
      </c>
      <c r="CE29" s="21">
        <f t="shared" si="14"/>
        <v>-14271</v>
      </c>
      <c r="CF29" s="21">
        <f t="shared" si="15"/>
        <v>-12839</v>
      </c>
      <c r="CG29" s="21">
        <f t="shared" si="16"/>
        <v>-14654</v>
      </c>
      <c r="CH29" s="21">
        <f t="shared" si="17"/>
        <v>-15280</v>
      </c>
      <c r="CI29" s="21">
        <f t="shared" si="18"/>
        <v>-14612</v>
      </c>
      <c r="CJ29" s="21">
        <f t="shared" si="19"/>
        <v>-14577</v>
      </c>
      <c r="CK29" s="21">
        <f t="shared" si="20"/>
        <v>7453</v>
      </c>
      <c r="CL29" s="21">
        <f t="shared" si="21"/>
        <v>7723</v>
      </c>
      <c r="CM29" s="21">
        <f t="shared" si="22"/>
        <v>993</v>
      </c>
      <c r="CN29" s="21">
        <f t="shared" si="23"/>
        <v>0</v>
      </c>
      <c r="CO29" s="20"/>
    </row>
    <row r="30" spans="1:93" x14ac:dyDescent="0.7">
      <c r="A30" s="7"/>
      <c r="E30" s="8" t="s">
        <v>32</v>
      </c>
      <c r="F30" s="42">
        <v>7264</v>
      </c>
      <c r="G30" s="42">
        <v>5561</v>
      </c>
      <c r="H30" s="42">
        <v>6183</v>
      </c>
      <c r="I30" s="42">
        <v>6610</v>
      </c>
      <c r="J30" s="42">
        <v>5812</v>
      </c>
      <c r="K30" s="42">
        <v>5834</v>
      </c>
      <c r="L30" s="42">
        <v>6178</v>
      </c>
      <c r="M30" s="42">
        <v>6706</v>
      </c>
      <c r="N30" s="42">
        <v>6430</v>
      </c>
      <c r="O30" s="42">
        <v>6940</v>
      </c>
      <c r="P30" s="42">
        <v>6954</v>
      </c>
      <c r="Q30" s="42">
        <v>7316</v>
      </c>
      <c r="R30" s="42">
        <v>7428</v>
      </c>
      <c r="S30" s="42">
        <v>7858</v>
      </c>
      <c r="T30" s="42">
        <v>8252</v>
      </c>
      <c r="U30" s="42">
        <v>7977</v>
      </c>
      <c r="V30" s="42">
        <v>7506</v>
      </c>
      <c r="W30" s="42">
        <v>8095</v>
      </c>
      <c r="X30" s="42">
        <v>8433</v>
      </c>
      <c r="Y30" s="42">
        <v>8771</v>
      </c>
      <c r="Z30" s="42">
        <v>8636</v>
      </c>
      <c r="AA30" s="42">
        <v>7803</v>
      </c>
      <c r="AB30" s="42">
        <v>7856</v>
      </c>
      <c r="AC30" s="42">
        <v>8536</v>
      </c>
      <c r="AD30" s="42">
        <v>9233</v>
      </c>
      <c r="AE30" s="7"/>
      <c r="AF30" s="13"/>
      <c r="AG30" s="9"/>
      <c r="AH30" s="9"/>
      <c r="AI30" s="9"/>
      <c r="AJ30" s="9" t="s">
        <v>32</v>
      </c>
      <c r="AK30" s="21">
        <v>7264</v>
      </c>
      <c r="AL30" s="21">
        <v>5553</v>
      </c>
      <c r="AM30" s="21">
        <v>6154</v>
      </c>
      <c r="AN30" s="21">
        <v>6586</v>
      </c>
      <c r="AO30" s="21">
        <v>5806</v>
      </c>
      <c r="AP30" s="21">
        <v>5800</v>
      </c>
      <c r="AQ30" s="21">
        <v>6132</v>
      </c>
      <c r="AR30" s="21">
        <v>6581</v>
      </c>
      <c r="AS30" s="21">
        <v>6952</v>
      </c>
      <c r="AT30" s="21">
        <v>7481</v>
      </c>
      <c r="AU30" s="21">
        <v>7421</v>
      </c>
      <c r="AV30" s="21">
        <v>7789</v>
      </c>
      <c r="AW30" s="21">
        <v>7410</v>
      </c>
      <c r="AX30" s="21">
        <v>7845</v>
      </c>
      <c r="AY30" s="21">
        <v>8244</v>
      </c>
      <c r="AZ30" s="21">
        <v>7979</v>
      </c>
      <c r="BA30" s="21">
        <v>7514</v>
      </c>
      <c r="BB30" s="21">
        <v>8110</v>
      </c>
      <c r="BC30" s="21">
        <v>8540</v>
      </c>
      <c r="BD30" s="21">
        <v>9042</v>
      </c>
      <c r="BE30" s="21">
        <v>8861</v>
      </c>
      <c r="BF30" s="21">
        <v>8865</v>
      </c>
      <c r="BG30" s="21">
        <v>8958</v>
      </c>
      <c r="BH30" s="21">
        <v>9790</v>
      </c>
      <c r="BI30" s="21">
        <v>9784</v>
      </c>
      <c r="BJ30" s="14"/>
      <c r="BK30" s="16"/>
      <c r="BL30" s="9"/>
      <c r="BM30" s="9"/>
      <c r="BN30" s="9"/>
      <c r="BO30" s="9" t="s">
        <v>32</v>
      </c>
      <c r="BP30" s="21">
        <f t="shared" si="24"/>
        <v>0</v>
      </c>
      <c r="BQ30" s="21">
        <f t="shared" si="0"/>
        <v>-8</v>
      </c>
      <c r="BR30" s="21">
        <f t="shared" si="1"/>
        <v>-29</v>
      </c>
      <c r="BS30" s="21">
        <f t="shared" si="2"/>
        <v>-24</v>
      </c>
      <c r="BT30" s="21">
        <f t="shared" si="3"/>
        <v>-6</v>
      </c>
      <c r="BU30" s="21">
        <f t="shared" si="4"/>
        <v>-34</v>
      </c>
      <c r="BV30" s="21">
        <f t="shared" si="5"/>
        <v>-46</v>
      </c>
      <c r="BW30" s="21">
        <f t="shared" si="6"/>
        <v>-125</v>
      </c>
      <c r="BX30" s="21">
        <f t="shared" si="7"/>
        <v>522</v>
      </c>
      <c r="BY30" s="21">
        <f t="shared" si="8"/>
        <v>541</v>
      </c>
      <c r="BZ30" s="21">
        <f t="shared" si="9"/>
        <v>467</v>
      </c>
      <c r="CA30" s="21">
        <f t="shared" si="10"/>
        <v>473</v>
      </c>
      <c r="CB30" s="21">
        <f t="shared" si="11"/>
        <v>-18</v>
      </c>
      <c r="CC30" s="21">
        <f t="shared" si="12"/>
        <v>-13</v>
      </c>
      <c r="CD30" s="21">
        <f t="shared" si="13"/>
        <v>-8</v>
      </c>
      <c r="CE30" s="21">
        <f t="shared" si="14"/>
        <v>2</v>
      </c>
      <c r="CF30" s="21">
        <f t="shared" si="15"/>
        <v>8</v>
      </c>
      <c r="CG30" s="21">
        <f t="shared" si="16"/>
        <v>15</v>
      </c>
      <c r="CH30" s="21">
        <f t="shared" si="17"/>
        <v>107</v>
      </c>
      <c r="CI30" s="21">
        <f t="shared" si="18"/>
        <v>271</v>
      </c>
      <c r="CJ30" s="21">
        <f t="shared" si="19"/>
        <v>225</v>
      </c>
      <c r="CK30" s="21">
        <f t="shared" si="20"/>
        <v>1062</v>
      </c>
      <c r="CL30" s="21">
        <f t="shared" si="21"/>
        <v>1102</v>
      </c>
      <c r="CM30" s="21">
        <f t="shared" si="22"/>
        <v>1254</v>
      </c>
      <c r="CN30" s="21">
        <f t="shared" si="23"/>
        <v>551</v>
      </c>
      <c r="CO30" s="20"/>
    </row>
    <row r="31" spans="1:93" x14ac:dyDescent="0.7">
      <c r="A31" s="7"/>
      <c r="E31" s="8" t="s">
        <v>33</v>
      </c>
      <c r="F31" s="42">
        <v>7264</v>
      </c>
      <c r="G31" s="42">
        <v>5561</v>
      </c>
      <c r="H31" s="42">
        <v>6183</v>
      </c>
      <c r="I31" s="42">
        <v>6610</v>
      </c>
      <c r="J31" s="42">
        <v>5812</v>
      </c>
      <c r="K31" s="42">
        <v>5834</v>
      </c>
      <c r="L31" s="42">
        <v>6178</v>
      </c>
      <c r="M31" s="42">
        <v>6706</v>
      </c>
      <c r="N31" s="42">
        <v>6430</v>
      </c>
      <c r="O31" s="42">
        <v>6940</v>
      </c>
      <c r="P31" s="42">
        <v>6954</v>
      </c>
      <c r="Q31" s="42">
        <v>7316</v>
      </c>
      <c r="R31" s="42">
        <v>7428</v>
      </c>
      <c r="S31" s="42">
        <v>7858</v>
      </c>
      <c r="T31" s="42">
        <v>8252</v>
      </c>
      <c r="U31" s="42">
        <v>7977</v>
      </c>
      <c r="V31" s="42">
        <v>7506</v>
      </c>
      <c r="W31" s="42">
        <v>8095</v>
      </c>
      <c r="X31" s="42">
        <v>8433</v>
      </c>
      <c r="Y31" s="42">
        <v>8771</v>
      </c>
      <c r="Z31" s="42">
        <v>8636</v>
      </c>
      <c r="AA31" s="42">
        <v>7803</v>
      </c>
      <c r="AB31" s="42">
        <v>7856</v>
      </c>
      <c r="AC31" s="42">
        <v>8536</v>
      </c>
      <c r="AD31" s="42">
        <v>9233</v>
      </c>
      <c r="AE31" s="7"/>
      <c r="AF31" s="13"/>
      <c r="AG31" s="9"/>
      <c r="AH31" s="9"/>
      <c r="AI31" s="9"/>
      <c r="AJ31" s="9" t="s">
        <v>33</v>
      </c>
      <c r="AK31" s="21">
        <v>7264</v>
      </c>
      <c r="AL31" s="21">
        <v>5553</v>
      </c>
      <c r="AM31" s="21">
        <v>6154</v>
      </c>
      <c r="AN31" s="21">
        <v>6586</v>
      </c>
      <c r="AO31" s="21">
        <v>5806</v>
      </c>
      <c r="AP31" s="21">
        <v>5800</v>
      </c>
      <c r="AQ31" s="21">
        <v>6132</v>
      </c>
      <c r="AR31" s="21">
        <v>6581</v>
      </c>
      <c r="AS31" s="21">
        <v>6952</v>
      </c>
      <c r="AT31" s="21">
        <v>7481</v>
      </c>
      <c r="AU31" s="21">
        <v>7421</v>
      </c>
      <c r="AV31" s="21">
        <v>7789</v>
      </c>
      <c r="AW31" s="21">
        <v>7410</v>
      </c>
      <c r="AX31" s="21">
        <v>7845</v>
      </c>
      <c r="AY31" s="21">
        <v>8244</v>
      </c>
      <c r="AZ31" s="21">
        <v>7979</v>
      </c>
      <c r="BA31" s="21">
        <v>7514</v>
      </c>
      <c r="BB31" s="21">
        <v>8110</v>
      </c>
      <c r="BC31" s="21">
        <v>8540</v>
      </c>
      <c r="BD31" s="21">
        <v>9042</v>
      </c>
      <c r="BE31" s="21">
        <v>8861</v>
      </c>
      <c r="BF31" s="21">
        <v>8865</v>
      </c>
      <c r="BG31" s="21">
        <v>8958</v>
      </c>
      <c r="BH31" s="21">
        <v>9790</v>
      </c>
      <c r="BI31" s="21">
        <v>9784</v>
      </c>
      <c r="BJ31" s="14"/>
      <c r="BK31" s="16"/>
      <c r="BL31" s="9"/>
      <c r="BM31" s="9"/>
      <c r="BN31" s="9"/>
      <c r="BO31" s="9" t="s">
        <v>33</v>
      </c>
      <c r="BP31" s="21">
        <f t="shared" si="24"/>
        <v>0</v>
      </c>
      <c r="BQ31" s="21">
        <f t="shared" si="0"/>
        <v>-8</v>
      </c>
      <c r="BR31" s="21">
        <f t="shared" si="1"/>
        <v>-29</v>
      </c>
      <c r="BS31" s="21">
        <f t="shared" si="2"/>
        <v>-24</v>
      </c>
      <c r="BT31" s="21">
        <f t="shared" si="3"/>
        <v>-6</v>
      </c>
      <c r="BU31" s="21">
        <f t="shared" si="4"/>
        <v>-34</v>
      </c>
      <c r="BV31" s="21">
        <f t="shared" si="5"/>
        <v>-46</v>
      </c>
      <c r="BW31" s="21">
        <f t="shared" si="6"/>
        <v>-125</v>
      </c>
      <c r="BX31" s="21">
        <f t="shared" si="7"/>
        <v>522</v>
      </c>
      <c r="BY31" s="21">
        <f t="shared" si="8"/>
        <v>541</v>
      </c>
      <c r="BZ31" s="21">
        <f t="shared" si="9"/>
        <v>467</v>
      </c>
      <c r="CA31" s="21">
        <f t="shared" si="10"/>
        <v>473</v>
      </c>
      <c r="CB31" s="21">
        <f t="shared" si="11"/>
        <v>-18</v>
      </c>
      <c r="CC31" s="21">
        <f t="shared" si="12"/>
        <v>-13</v>
      </c>
      <c r="CD31" s="21">
        <f t="shared" si="13"/>
        <v>-8</v>
      </c>
      <c r="CE31" s="21">
        <f t="shared" si="14"/>
        <v>2</v>
      </c>
      <c r="CF31" s="21">
        <f t="shared" si="15"/>
        <v>8</v>
      </c>
      <c r="CG31" s="21">
        <f t="shared" si="16"/>
        <v>15</v>
      </c>
      <c r="CH31" s="21">
        <f t="shared" si="17"/>
        <v>107</v>
      </c>
      <c r="CI31" s="21">
        <f t="shared" si="18"/>
        <v>271</v>
      </c>
      <c r="CJ31" s="21">
        <f t="shared" si="19"/>
        <v>225</v>
      </c>
      <c r="CK31" s="21">
        <f t="shared" si="20"/>
        <v>1062</v>
      </c>
      <c r="CL31" s="21">
        <f t="shared" si="21"/>
        <v>1102</v>
      </c>
      <c r="CM31" s="21">
        <f t="shared" si="22"/>
        <v>1254</v>
      </c>
      <c r="CN31" s="21">
        <f t="shared" si="23"/>
        <v>551</v>
      </c>
      <c r="CO31" s="20"/>
    </row>
    <row r="32" spans="1:93" x14ac:dyDescent="0.7">
      <c r="A32" s="7"/>
      <c r="E32" s="8" t="s">
        <v>34</v>
      </c>
      <c r="F32" s="42">
        <v>3812</v>
      </c>
      <c r="G32" s="42">
        <v>3360</v>
      </c>
      <c r="H32" s="42">
        <v>3934</v>
      </c>
      <c r="I32" s="42">
        <v>3739</v>
      </c>
      <c r="J32" s="42">
        <v>2836</v>
      </c>
      <c r="K32" s="42">
        <v>3193</v>
      </c>
      <c r="L32" s="42">
        <v>3968</v>
      </c>
      <c r="M32" s="42">
        <v>4685</v>
      </c>
      <c r="N32" s="42">
        <v>4063</v>
      </c>
      <c r="O32" s="42">
        <v>5186</v>
      </c>
      <c r="P32" s="42">
        <v>6404</v>
      </c>
      <c r="Q32" s="42">
        <v>4298</v>
      </c>
      <c r="R32" s="42">
        <v>4024</v>
      </c>
      <c r="S32" s="42">
        <v>6435</v>
      </c>
      <c r="T32" s="42">
        <v>8239</v>
      </c>
      <c r="U32" s="42">
        <v>4342</v>
      </c>
      <c r="V32" s="42">
        <v>3296</v>
      </c>
      <c r="W32" s="42">
        <v>5039</v>
      </c>
      <c r="X32" s="42">
        <v>7099</v>
      </c>
      <c r="Y32" s="42">
        <v>6554</v>
      </c>
      <c r="Z32" s="42">
        <v>6227</v>
      </c>
      <c r="AA32" s="42">
        <v>7578</v>
      </c>
      <c r="AB32" s="42">
        <v>7925</v>
      </c>
      <c r="AC32" s="42">
        <v>6752</v>
      </c>
      <c r="AD32" s="42">
        <v>5998</v>
      </c>
      <c r="AE32" s="7"/>
      <c r="AF32" s="13"/>
      <c r="AG32" s="9"/>
      <c r="AH32" s="9"/>
      <c r="AI32" s="9"/>
      <c r="AJ32" s="9" t="s">
        <v>34</v>
      </c>
      <c r="AK32" s="21">
        <v>3812</v>
      </c>
      <c r="AL32" s="21">
        <v>3359</v>
      </c>
      <c r="AM32" s="21">
        <v>3934</v>
      </c>
      <c r="AN32" s="21">
        <v>3739</v>
      </c>
      <c r="AO32" s="21">
        <v>2836</v>
      </c>
      <c r="AP32" s="21">
        <v>3194</v>
      </c>
      <c r="AQ32" s="21">
        <v>3968</v>
      </c>
      <c r="AR32" s="21">
        <v>4685</v>
      </c>
      <c r="AS32" s="21">
        <v>4063</v>
      </c>
      <c r="AT32" s="21">
        <v>5185</v>
      </c>
      <c r="AU32" s="21">
        <v>6405</v>
      </c>
      <c r="AV32" s="21">
        <v>4298</v>
      </c>
      <c r="AW32" s="21">
        <v>3258</v>
      </c>
      <c r="AX32" s="21">
        <v>5353</v>
      </c>
      <c r="AY32" s="21">
        <v>7061</v>
      </c>
      <c r="AZ32" s="21">
        <v>3845</v>
      </c>
      <c r="BA32" s="21">
        <v>3026</v>
      </c>
      <c r="BB32" s="21">
        <v>4816</v>
      </c>
      <c r="BC32" s="21">
        <v>7099</v>
      </c>
      <c r="BD32" s="21">
        <v>6554</v>
      </c>
      <c r="BE32" s="21">
        <v>6227</v>
      </c>
      <c r="BF32" s="21">
        <v>7578</v>
      </c>
      <c r="BG32" s="21">
        <v>7925</v>
      </c>
      <c r="BH32" s="21">
        <v>6752</v>
      </c>
      <c r="BI32" s="21">
        <v>5998</v>
      </c>
      <c r="BJ32" s="14"/>
      <c r="BK32" s="16"/>
      <c r="BL32" s="9"/>
      <c r="BM32" s="9"/>
      <c r="BN32" s="9"/>
      <c r="BO32" s="9" t="s">
        <v>34</v>
      </c>
      <c r="BP32" s="21">
        <f t="shared" si="24"/>
        <v>0</v>
      </c>
      <c r="BQ32" s="21">
        <f t="shared" si="0"/>
        <v>-1</v>
      </c>
      <c r="BR32" s="21">
        <f t="shared" si="1"/>
        <v>0</v>
      </c>
      <c r="BS32" s="21">
        <f t="shared" si="2"/>
        <v>0</v>
      </c>
      <c r="BT32" s="21">
        <f t="shared" si="3"/>
        <v>0</v>
      </c>
      <c r="BU32" s="21">
        <f t="shared" si="4"/>
        <v>1</v>
      </c>
      <c r="BV32" s="21">
        <f t="shared" si="5"/>
        <v>0</v>
      </c>
      <c r="BW32" s="21">
        <f t="shared" si="6"/>
        <v>0</v>
      </c>
      <c r="BX32" s="21">
        <f t="shared" si="7"/>
        <v>0</v>
      </c>
      <c r="BY32" s="21">
        <f t="shared" si="8"/>
        <v>-1</v>
      </c>
      <c r="BZ32" s="21">
        <f t="shared" si="9"/>
        <v>1</v>
      </c>
      <c r="CA32" s="21">
        <f t="shared" si="10"/>
        <v>0</v>
      </c>
      <c r="CB32" s="21">
        <f t="shared" si="11"/>
        <v>-766</v>
      </c>
      <c r="CC32" s="21">
        <f t="shared" si="12"/>
        <v>-1082</v>
      </c>
      <c r="CD32" s="21">
        <f t="shared" si="13"/>
        <v>-1178</v>
      </c>
      <c r="CE32" s="21">
        <f t="shared" si="14"/>
        <v>-497</v>
      </c>
      <c r="CF32" s="21">
        <f t="shared" si="15"/>
        <v>-270</v>
      </c>
      <c r="CG32" s="21">
        <f t="shared" si="16"/>
        <v>-223</v>
      </c>
      <c r="CH32" s="21">
        <f t="shared" si="17"/>
        <v>0</v>
      </c>
      <c r="CI32" s="21">
        <f t="shared" si="18"/>
        <v>0</v>
      </c>
      <c r="CJ32" s="21">
        <f t="shared" si="19"/>
        <v>0</v>
      </c>
      <c r="CK32" s="21">
        <f t="shared" si="20"/>
        <v>0</v>
      </c>
      <c r="CL32" s="21">
        <f t="shared" si="21"/>
        <v>0</v>
      </c>
      <c r="CM32" s="21">
        <f t="shared" si="22"/>
        <v>0</v>
      </c>
      <c r="CN32" s="21">
        <f t="shared" si="23"/>
        <v>0</v>
      </c>
      <c r="CO32" s="20"/>
    </row>
    <row r="33" spans="1:93" x14ac:dyDescent="0.7">
      <c r="A33" s="7"/>
      <c r="E33" s="8" t="s">
        <v>35</v>
      </c>
      <c r="F33" s="42">
        <v>2093</v>
      </c>
      <c r="G33" s="42">
        <v>1972</v>
      </c>
      <c r="H33" s="42">
        <v>2215</v>
      </c>
      <c r="I33" s="42">
        <v>2192</v>
      </c>
      <c r="J33" s="42">
        <v>1521</v>
      </c>
      <c r="K33" s="42">
        <v>1689</v>
      </c>
      <c r="L33" s="42">
        <v>2029</v>
      </c>
      <c r="M33" s="42">
        <v>2771</v>
      </c>
      <c r="N33" s="42">
        <v>2418</v>
      </c>
      <c r="O33" s="42">
        <v>2874</v>
      </c>
      <c r="P33" s="42">
        <v>3480</v>
      </c>
      <c r="Q33" s="42">
        <v>2512</v>
      </c>
      <c r="R33" s="42">
        <v>2341</v>
      </c>
      <c r="S33" s="42">
        <v>3617</v>
      </c>
      <c r="T33" s="42">
        <v>4690</v>
      </c>
      <c r="U33" s="42">
        <v>2505</v>
      </c>
      <c r="V33" s="42">
        <v>1934</v>
      </c>
      <c r="W33" s="42">
        <v>2859</v>
      </c>
      <c r="X33" s="42">
        <v>4101</v>
      </c>
      <c r="Y33" s="42">
        <v>4062</v>
      </c>
      <c r="Z33" s="42">
        <v>3904</v>
      </c>
      <c r="AA33" s="42">
        <v>4684</v>
      </c>
      <c r="AB33" s="42">
        <v>4685</v>
      </c>
      <c r="AC33" s="42">
        <v>4366</v>
      </c>
      <c r="AD33" s="42">
        <v>3864</v>
      </c>
      <c r="AE33" s="7"/>
      <c r="AF33" s="13"/>
      <c r="AG33" s="9"/>
      <c r="AH33" s="9"/>
      <c r="AI33" s="9"/>
      <c r="AJ33" s="9" t="s">
        <v>35</v>
      </c>
      <c r="AK33" s="21">
        <v>2093</v>
      </c>
      <c r="AL33" s="21">
        <v>1972</v>
      </c>
      <c r="AM33" s="21">
        <v>2215</v>
      </c>
      <c r="AN33" s="21">
        <v>2192</v>
      </c>
      <c r="AO33" s="21">
        <v>1521</v>
      </c>
      <c r="AP33" s="21">
        <v>1689</v>
      </c>
      <c r="AQ33" s="21">
        <v>2029</v>
      </c>
      <c r="AR33" s="21">
        <v>2771</v>
      </c>
      <c r="AS33" s="21">
        <v>2418</v>
      </c>
      <c r="AT33" s="21">
        <v>2874</v>
      </c>
      <c r="AU33" s="21">
        <v>3480</v>
      </c>
      <c r="AV33" s="21">
        <v>2512</v>
      </c>
      <c r="AW33" s="21">
        <v>1913</v>
      </c>
      <c r="AX33" s="21">
        <v>3033</v>
      </c>
      <c r="AY33" s="21">
        <v>4046</v>
      </c>
      <c r="AZ33" s="21">
        <v>2231</v>
      </c>
      <c r="BA33" s="21">
        <v>1782</v>
      </c>
      <c r="BB33" s="21">
        <v>2738</v>
      </c>
      <c r="BC33" s="21">
        <v>4101</v>
      </c>
      <c r="BD33" s="21">
        <v>4062</v>
      </c>
      <c r="BE33" s="21">
        <v>3904</v>
      </c>
      <c r="BF33" s="21">
        <v>4684</v>
      </c>
      <c r="BG33" s="21">
        <v>4685</v>
      </c>
      <c r="BH33" s="21">
        <v>4366</v>
      </c>
      <c r="BI33" s="21">
        <v>3864</v>
      </c>
      <c r="BJ33" s="14"/>
      <c r="BK33" s="16"/>
      <c r="BL33" s="9"/>
      <c r="BM33" s="9"/>
      <c r="BN33" s="9"/>
      <c r="BO33" s="9" t="s">
        <v>35</v>
      </c>
      <c r="BP33" s="21">
        <f t="shared" si="24"/>
        <v>0</v>
      </c>
      <c r="BQ33" s="21">
        <f t="shared" si="0"/>
        <v>0</v>
      </c>
      <c r="BR33" s="21">
        <f t="shared" si="1"/>
        <v>0</v>
      </c>
      <c r="BS33" s="21">
        <f t="shared" si="2"/>
        <v>0</v>
      </c>
      <c r="BT33" s="21">
        <f t="shared" si="3"/>
        <v>0</v>
      </c>
      <c r="BU33" s="21">
        <f t="shared" si="4"/>
        <v>0</v>
      </c>
      <c r="BV33" s="21">
        <f t="shared" si="5"/>
        <v>0</v>
      </c>
      <c r="BW33" s="21">
        <f t="shared" si="6"/>
        <v>0</v>
      </c>
      <c r="BX33" s="21">
        <f t="shared" si="7"/>
        <v>0</v>
      </c>
      <c r="BY33" s="21">
        <f t="shared" si="8"/>
        <v>0</v>
      </c>
      <c r="BZ33" s="21">
        <f t="shared" si="9"/>
        <v>0</v>
      </c>
      <c r="CA33" s="21">
        <f t="shared" si="10"/>
        <v>0</v>
      </c>
      <c r="CB33" s="21">
        <f t="shared" si="11"/>
        <v>-428</v>
      </c>
      <c r="CC33" s="21">
        <f t="shared" si="12"/>
        <v>-584</v>
      </c>
      <c r="CD33" s="21">
        <f t="shared" si="13"/>
        <v>-644</v>
      </c>
      <c r="CE33" s="21">
        <f t="shared" si="14"/>
        <v>-274</v>
      </c>
      <c r="CF33" s="21">
        <f t="shared" si="15"/>
        <v>-152</v>
      </c>
      <c r="CG33" s="21">
        <f t="shared" si="16"/>
        <v>-121</v>
      </c>
      <c r="CH33" s="21">
        <f t="shared" si="17"/>
        <v>0</v>
      </c>
      <c r="CI33" s="21">
        <f t="shared" si="18"/>
        <v>0</v>
      </c>
      <c r="CJ33" s="21">
        <f t="shared" si="19"/>
        <v>0</v>
      </c>
      <c r="CK33" s="21">
        <f t="shared" si="20"/>
        <v>0</v>
      </c>
      <c r="CL33" s="21">
        <f t="shared" si="21"/>
        <v>0</v>
      </c>
      <c r="CM33" s="21">
        <f t="shared" si="22"/>
        <v>0</v>
      </c>
      <c r="CN33" s="21">
        <f t="shared" si="23"/>
        <v>0</v>
      </c>
      <c r="CO33" s="20"/>
    </row>
    <row r="34" spans="1:93" x14ac:dyDescent="0.7">
      <c r="A34" s="7"/>
      <c r="E34" s="8" t="s">
        <v>36</v>
      </c>
      <c r="F34" s="42">
        <v>1719</v>
      </c>
      <c r="G34" s="42">
        <v>1388</v>
      </c>
      <c r="H34" s="42">
        <v>1719</v>
      </c>
      <c r="I34" s="42">
        <v>1547</v>
      </c>
      <c r="J34" s="42">
        <v>1315</v>
      </c>
      <c r="K34" s="42">
        <v>1504</v>
      </c>
      <c r="L34" s="42">
        <v>1939</v>
      </c>
      <c r="M34" s="42">
        <v>1914</v>
      </c>
      <c r="N34" s="42">
        <v>1645</v>
      </c>
      <c r="O34" s="42">
        <v>2312</v>
      </c>
      <c r="P34" s="42">
        <v>2924</v>
      </c>
      <c r="Q34" s="42">
        <v>1786</v>
      </c>
      <c r="R34" s="42">
        <v>1683</v>
      </c>
      <c r="S34" s="42">
        <v>2908</v>
      </c>
      <c r="T34" s="42">
        <v>3619</v>
      </c>
      <c r="U34" s="42">
        <v>1847</v>
      </c>
      <c r="V34" s="42">
        <v>1346</v>
      </c>
      <c r="W34" s="42">
        <v>2220</v>
      </c>
      <c r="X34" s="42">
        <v>2998</v>
      </c>
      <c r="Y34" s="42">
        <v>2493</v>
      </c>
      <c r="Z34" s="42">
        <v>2323</v>
      </c>
      <c r="AA34" s="42">
        <v>2895</v>
      </c>
      <c r="AB34" s="42">
        <v>3240</v>
      </c>
      <c r="AC34" s="42">
        <v>2386</v>
      </c>
      <c r="AD34" s="42">
        <v>2135</v>
      </c>
      <c r="AE34" s="7"/>
      <c r="AF34" s="13"/>
      <c r="AG34" s="9"/>
      <c r="AH34" s="9"/>
      <c r="AI34" s="9"/>
      <c r="AJ34" s="9" t="s">
        <v>36</v>
      </c>
      <c r="AK34" s="21">
        <v>1719</v>
      </c>
      <c r="AL34" s="21">
        <v>1388</v>
      </c>
      <c r="AM34" s="21">
        <v>1719</v>
      </c>
      <c r="AN34" s="21">
        <v>1547</v>
      </c>
      <c r="AO34" s="21">
        <v>1315</v>
      </c>
      <c r="AP34" s="21">
        <v>1504</v>
      </c>
      <c r="AQ34" s="21">
        <v>1939</v>
      </c>
      <c r="AR34" s="21">
        <v>1914</v>
      </c>
      <c r="AS34" s="21">
        <v>1645</v>
      </c>
      <c r="AT34" s="21">
        <v>2312</v>
      </c>
      <c r="AU34" s="21">
        <v>2924</v>
      </c>
      <c r="AV34" s="21">
        <v>1786</v>
      </c>
      <c r="AW34" s="21">
        <v>1338</v>
      </c>
      <c r="AX34" s="21">
        <v>2380</v>
      </c>
      <c r="AY34" s="21">
        <v>3059</v>
      </c>
      <c r="AZ34" s="21">
        <v>1616</v>
      </c>
      <c r="BA34" s="21">
        <v>1225</v>
      </c>
      <c r="BB34" s="21">
        <v>2112</v>
      </c>
      <c r="BC34" s="21">
        <v>2998</v>
      </c>
      <c r="BD34" s="21">
        <v>2493</v>
      </c>
      <c r="BE34" s="21">
        <v>2323</v>
      </c>
      <c r="BF34" s="21">
        <v>2895</v>
      </c>
      <c r="BG34" s="21">
        <v>3240</v>
      </c>
      <c r="BH34" s="21">
        <v>2386</v>
      </c>
      <c r="BI34" s="21">
        <v>2135</v>
      </c>
      <c r="BJ34" s="14"/>
      <c r="BK34" s="16"/>
      <c r="BL34" s="9"/>
      <c r="BM34" s="9"/>
      <c r="BN34" s="9"/>
      <c r="BO34" s="9" t="s">
        <v>36</v>
      </c>
      <c r="BP34" s="21">
        <f t="shared" si="24"/>
        <v>0</v>
      </c>
      <c r="BQ34" s="21">
        <f t="shared" si="0"/>
        <v>0</v>
      </c>
      <c r="BR34" s="21">
        <f t="shared" si="1"/>
        <v>0</v>
      </c>
      <c r="BS34" s="21">
        <f t="shared" si="2"/>
        <v>0</v>
      </c>
      <c r="BT34" s="21">
        <f t="shared" si="3"/>
        <v>0</v>
      </c>
      <c r="BU34" s="21">
        <f t="shared" si="4"/>
        <v>0</v>
      </c>
      <c r="BV34" s="21">
        <f t="shared" si="5"/>
        <v>0</v>
      </c>
      <c r="BW34" s="21">
        <f t="shared" si="6"/>
        <v>0</v>
      </c>
      <c r="BX34" s="21">
        <f t="shared" si="7"/>
        <v>0</v>
      </c>
      <c r="BY34" s="21">
        <f t="shared" si="8"/>
        <v>0</v>
      </c>
      <c r="BZ34" s="21">
        <f t="shared" si="9"/>
        <v>0</v>
      </c>
      <c r="CA34" s="21">
        <f t="shared" si="10"/>
        <v>0</v>
      </c>
      <c r="CB34" s="21">
        <f t="shared" si="11"/>
        <v>-345</v>
      </c>
      <c r="CC34" s="21">
        <f t="shared" si="12"/>
        <v>-528</v>
      </c>
      <c r="CD34" s="21">
        <f t="shared" si="13"/>
        <v>-560</v>
      </c>
      <c r="CE34" s="21">
        <f t="shared" si="14"/>
        <v>-231</v>
      </c>
      <c r="CF34" s="21">
        <f t="shared" si="15"/>
        <v>-121</v>
      </c>
      <c r="CG34" s="21">
        <f t="shared" si="16"/>
        <v>-108</v>
      </c>
      <c r="CH34" s="21">
        <f t="shared" si="17"/>
        <v>0</v>
      </c>
      <c r="CI34" s="21">
        <f t="shared" si="18"/>
        <v>0</v>
      </c>
      <c r="CJ34" s="21">
        <f t="shared" si="19"/>
        <v>0</v>
      </c>
      <c r="CK34" s="21">
        <f t="shared" si="20"/>
        <v>0</v>
      </c>
      <c r="CL34" s="21">
        <f t="shared" si="21"/>
        <v>0</v>
      </c>
      <c r="CM34" s="21">
        <f t="shared" si="22"/>
        <v>0</v>
      </c>
      <c r="CN34" s="21">
        <f t="shared" si="23"/>
        <v>0</v>
      </c>
      <c r="CO34" s="20"/>
    </row>
    <row r="35" spans="1:93" x14ac:dyDescent="0.7">
      <c r="A35" s="7"/>
      <c r="D35" s="8" t="s">
        <v>39</v>
      </c>
      <c r="E35" s="8" t="s">
        <v>27</v>
      </c>
      <c r="F35" s="42">
        <v>21213</v>
      </c>
      <c r="G35" s="42">
        <v>19047</v>
      </c>
      <c r="H35" s="42">
        <v>23866</v>
      </c>
      <c r="I35" s="42">
        <v>20319</v>
      </c>
      <c r="J35" s="42">
        <v>16919</v>
      </c>
      <c r="K35" s="42">
        <v>23857</v>
      </c>
      <c r="L35" s="42">
        <v>26334</v>
      </c>
      <c r="M35" s="42">
        <v>25107</v>
      </c>
      <c r="N35" s="42">
        <v>23238</v>
      </c>
      <c r="O35" s="42">
        <v>26959</v>
      </c>
      <c r="P35" s="42">
        <v>26060</v>
      </c>
      <c r="Q35" s="42">
        <v>29251</v>
      </c>
      <c r="R35" s="42">
        <v>40590</v>
      </c>
      <c r="S35" s="42">
        <v>42616</v>
      </c>
      <c r="T35" s="42">
        <v>41239</v>
      </c>
      <c r="U35" s="42">
        <v>39186</v>
      </c>
      <c r="V35" s="42">
        <v>35137</v>
      </c>
      <c r="W35" s="42">
        <v>37931</v>
      </c>
      <c r="X35" s="42">
        <v>37286</v>
      </c>
      <c r="Y35" s="42">
        <v>27224</v>
      </c>
      <c r="Z35" s="42">
        <v>26338</v>
      </c>
      <c r="AA35" s="42">
        <v>29958</v>
      </c>
      <c r="AB35" s="42">
        <v>29792</v>
      </c>
      <c r="AC35" s="42">
        <v>26983</v>
      </c>
      <c r="AD35" s="42">
        <v>21714</v>
      </c>
      <c r="AE35" s="7"/>
      <c r="AF35" s="13"/>
      <c r="AG35" s="9"/>
      <c r="AH35" s="9"/>
      <c r="AI35" s="9" t="s">
        <v>39</v>
      </c>
      <c r="AJ35" s="9" t="s">
        <v>27</v>
      </c>
      <c r="AK35" s="21">
        <v>21301</v>
      </c>
      <c r="AL35" s="21">
        <v>19158</v>
      </c>
      <c r="AM35" s="21">
        <v>24061</v>
      </c>
      <c r="AN35" s="21">
        <v>20508</v>
      </c>
      <c r="AO35" s="21">
        <v>17093</v>
      </c>
      <c r="AP35" s="21">
        <v>23992</v>
      </c>
      <c r="AQ35" s="21">
        <v>26750</v>
      </c>
      <c r="AR35" s="21">
        <v>25401</v>
      </c>
      <c r="AS35" s="21">
        <v>20576</v>
      </c>
      <c r="AT35" s="21">
        <v>24172</v>
      </c>
      <c r="AU35" s="21">
        <v>23473</v>
      </c>
      <c r="AV35" s="21">
        <v>26098</v>
      </c>
      <c r="AW35" s="21">
        <v>23817</v>
      </c>
      <c r="AX35" s="21">
        <v>25127</v>
      </c>
      <c r="AY35" s="21">
        <v>24445</v>
      </c>
      <c r="AZ35" s="21">
        <v>23412</v>
      </c>
      <c r="BA35" s="21">
        <v>21121</v>
      </c>
      <c r="BB35" s="21">
        <v>22952</v>
      </c>
      <c r="BC35" s="21">
        <v>22705</v>
      </c>
      <c r="BD35" s="21">
        <v>20805</v>
      </c>
      <c r="BE35" s="21">
        <v>19752</v>
      </c>
      <c r="BF35" s="21">
        <v>21858</v>
      </c>
      <c r="BG35" s="21">
        <v>21482</v>
      </c>
      <c r="BH35" s="21">
        <v>21079</v>
      </c>
      <c r="BI35" s="21">
        <v>20491</v>
      </c>
      <c r="BJ35" s="14"/>
      <c r="BK35" s="16"/>
      <c r="BL35" s="9"/>
      <c r="BM35" s="9"/>
      <c r="BN35" s="9" t="s">
        <v>39</v>
      </c>
      <c r="BO35" s="9" t="s">
        <v>27</v>
      </c>
      <c r="BP35" s="21">
        <f t="shared" si="24"/>
        <v>88</v>
      </c>
      <c r="BQ35" s="21">
        <f t="shared" si="0"/>
        <v>111</v>
      </c>
      <c r="BR35" s="21">
        <f t="shared" si="1"/>
        <v>195</v>
      </c>
      <c r="BS35" s="21">
        <f t="shared" si="2"/>
        <v>189</v>
      </c>
      <c r="BT35" s="21">
        <f t="shared" si="3"/>
        <v>174</v>
      </c>
      <c r="BU35" s="21">
        <f t="shared" si="4"/>
        <v>135</v>
      </c>
      <c r="BV35" s="21">
        <f t="shared" si="5"/>
        <v>416</v>
      </c>
      <c r="BW35" s="21">
        <f t="shared" si="6"/>
        <v>294</v>
      </c>
      <c r="BX35" s="21">
        <f t="shared" si="7"/>
        <v>-2662</v>
      </c>
      <c r="BY35" s="21">
        <f t="shared" si="8"/>
        <v>-2787</v>
      </c>
      <c r="BZ35" s="21">
        <f t="shared" si="9"/>
        <v>-2587</v>
      </c>
      <c r="CA35" s="21">
        <f t="shared" si="10"/>
        <v>-3153</v>
      </c>
      <c r="CB35" s="21">
        <f t="shared" si="11"/>
        <v>-16773</v>
      </c>
      <c r="CC35" s="21">
        <f t="shared" si="12"/>
        <v>-17489</v>
      </c>
      <c r="CD35" s="21">
        <f t="shared" si="13"/>
        <v>-16794</v>
      </c>
      <c r="CE35" s="21">
        <f t="shared" si="14"/>
        <v>-15774</v>
      </c>
      <c r="CF35" s="21">
        <f t="shared" si="15"/>
        <v>-14016</v>
      </c>
      <c r="CG35" s="21">
        <f t="shared" si="16"/>
        <v>-14979</v>
      </c>
      <c r="CH35" s="21">
        <f t="shared" si="17"/>
        <v>-14581</v>
      </c>
      <c r="CI35" s="21">
        <f t="shared" si="18"/>
        <v>-6419</v>
      </c>
      <c r="CJ35" s="21">
        <f t="shared" si="19"/>
        <v>-6586</v>
      </c>
      <c r="CK35" s="21">
        <f t="shared" si="20"/>
        <v>-8100</v>
      </c>
      <c r="CL35" s="21">
        <f t="shared" si="21"/>
        <v>-8310</v>
      </c>
      <c r="CM35" s="21">
        <f t="shared" si="22"/>
        <v>-5904</v>
      </c>
      <c r="CN35" s="21">
        <f t="shared" si="23"/>
        <v>-1223</v>
      </c>
      <c r="CO35" s="20"/>
    </row>
    <row r="36" spans="1:93" x14ac:dyDescent="0.7">
      <c r="A36" s="7"/>
      <c r="E36" s="8" t="s">
        <v>28</v>
      </c>
      <c r="F36" s="42">
        <v>20631</v>
      </c>
      <c r="G36" s="42">
        <v>18595</v>
      </c>
      <c r="H36" s="42">
        <v>23266</v>
      </c>
      <c r="I36" s="42">
        <v>19841</v>
      </c>
      <c r="J36" s="42">
        <v>16502</v>
      </c>
      <c r="K36" s="42">
        <v>23239</v>
      </c>
      <c r="L36" s="42">
        <v>25441</v>
      </c>
      <c r="M36" s="42">
        <v>24069</v>
      </c>
      <c r="N36" s="42">
        <v>22269</v>
      </c>
      <c r="O36" s="42">
        <v>25790</v>
      </c>
      <c r="P36" s="42">
        <v>24905</v>
      </c>
      <c r="Q36" s="42">
        <v>28069</v>
      </c>
      <c r="R36" s="42">
        <v>39412</v>
      </c>
      <c r="S36" s="42">
        <v>41396</v>
      </c>
      <c r="T36" s="42">
        <v>39979</v>
      </c>
      <c r="U36" s="42">
        <v>37995</v>
      </c>
      <c r="V36" s="42">
        <v>34041</v>
      </c>
      <c r="W36" s="42">
        <v>36781</v>
      </c>
      <c r="X36" s="42">
        <v>36116</v>
      </c>
      <c r="Y36" s="42">
        <v>25884</v>
      </c>
      <c r="Z36" s="42">
        <v>25094</v>
      </c>
      <c r="AA36" s="42">
        <v>28608</v>
      </c>
      <c r="AB36" s="42">
        <v>28443</v>
      </c>
      <c r="AC36" s="42">
        <v>25548</v>
      </c>
      <c r="AD36" s="42">
        <v>21240</v>
      </c>
      <c r="AE36" s="7"/>
      <c r="AF36" s="13"/>
      <c r="AG36" s="9"/>
      <c r="AH36" s="9"/>
      <c r="AI36" s="9"/>
      <c r="AJ36" s="9" t="s">
        <v>28</v>
      </c>
      <c r="AK36" s="21">
        <v>20719</v>
      </c>
      <c r="AL36" s="21">
        <v>18706</v>
      </c>
      <c r="AM36" s="21">
        <v>23461</v>
      </c>
      <c r="AN36" s="21">
        <v>20031</v>
      </c>
      <c r="AO36" s="21">
        <v>16674</v>
      </c>
      <c r="AP36" s="21">
        <v>23374</v>
      </c>
      <c r="AQ36" s="21">
        <v>25853</v>
      </c>
      <c r="AR36" s="21">
        <v>24363</v>
      </c>
      <c r="AS36" s="21">
        <v>20085</v>
      </c>
      <c r="AT36" s="21">
        <v>23586</v>
      </c>
      <c r="AU36" s="21">
        <v>22907</v>
      </c>
      <c r="AV36" s="21">
        <v>25525</v>
      </c>
      <c r="AW36" s="21">
        <v>23278</v>
      </c>
      <c r="AX36" s="21">
        <v>24571</v>
      </c>
      <c r="AY36" s="21">
        <v>23859</v>
      </c>
      <c r="AZ36" s="21">
        <v>22860</v>
      </c>
      <c r="BA36" s="21">
        <v>20609</v>
      </c>
      <c r="BB36" s="21">
        <v>22419</v>
      </c>
      <c r="BC36" s="21">
        <v>22150</v>
      </c>
      <c r="BD36" s="21">
        <v>20285</v>
      </c>
      <c r="BE36" s="21">
        <v>19255</v>
      </c>
      <c r="BF36" s="21">
        <v>21316</v>
      </c>
      <c r="BG36" s="21">
        <v>20946</v>
      </c>
      <c r="BH36" s="21">
        <v>20546</v>
      </c>
      <c r="BI36" s="21">
        <v>19966</v>
      </c>
      <c r="BJ36" s="14"/>
      <c r="BK36" s="16"/>
      <c r="BL36" s="9"/>
      <c r="BM36" s="9"/>
      <c r="BN36" s="9"/>
      <c r="BO36" s="9" t="s">
        <v>28</v>
      </c>
      <c r="BP36" s="21">
        <f t="shared" si="24"/>
        <v>88</v>
      </c>
      <c r="BQ36" s="21">
        <f t="shared" si="0"/>
        <v>111</v>
      </c>
      <c r="BR36" s="21">
        <f t="shared" si="1"/>
        <v>195</v>
      </c>
      <c r="BS36" s="21">
        <f t="shared" si="2"/>
        <v>190</v>
      </c>
      <c r="BT36" s="21">
        <f t="shared" si="3"/>
        <v>172</v>
      </c>
      <c r="BU36" s="21">
        <f t="shared" si="4"/>
        <v>135</v>
      </c>
      <c r="BV36" s="21">
        <f t="shared" si="5"/>
        <v>412</v>
      </c>
      <c r="BW36" s="21">
        <f t="shared" si="6"/>
        <v>294</v>
      </c>
      <c r="BX36" s="21">
        <f t="shared" si="7"/>
        <v>-2184</v>
      </c>
      <c r="BY36" s="21">
        <f t="shared" si="8"/>
        <v>-2204</v>
      </c>
      <c r="BZ36" s="21">
        <f t="shared" si="9"/>
        <v>-1998</v>
      </c>
      <c r="CA36" s="21">
        <f t="shared" si="10"/>
        <v>-2544</v>
      </c>
      <c r="CB36" s="21">
        <f t="shared" si="11"/>
        <v>-16134</v>
      </c>
      <c r="CC36" s="21">
        <f t="shared" si="12"/>
        <v>-16825</v>
      </c>
      <c r="CD36" s="21">
        <f t="shared" si="13"/>
        <v>-16120</v>
      </c>
      <c r="CE36" s="21">
        <f t="shared" si="14"/>
        <v>-15135</v>
      </c>
      <c r="CF36" s="21">
        <f t="shared" si="15"/>
        <v>-13432</v>
      </c>
      <c r="CG36" s="21">
        <f t="shared" si="16"/>
        <v>-14362</v>
      </c>
      <c r="CH36" s="21">
        <f t="shared" si="17"/>
        <v>-13966</v>
      </c>
      <c r="CI36" s="21">
        <f t="shared" si="18"/>
        <v>-5599</v>
      </c>
      <c r="CJ36" s="21">
        <f t="shared" si="19"/>
        <v>-5839</v>
      </c>
      <c r="CK36" s="21">
        <f t="shared" si="20"/>
        <v>-7292</v>
      </c>
      <c r="CL36" s="21">
        <f t="shared" si="21"/>
        <v>-7497</v>
      </c>
      <c r="CM36" s="21">
        <f t="shared" si="22"/>
        <v>-5002</v>
      </c>
      <c r="CN36" s="21">
        <f t="shared" si="23"/>
        <v>-1274</v>
      </c>
      <c r="CO36" s="20"/>
    </row>
    <row r="37" spans="1:93" x14ac:dyDescent="0.7">
      <c r="A37" s="7"/>
      <c r="E37" s="8" t="s">
        <v>29</v>
      </c>
      <c r="F37" s="42">
        <v>416</v>
      </c>
      <c r="G37" s="42">
        <v>361</v>
      </c>
      <c r="H37" s="42">
        <v>412</v>
      </c>
      <c r="I37" s="42">
        <v>338</v>
      </c>
      <c r="J37" s="42">
        <v>274</v>
      </c>
      <c r="K37" s="42">
        <v>343</v>
      </c>
      <c r="L37" s="42">
        <v>343</v>
      </c>
      <c r="M37" s="42">
        <v>295</v>
      </c>
      <c r="N37" s="42">
        <v>271</v>
      </c>
      <c r="O37" s="42">
        <v>315</v>
      </c>
      <c r="P37" s="42">
        <v>299</v>
      </c>
      <c r="Q37" s="42">
        <v>283</v>
      </c>
      <c r="R37" s="42">
        <v>265</v>
      </c>
      <c r="S37" s="42">
        <v>306</v>
      </c>
      <c r="T37" s="42">
        <v>333</v>
      </c>
      <c r="U37" s="42">
        <v>356</v>
      </c>
      <c r="V37" s="42">
        <v>143</v>
      </c>
      <c r="W37" s="42">
        <v>143</v>
      </c>
      <c r="X37" s="42">
        <v>130</v>
      </c>
      <c r="Y37" s="42">
        <v>107</v>
      </c>
      <c r="Z37" s="42">
        <v>98</v>
      </c>
      <c r="AA37" s="42">
        <v>101</v>
      </c>
      <c r="AB37" s="42">
        <v>90</v>
      </c>
      <c r="AC37" s="42">
        <v>80</v>
      </c>
      <c r="AD37" s="42">
        <v>70</v>
      </c>
      <c r="AE37" s="7"/>
      <c r="AF37" s="13"/>
      <c r="AG37" s="9"/>
      <c r="AH37" s="9"/>
      <c r="AI37" s="9"/>
      <c r="AJ37" s="9" t="s">
        <v>29</v>
      </c>
      <c r="AK37" s="21">
        <v>416</v>
      </c>
      <c r="AL37" s="21">
        <v>361</v>
      </c>
      <c r="AM37" s="21">
        <v>412</v>
      </c>
      <c r="AN37" s="21">
        <v>338</v>
      </c>
      <c r="AO37" s="21">
        <v>277</v>
      </c>
      <c r="AP37" s="21">
        <v>344</v>
      </c>
      <c r="AQ37" s="21">
        <v>347</v>
      </c>
      <c r="AR37" s="21">
        <v>295</v>
      </c>
      <c r="AS37" s="21">
        <v>263</v>
      </c>
      <c r="AT37" s="21">
        <v>281</v>
      </c>
      <c r="AU37" s="21">
        <v>247</v>
      </c>
      <c r="AV37" s="21">
        <v>216</v>
      </c>
      <c r="AW37" s="21">
        <v>187</v>
      </c>
      <c r="AX37" s="21">
        <v>185</v>
      </c>
      <c r="AY37" s="21">
        <v>165</v>
      </c>
      <c r="AZ37" s="21">
        <v>162</v>
      </c>
      <c r="BA37" s="21">
        <v>138</v>
      </c>
      <c r="BB37" s="21">
        <v>140</v>
      </c>
      <c r="BC37" s="21">
        <v>128</v>
      </c>
      <c r="BD37" s="21">
        <v>107</v>
      </c>
      <c r="BE37" s="21">
        <v>98</v>
      </c>
      <c r="BF37" s="21">
        <v>101</v>
      </c>
      <c r="BG37" s="21">
        <v>90</v>
      </c>
      <c r="BH37" s="21">
        <v>80</v>
      </c>
      <c r="BI37" s="21">
        <v>70</v>
      </c>
      <c r="BJ37" s="14"/>
      <c r="BK37" s="16"/>
      <c r="BL37" s="9"/>
      <c r="BM37" s="9"/>
      <c r="BN37" s="9"/>
      <c r="BO37" s="9" t="s">
        <v>29</v>
      </c>
      <c r="BP37" s="21">
        <f t="shared" si="24"/>
        <v>0</v>
      </c>
      <c r="BQ37" s="21">
        <f t="shared" si="0"/>
        <v>0</v>
      </c>
      <c r="BR37" s="21">
        <f t="shared" si="1"/>
        <v>0</v>
      </c>
      <c r="BS37" s="21">
        <f t="shared" si="2"/>
        <v>0</v>
      </c>
      <c r="BT37" s="21">
        <f t="shared" si="3"/>
        <v>3</v>
      </c>
      <c r="BU37" s="21">
        <f t="shared" si="4"/>
        <v>1</v>
      </c>
      <c r="BV37" s="21">
        <f t="shared" si="5"/>
        <v>4</v>
      </c>
      <c r="BW37" s="21">
        <f t="shared" si="6"/>
        <v>0</v>
      </c>
      <c r="BX37" s="21">
        <f t="shared" si="7"/>
        <v>-8</v>
      </c>
      <c r="BY37" s="21">
        <f t="shared" si="8"/>
        <v>-34</v>
      </c>
      <c r="BZ37" s="21">
        <f t="shared" si="9"/>
        <v>-52</v>
      </c>
      <c r="CA37" s="21">
        <f t="shared" si="10"/>
        <v>-67</v>
      </c>
      <c r="CB37" s="21">
        <f t="shared" si="11"/>
        <v>-78</v>
      </c>
      <c r="CC37" s="21">
        <f t="shared" si="12"/>
        <v>-121</v>
      </c>
      <c r="CD37" s="21">
        <f t="shared" si="13"/>
        <v>-168</v>
      </c>
      <c r="CE37" s="21">
        <f t="shared" si="14"/>
        <v>-194</v>
      </c>
      <c r="CF37" s="21">
        <f t="shared" si="15"/>
        <v>-5</v>
      </c>
      <c r="CG37" s="21">
        <f t="shared" si="16"/>
        <v>-3</v>
      </c>
      <c r="CH37" s="21">
        <f t="shared" si="17"/>
        <v>-2</v>
      </c>
      <c r="CI37" s="21">
        <f t="shared" si="18"/>
        <v>0</v>
      </c>
      <c r="CJ37" s="21">
        <f t="shared" si="19"/>
        <v>0</v>
      </c>
      <c r="CK37" s="21">
        <f t="shared" si="20"/>
        <v>0</v>
      </c>
      <c r="CL37" s="21">
        <f t="shared" si="21"/>
        <v>0</v>
      </c>
      <c r="CM37" s="21">
        <f t="shared" si="22"/>
        <v>0</v>
      </c>
      <c r="CN37" s="21">
        <f t="shared" si="23"/>
        <v>0</v>
      </c>
      <c r="CO37" s="20"/>
    </row>
    <row r="38" spans="1:93" x14ac:dyDescent="0.7">
      <c r="A38" s="7"/>
      <c r="E38" s="8" t="s">
        <v>30</v>
      </c>
      <c r="F38" s="42">
        <v>15446</v>
      </c>
      <c r="G38" s="42">
        <v>13930</v>
      </c>
      <c r="H38" s="42">
        <v>17489</v>
      </c>
      <c r="I38" s="42">
        <v>14607</v>
      </c>
      <c r="J38" s="42">
        <v>11682</v>
      </c>
      <c r="K38" s="42">
        <v>16547</v>
      </c>
      <c r="L38" s="42">
        <v>18113</v>
      </c>
      <c r="M38" s="42">
        <v>16720</v>
      </c>
      <c r="N38" s="42">
        <v>15143</v>
      </c>
      <c r="O38" s="42">
        <v>17547</v>
      </c>
      <c r="P38" s="42">
        <v>16810</v>
      </c>
      <c r="Q38" s="42">
        <v>17367</v>
      </c>
      <c r="R38" s="42">
        <v>20787</v>
      </c>
      <c r="S38" s="42">
        <v>22488</v>
      </c>
      <c r="T38" s="42">
        <v>22592</v>
      </c>
      <c r="U38" s="42">
        <v>22525</v>
      </c>
      <c r="V38" s="42">
        <v>21298</v>
      </c>
      <c r="W38" s="42">
        <v>24173</v>
      </c>
      <c r="X38" s="42">
        <v>24851</v>
      </c>
      <c r="Y38" s="42">
        <v>14312</v>
      </c>
      <c r="Z38" s="42">
        <v>14029</v>
      </c>
      <c r="AA38" s="42">
        <v>15687</v>
      </c>
      <c r="AB38" s="42">
        <v>15481</v>
      </c>
      <c r="AC38" s="42">
        <v>15187</v>
      </c>
      <c r="AD38" s="42">
        <v>13284</v>
      </c>
      <c r="AE38" s="7"/>
      <c r="AF38" s="13"/>
      <c r="AG38" s="9"/>
      <c r="AH38" s="9"/>
      <c r="AI38" s="9"/>
      <c r="AJ38" s="9" t="s">
        <v>30</v>
      </c>
      <c r="AK38" s="21">
        <v>15496</v>
      </c>
      <c r="AL38" s="21">
        <v>13998</v>
      </c>
      <c r="AM38" s="21">
        <v>17606</v>
      </c>
      <c r="AN38" s="21">
        <v>14713</v>
      </c>
      <c r="AO38" s="21">
        <v>11800</v>
      </c>
      <c r="AP38" s="21">
        <v>16611</v>
      </c>
      <c r="AQ38" s="21">
        <v>18375</v>
      </c>
      <c r="AR38" s="21">
        <v>16860</v>
      </c>
      <c r="AS38" s="21">
        <v>14289</v>
      </c>
      <c r="AT38" s="21">
        <v>16785</v>
      </c>
      <c r="AU38" s="21">
        <v>16166</v>
      </c>
      <c r="AV38" s="21">
        <v>16547</v>
      </c>
      <c r="AW38" s="21">
        <v>14400</v>
      </c>
      <c r="AX38" s="21">
        <v>15065</v>
      </c>
      <c r="AY38" s="21">
        <v>14683</v>
      </c>
      <c r="AZ38" s="21">
        <v>14145</v>
      </c>
      <c r="BA38" s="21">
        <v>12563</v>
      </c>
      <c r="BB38" s="21">
        <v>13708</v>
      </c>
      <c r="BC38" s="21">
        <v>13507</v>
      </c>
      <c r="BD38" s="21">
        <v>12111</v>
      </c>
      <c r="BE38" s="21">
        <v>11340</v>
      </c>
      <c r="BF38" s="21">
        <v>12438</v>
      </c>
      <c r="BG38" s="21">
        <v>12059</v>
      </c>
      <c r="BH38" s="21">
        <v>11354</v>
      </c>
      <c r="BI38" s="21">
        <v>10840</v>
      </c>
      <c r="BJ38" s="14"/>
      <c r="BK38" s="16"/>
      <c r="BL38" s="9"/>
      <c r="BM38" s="9"/>
      <c r="BN38" s="9"/>
      <c r="BO38" s="9" t="s">
        <v>30</v>
      </c>
      <c r="BP38" s="21">
        <f t="shared" si="24"/>
        <v>50</v>
      </c>
      <c r="BQ38" s="21">
        <f t="shared" si="0"/>
        <v>68</v>
      </c>
      <c r="BR38" s="21">
        <f t="shared" si="1"/>
        <v>117</v>
      </c>
      <c r="BS38" s="21">
        <f t="shared" si="2"/>
        <v>106</v>
      </c>
      <c r="BT38" s="21">
        <f t="shared" si="3"/>
        <v>118</v>
      </c>
      <c r="BU38" s="21">
        <f t="shared" si="4"/>
        <v>64</v>
      </c>
      <c r="BV38" s="21">
        <f t="shared" si="5"/>
        <v>262</v>
      </c>
      <c r="BW38" s="21">
        <f t="shared" si="6"/>
        <v>140</v>
      </c>
      <c r="BX38" s="21">
        <f t="shared" si="7"/>
        <v>-854</v>
      </c>
      <c r="BY38" s="21">
        <f t="shared" si="8"/>
        <v>-762</v>
      </c>
      <c r="BZ38" s="21">
        <f t="shared" si="9"/>
        <v>-644</v>
      </c>
      <c r="CA38" s="21">
        <f t="shared" si="10"/>
        <v>-820</v>
      </c>
      <c r="CB38" s="21">
        <f t="shared" si="11"/>
        <v>-6387</v>
      </c>
      <c r="CC38" s="21">
        <f t="shared" si="12"/>
        <v>-7423</v>
      </c>
      <c r="CD38" s="21">
        <f t="shared" si="13"/>
        <v>-7909</v>
      </c>
      <c r="CE38" s="21">
        <f t="shared" si="14"/>
        <v>-8380</v>
      </c>
      <c r="CF38" s="21">
        <f t="shared" si="15"/>
        <v>-8735</v>
      </c>
      <c r="CG38" s="21">
        <f t="shared" si="16"/>
        <v>-10465</v>
      </c>
      <c r="CH38" s="21">
        <f t="shared" si="17"/>
        <v>-11344</v>
      </c>
      <c r="CI38" s="21">
        <f t="shared" si="18"/>
        <v>-2201</v>
      </c>
      <c r="CJ38" s="21">
        <f t="shared" si="19"/>
        <v>-2689</v>
      </c>
      <c r="CK38" s="21">
        <f t="shared" si="20"/>
        <v>-3249</v>
      </c>
      <c r="CL38" s="21">
        <f t="shared" si="21"/>
        <v>-3422</v>
      </c>
      <c r="CM38" s="21">
        <f t="shared" si="22"/>
        <v>-3833</v>
      </c>
      <c r="CN38" s="21">
        <f t="shared" si="23"/>
        <v>-2444</v>
      </c>
      <c r="CO38" s="20"/>
    </row>
    <row r="39" spans="1:93" x14ac:dyDescent="0.7">
      <c r="A39" s="7"/>
      <c r="E39" s="8" t="s">
        <v>31</v>
      </c>
      <c r="F39" s="42">
        <v>4769</v>
      </c>
      <c r="G39" s="42">
        <v>4304</v>
      </c>
      <c r="H39" s="42">
        <v>5365</v>
      </c>
      <c r="I39" s="42">
        <v>4896</v>
      </c>
      <c r="J39" s="42">
        <v>4546</v>
      </c>
      <c r="K39" s="42">
        <v>6349</v>
      </c>
      <c r="L39" s="42">
        <v>6985</v>
      </c>
      <c r="M39" s="42">
        <v>7054</v>
      </c>
      <c r="N39" s="42">
        <v>6855</v>
      </c>
      <c r="O39" s="42">
        <v>7928</v>
      </c>
      <c r="P39" s="42">
        <v>7796</v>
      </c>
      <c r="Q39" s="42">
        <v>10419</v>
      </c>
      <c r="R39" s="42">
        <v>18360</v>
      </c>
      <c r="S39" s="42">
        <v>18878</v>
      </c>
      <c r="T39" s="42">
        <v>17404</v>
      </c>
      <c r="U39" s="42">
        <v>15433</v>
      </c>
      <c r="V39" s="42">
        <v>12939</v>
      </c>
      <c r="W39" s="42">
        <v>12714</v>
      </c>
      <c r="X39" s="42">
        <v>11136</v>
      </c>
      <c r="Y39" s="42">
        <v>11464</v>
      </c>
      <c r="Z39" s="42">
        <v>10966</v>
      </c>
      <c r="AA39" s="42">
        <v>12821</v>
      </c>
      <c r="AB39" s="42">
        <v>12872</v>
      </c>
      <c r="AC39" s="42">
        <v>10281</v>
      </c>
      <c r="AD39" s="42">
        <v>7885</v>
      </c>
      <c r="AE39" s="7"/>
      <c r="AF39" s="13"/>
      <c r="AG39" s="9"/>
      <c r="AH39" s="9"/>
      <c r="AI39" s="9"/>
      <c r="AJ39" s="9" t="s">
        <v>31</v>
      </c>
      <c r="AK39" s="21">
        <v>4807</v>
      </c>
      <c r="AL39" s="21">
        <v>4346</v>
      </c>
      <c r="AM39" s="21">
        <v>5443</v>
      </c>
      <c r="AN39" s="21">
        <v>4980</v>
      </c>
      <c r="AO39" s="21">
        <v>4597</v>
      </c>
      <c r="AP39" s="21">
        <v>6419</v>
      </c>
      <c r="AQ39" s="21">
        <v>7130</v>
      </c>
      <c r="AR39" s="21">
        <v>7208</v>
      </c>
      <c r="AS39" s="21">
        <v>5533</v>
      </c>
      <c r="AT39" s="21">
        <v>6520</v>
      </c>
      <c r="AU39" s="21">
        <v>6494</v>
      </c>
      <c r="AV39" s="21">
        <v>8761</v>
      </c>
      <c r="AW39" s="21">
        <v>8774</v>
      </c>
      <c r="AX39" s="21">
        <v>9431</v>
      </c>
      <c r="AY39" s="21">
        <v>9124</v>
      </c>
      <c r="AZ39" s="21">
        <v>8659</v>
      </c>
      <c r="BA39" s="21">
        <v>7982</v>
      </c>
      <c r="BB39" s="21">
        <v>8623</v>
      </c>
      <c r="BC39" s="21">
        <v>8516</v>
      </c>
      <c r="BD39" s="21">
        <v>8067</v>
      </c>
      <c r="BE39" s="21">
        <v>7817</v>
      </c>
      <c r="BF39" s="21">
        <v>8777</v>
      </c>
      <c r="BG39" s="21">
        <v>8796</v>
      </c>
      <c r="BH39" s="21">
        <v>9112</v>
      </c>
      <c r="BI39" s="21">
        <v>9055</v>
      </c>
      <c r="BJ39" s="14"/>
      <c r="BK39" s="16"/>
      <c r="BL39" s="9"/>
      <c r="BM39" s="9"/>
      <c r="BN39" s="9"/>
      <c r="BO39" s="9" t="s">
        <v>31</v>
      </c>
      <c r="BP39" s="21">
        <f t="shared" si="24"/>
        <v>38</v>
      </c>
      <c r="BQ39" s="21">
        <f t="shared" si="0"/>
        <v>42</v>
      </c>
      <c r="BR39" s="21">
        <f t="shared" si="1"/>
        <v>78</v>
      </c>
      <c r="BS39" s="21">
        <f t="shared" si="2"/>
        <v>84</v>
      </c>
      <c r="BT39" s="21">
        <f t="shared" si="3"/>
        <v>51</v>
      </c>
      <c r="BU39" s="21">
        <f t="shared" si="4"/>
        <v>70</v>
      </c>
      <c r="BV39" s="21">
        <f t="shared" si="5"/>
        <v>145</v>
      </c>
      <c r="BW39" s="21">
        <f t="shared" si="6"/>
        <v>154</v>
      </c>
      <c r="BX39" s="21">
        <f t="shared" si="7"/>
        <v>-1322</v>
      </c>
      <c r="BY39" s="21">
        <f t="shared" si="8"/>
        <v>-1408</v>
      </c>
      <c r="BZ39" s="21">
        <f t="shared" si="9"/>
        <v>-1302</v>
      </c>
      <c r="CA39" s="21">
        <f t="shared" si="10"/>
        <v>-1658</v>
      </c>
      <c r="CB39" s="21">
        <f t="shared" si="11"/>
        <v>-9586</v>
      </c>
      <c r="CC39" s="21">
        <f t="shared" si="12"/>
        <v>-9447</v>
      </c>
      <c r="CD39" s="21">
        <f t="shared" si="13"/>
        <v>-8280</v>
      </c>
      <c r="CE39" s="21">
        <f t="shared" si="14"/>
        <v>-6774</v>
      </c>
      <c r="CF39" s="21">
        <f t="shared" si="15"/>
        <v>-4957</v>
      </c>
      <c r="CG39" s="21">
        <f t="shared" si="16"/>
        <v>-4091</v>
      </c>
      <c r="CH39" s="21">
        <f t="shared" si="17"/>
        <v>-2620</v>
      </c>
      <c r="CI39" s="21">
        <f t="shared" si="18"/>
        <v>-3397</v>
      </c>
      <c r="CJ39" s="21">
        <f t="shared" si="19"/>
        <v>-3149</v>
      </c>
      <c r="CK39" s="21">
        <f t="shared" si="20"/>
        <v>-4044</v>
      </c>
      <c r="CL39" s="21">
        <f t="shared" si="21"/>
        <v>-4076</v>
      </c>
      <c r="CM39" s="21">
        <f t="shared" si="22"/>
        <v>-1169</v>
      </c>
      <c r="CN39" s="21">
        <f t="shared" si="23"/>
        <v>1170</v>
      </c>
      <c r="CO39" s="20"/>
    </row>
    <row r="40" spans="1:93" x14ac:dyDescent="0.7">
      <c r="A40" s="7"/>
      <c r="E40" s="8" t="s">
        <v>32</v>
      </c>
      <c r="F40" s="42">
        <v>582</v>
      </c>
      <c r="G40" s="42">
        <v>452</v>
      </c>
      <c r="H40" s="42">
        <v>600</v>
      </c>
      <c r="I40" s="42">
        <v>478</v>
      </c>
      <c r="J40" s="42">
        <v>417</v>
      </c>
      <c r="K40" s="42">
        <v>618</v>
      </c>
      <c r="L40" s="42">
        <v>893</v>
      </c>
      <c r="M40" s="42">
        <v>1038</v>
      </c>
      <c r="N40" s="42">
        <v>969</v>
      </c>
      <c r="O40" s="42">
        <v>1169</v>
      </c>
      <c r="P40" s="42">
        <v>1155</v>
      </c>
      <c r="Q40" s="42">
        <v>1182</v>
      </c>
      <c r="R40" s="42">
        <v>1178</v>
      </c>
      <c r="S40" s="42">
        <v>1222</v>
      </c>
      <c r="T40" s="42">
        <v>1257</v>
      </c>
      <c r="U40" s="42">
        <v>1189</v>
      </c>
      <c r="V40" s="42">
        <v>1094</v>
      </c>
      <c r="W40" s="42">
        <v>1151</v>
      </c>
      <c r="X40" s="42">
        <v>1169</v>
      </c>
      <c r="Y40" s="42">
        <v>1340</v>
      </c>
      <c r="Z40" s="42">
        <v>1244</v>
      </c>
      <c r="AA40" s="42">
        <v>1350</v>
      </c>
      <c r="AB40" s="42">
        <v>1349</v>
      </c>
      <c r="AC40" s="42">
        <v>1435</v>
      </c>
      <c r="AD40" s="42">
        <v>474</v>
      </c>
      <c r="AE40" s="7"/>
      <c r="AF40" s="13"/>
      <c r="AG40" s="9"/>
      <c r="AH40" s="9"/>
      <c r="AI40" s="9"/>
      <c r="AJ40" s="9" t="s">
        <v>32</v>
      </c>
      <c r="AK40" s="21">
        <v>582</v>
      </c>
      <c r="AL40" s="21">
        <v>452</v>
      </c>
      <c r="AM40" s="21">
        <v>600</v>
      </c>
      <c r="AN40" s="21">
        <v>478</v>
      </c>
      <c r="AO40" s="21">
        <v>419</v>
      </c>
      <c r="AP40" s="21">
        <v>618</v>
      </c>
      <c r="AQ40" s="21">
        <v>896</v>
      </c>
      <c r="AR40" s="21">
        <v>1038</v>
      </c>
      <c r="AS40" s="21">
        <v>490</v>
      </c>
      <c r="AT40" s="21">
        <v>586</v>
      </c>
      <c r="AU40" s="21">
        <v>566</v>
      </c>
      <c r="AV40" s="21">
        <v>573</v>
      </c>
      <c r="AW40" s="21">
        <v>537</v>
      </c>
      <c r="AX40" s="21">
        <v>559</v>
      </c>
      <c r="AY40" s="21">
        <v>578</v>
      </c>
      <c r="AZ40" s="21">
        <v>550</v>
      </c>
      <c r="BA40" s="21">
        <v>508</v>
      </c>
      <c r="BB40" s="21">
        <v>538</v>
      </c>
      <c r="BC40" s="21">
        <v>555</v>
      </c>
      <c r="BD40" s="21">
        <v>519</v>
      </c>
      <c r="BE40" s="21">
        <v>497</v>
      </c>
      <c r="BF40" s="21">
        <v>542</v>
      </c>
      <c r="BG40" s="21">
        <v>537</v>
      </c>
      <c r="BH40" s="21">
        <v>533</v>
      </c>
      <c r="BI40" s="21">
        <v>525</v>
      </c>
      <c r="BJ40" s="14"/>
      <c r="BK40" s="16"/>
      <c r="BL40" s="9"/>
      <c r="BM40" s="9"/>
      <c r="BN40" s="9"/>
      <c r="BO40" s="9" t="s">
        <v>32</v>
      </c>
      <c r="BP40" s="21">
        <f t="shared" si="24"/>
        <v>0</v>
      </c>
      <c r="BQ40" s="21">
        <f t="shared" si="0"/>
        <v>0</v>
      </c>
      <c r="BR40" s="21">
        <f t="shared" si="1"/>
        <v>0</v>
      </c>
      <c r="BS40" s="21">
        <f t="shared" si="2"/>
        <v>0</v>
      </c>
      <c r="BT40" s="21">
        <f t="shared" si="3"/>
        <v>2</v>
      </c>
      <c r="BU40" s="21">
        <f t="shared" si="4"/>
        <v>0</v>
      </c>
      <c r="BV40" s="21">
        <f t="shared" si="5"/>
        <v>3</v>
      </c>
      <c r="BW40" s="21">
        <f t="shared" si="6"/>
        <v>0</v>
      </c>
      <c r="BX40" s="21">
        <f t="shared" si="7"/>
        <v>-479</v>
      </c>
      <c r="BY40" s="21">
        <f t="shared" si="8"/>
        <v>-583</v>
      </c>
      <c r="BZ40" s="21">
        <f t="shared" si="9"/>
        <v>-589</v>
      </c>
      <c r="CA40" s="21">
        <f t="shared" si="10"/>
        <v>-609</v>
      </c>
      <c r="CB40" s="21">
        <f t="shared" si="11"/>
        <v>-641</v>
      </c>
      <c r="CC40" s="21">
        <f t="shared" si="12"/>
        <v>-663</v>
      </c>
      <c r="CD40" s="21">
        <f t="shared" si="13"/>
        <v>-679</v>
      </c>
      <c r="CE40" s="21">
        <f t="shared" si="14"/>
        <v>-639</v>
      </c>
      <c r="CF40" s="21">
        <f t="shared" si="15"/>
        <v>-586</v>
      </c>
      <c r="CG40" s="21">
        <f t="shared" si="16"/>
        <v>-613</v>
      </c>
      <c r="CH40" s="21">
        <f t="shared" si="17"/>
        <v>-614</v>
      </c>
      <c r="CI40" s="21">
        <f t="shared" si="18"/>
        <v>-821</v>
      </c>
      <c r="CJ40" s="21">
        <f t="shared" si="19"/>
        <v>-747</v>
      </c>
      <c r="CK40" s="21">
        <f t="shared" si="20"/>
        <v>-808</v>
      </c>
      <c r="CL40" s="21">
        <f t="shared" si="21"/>
        <v>-812</v>
      </c>
      <c r="CM40" s="21">
        <f t="shared" si="22"/>
        <v>-902</v>
      </c>
      <c r="CN40" s="21">
        <f t="shared" si="23"/>
        <v>51</v>
      </c>
      <c r="CO40" s="20"/>
    </row>
    <row r="41" spans="1:93" x14ac:dyDescent="0.7">
      <c r="A41" s="7"/>
      <c r="E41" s="8" t="s">
        <v>33</v>
      </c>
      <c r="F41" s="42">
        <v>582</v>
      </c>
      <c r="G41" s="42">
        <v>452</v>
      </c>
      <c r="H41" s="42">
        <v>600</v>
      </c>
      <c r="I41" s="42">
        <v>478</v>
      </c>
      <c r="J41" s="42">
        <v>417</v>
      </c>
      <c r="K41" s="42">
        <v>618</v>
      </c>
      <c r="L41" s="42">
        <v>893</v>
      </c>
      <c r="M41" s="42">
        <v>1038</v>
      </c>
      <c r="N41" s="42">
        <v>969</v>
      </c>
      <c r="O41" s="42">
        <v>1169</v>
      </c>
      <c r="P41" s="42">
        <v>1155</v>
      </c>
      <c r="Q41" s="42">
        <v>1182</v>
      </c>
      <c r="R41" s="42">
        <v>1178</v>
      </c>
      <c r="S41" s="42">
        <v>1222</v>
      </c>
      <c r="T41" s="42">
        <v>1257</v>
      </c>
      <c r="U41" s="42">
        <v>1189</v>
      </c>
      <c r="V41" s="42">
        <v>1094</v>
      </c>
      <c r="W41" s="42">
        <v>1151</v>
      </c>
      <c r="X41" s="42">
        <v>1169</v>
      </c>
      <c r="Y41" s="42">
        <v>1340</v>
      </c>
      <c r="Z41" s="42">
        <v>1244</v>
      </c>
      <c r="AA41" s="42">
        <v>1350</v>
      </c>
      <c r="AB41" s="42">
        <v>1349</v>
      </c>
      <c r="AC41" s="42">
        <v>1435</v>
      </c>
      <c r="AD41" s="42">
        <v>474</v>
      </c>
      <c r="AE41" s="7"/>
      <c r="AF41" s="13"/>
      <c r="AG41" s="9"/>
      <c r="AH41" s="9"/>
      <c r="AI41" s="9"/>
      <c r="AJ41" s="9" t="s">
        <v>33</v>
      </c>
      <c r="AK41" s="21">
        <v>582</v>
      </c>
      <c r="AL41" s="21">
        <v>452</v>
      </c>
      <c r="AM41" s="21">
        <v>600</v>
      </c>
      <c r="AN41" s="21">
        <v>478</v>
      </c>
      <c r="AO41" s="21">
        <v>419</v>
      </c>
      <c r="AP41" s="21">
        <v>618</v>
      </c>
      <c r="AQ41" s="21">
        <v>896</v>
      </c>
      <c r="AR41" s="21">
        <v>1038</v>
      </c>
      <c r="AS41" s="21">
        <v>490</v>
      </c>
      <c r="AT41" s="21">
        <v>586</v>
      </c>
      <c r="AU41" s="21">
        <v>566</v>
      </c>
      <c r="AV41" s="21">
        <v>573</v>
      </c>
      <c r="AW41" s="21">
        <v>537</v>
      </c>
      <c r="AX41" s="21">
        <v>559</v>
      </c>
      <c r="AY41" s="21">
        <v>578</v>
      </c>
      <c r="AZ41" s="21">
        <v>550</v>
      </c>
      <c r="BA41" s="21">
        <v>508</v>
      </c>
      <c r="BB41" s="21">
        <v>538</v>
      </c>
      <c r="BC41" s="21">
        <v>555</v>
      </c>
      <c r="BD41" s="21">
        <v>519</v>
      </c>
      <c r="BE41" s="21">
        <v>497</v>
      </c>
      <c r="BF41" s="21">
        <v>542</v>
      </c>
      <c r="BG41" s="21">
        <v>537</v>
      </c>
      <c r="BH41" s="21">
        <v>533</v>
      </c>
      <c r="BI41" s="21">
        <v>525</v>
      </c>
      <c r="BJ41" s="14"/>
      <c r="BK41" s="16"/>
      <c r="BL41" s="9"/>
      <c r="BM41" s="9"/>
      <c r="BN41" s="9"/>
      <c r="BO41" s="9" t="s">
        <v>33</v>
      </c>
      <c r="BP41" s="21">
        <f t="shared" si="24"/>
        <v>0</v>
      </c>
      <c r="BQ41" s="21">
        <f t="shared" si="0"/>
        <v>0</v>
      </c>
      <c r="BR41" s="21">
        <f t="shared" si="1"/>
        <v>0</v>
      </c>
      <c r="BS41" s="21">
        <f t="shared" si="2"/>
        <v>0</v>
      </c>
      <c r="BT41" s="21">
        <f t="shared" si="3"/>
        <v>2</v>
      </c>
      <c r="BU41" s="21">
        <f t="shared" si="4"/>
        <v>0</v>
      </c>
      <c r="BV41" s="21">
        <f t="shared" si="5"/>
        <v>3</v>
      </c>
      <c r="BW41" s="21">
        <f t="shared" si="6"/>
        <v>0</v>
      </c>
      <c r="BX41" s="21">
        <f t="shared" si="7"/>
        <v>-479</v>
      </c>
      <c r="BY41" s="21">
        <f t="shared" si="8"/>
        <v>-583</v>
      </c>
      <c r="BZ41" s="21">
        <f t="shared" si="9"/>
        <v>-589</v>
      </c>
      <c r="CA41" s="21">
        <f t="shared" si="10"/>
        <v>-609</v>
      </c>
      <c r="CB41" s="21">
        <f t="shared" si="11"/>
        <v>-641</v>
      </c>
      <c r="CC41" s="21">
        <f t="shared" si="12"/>
        <v>-663</v>
      </c>
      <c r="CD41" s="21">
        <f t="shared" si="13"/>
        <v>-679</v>
      </c>
      <c r="CE41" s="21">
        <f t="shared" si="14"/>
        <v>-639</v>
      </c>
      <c r="CF41" s="21">
        <f t="shared" si="15"/>
        <v>-586</v>
      </c>
      <c r="CG41" s="21">
        <f t="shared" si="16"/>
        <v>-613</v>
      </c>
      <c r="CH41" s="21">
        <f t="shared" si="17"/>
        <v>-614</v>
      </c>
      <c r="CI41" s="21">
        <f t="shared" si="18"/>
        <v>-821</v>
      </c>
      <c r="CJ41" s="21">
        <f t="shared" si="19"/>
        <v>-747</v>
      </c>
      <c r="CK41" s="21">
        <f t="shared" si="20"/>
        <v>-808</v>
      </c>
      <c r="CL41" s="21">
        <f t="shared" si="21"/>
        <v>-812</v>
      </c>
      <c r="CM41" s="21">
        <f t="shared" si="22"/>
        <v>-902</v>
      </c>
      <c r="CN41" s="21">
        <f t="shared" si="23"/>
        <v>51</v>
      </c>
      <c r="CO41" s="20"/>
    </row>
    <row r="42" spans="1:93" x14ac:dyDescent="0.7">
      <c r="A42" s="7"/>
      <c r="E42" s="8" t="s">
        <v>34</v>
      </c>
      <c r="F42" s="43" t="s">
        <v>40</v>
      </c>
      <c r="G42" s="43" t="s">
        <v>40</v>
      </c>
      <c r="H42" s="43" t="s">
        <v>40</v>
      </c>
      <c r="I42" s="43" t="s">
        <v>40</v>
      </c>
      <c r="J42" s="43" t="s">
        <v>40</v>
      </c>
      <c r="K42" s="43" t="s">
        <v>40</v>
      </c>
      <c r="L42" s="43" t="s">
        <v>40</v>
      </c>
      <c r="M42" s="43" t="s">
        <v>40</v>
      </c>
      <c r="N42" s="43" t="s">
        <v>40</v>
      </c>
      <c r="O42" s="43" t="s">
        <v>40</v>
      </c>
      <c r="P42" s="43" t="s">
        <v>40</v>
      </c>
      <c r="Q42" s="43" t="s">
        <v>40</v>
      </c>
      <c r="R42" s="43" t="s">
        <v>40</v>
      </c>
      <c r="S42" s="42">
        <v>0</v>
      </c>
      <c r="T42" s="42">
        <v>0</v>
      </c>
      <c r="U42" s="42">
        <v>0</v>
      </c>
      <c r="V42" s="42">
        <v>0</v>
      </c>
      <c r="W42" s="42">
        <v>0</v>
      </c>
      <c r="X42" s="43" t="s">
        <v>40</v>
      </c>
      <c r="Y42" s="43" t="s">
        <v>40</v>
      </c>
      <c r="Z42" s="43" t="s">
        <v>40</v>
      </c>
      <c r="AA42" s="43" t="s">
        <v>40</v>
      </c>
      <c r="AB42" s="43" t="s">
        <v>40</v>
      </c>
      <c r="AC42" s="43" t="s">
        <v>40</v>
      </c>
      <c r="AD42" s="43" t="s">
        <v>40</v>
      </c>
      <c r="AE42" s="7"/>
      <c r="AF42" s="13"/>
      <c r="AG42" s="9"/>
      <c r="AH42" s="9"/>
      <c r="AI42" s="9"/>
      <c r="AJ42" s="9" t="s">
        <v>34</v>
      </c>
      <c r="AK42" s="43" t="s">
        <v>40</v>
      </c>
      <c r="AL42" s="43" t="s">
        <v>40</v>
      </c>
      <c r="AM42" s="43" t="s">
        <v>40</v>
      </c>
      <c r="AN42" s="43" t="s">
        <v>40</v>
      </c>
      <c r="AO42" s="43" t="s">
        <v>40</v>
      </c>
      <c r="AP42" s="43" t="s">
        <v>40</v>
      </c>
      <c r="AQ42" s="43" t="s">
        <v>40</v>
      </c>
      <c r="AR42" s="43" t="s">
        <v>40</v>
      </c>
      <c r="AS42" s="43" t="s">
        <v>40</v>
      </c>
      <c r="AT42" s="43" t="s">
        <v>40</v>
      </c>
      <c r="AU42" s="43" t="s">
        <v>40</v>
      </c>
      <c r="AV42" s="43" t="s">
        <v>40</v>
      </c>
      <c r="AW42" s="43" t="s">
        <v>40</v>
      </c>
      <c r="AX42" s="43" t="s">
        <v>40</v>
      </c>
      <c r="AY42" s="43" t="s">
        <v>40</v>
      </c>
      <c r="AZ42" s="43" t="s">
        <v>40</v>
      </c>
      <c r="BA42" s="43" t="s">
        <v>40</v>
      </c>
      <c r="BB42" s="43" t="s">
        <v>40</v>
      </c>
      <c r="BC42" s="43" t="s">
        <v>40</v>
      </c>
      <c r="BD42" s="43" t="s">
        <v>40</v>
      </c>
      <c r="BE42" s="43" t="s">
        <v>40</v>
      </c>
      <c r="BF42" s="43" t="s">
        <v>40</v>
      </c>
      <c r="BG42" s="43" t="s">
        <v>40</v>
      </c>
      <c r="BH42" s="43" t="s">
        <v>40</v>
      </c>
      <c r="BI42" s="43" t="s">
        <v>40</v>
      </c>
      <c r="BJ42" s="14"/>
      <c r="BK42" s="16"/>
      <c r="BL42" s="9"/>
      <c r="BM42" s="9"/>
      <c r="BN42" s="9"/>
      <c r="BO42" s="9" t="s">
        <v>34</v>
      </c>
      <c r="BP42" s="43" t="s">
        <v>40</v>
      </c>
      <c r="BQ42" s="43" t="s">
        <v>40</v>
      </c>
      <c r="BR42" s="43" t="s">
        <v>40</v>
      </c>
      <c r="BS42" s="43" t="s">
        <v>40</v>
      </c>
      <c r="BT42" s="43" t="s">
        <v>40</v>
      </c>
      <c r="BU42" s="43" t="s">
        <v>40</v>
      </c>
      <c r="BV42" s="43" t="s">
        <v>40</v>
      </c>
      <c r="BW42" s="43" t="s">
        <v>40</v>
      </c>
      <c r="BX42" s="43" t="s">
        <v>40</v>
      </c>
      <c r="BY42" s="43" t="s">
        <v>40</v>
      </c>
      <c r="BZ42" s="43" t="s">
        <v>40</v>
      </c>
      <c r="CA42" s="43" t="s">
        <v>40</v>
      </c>
      <c r="CB42" s="43" t="s">
        <v>40</v>
      </c>
      <c r="CC42" s="43" t="s">
        <v>40</v>
      </c>
      <c r="CD42" s="43" t="s">
        <v>40</v>
      </c>
      <c r="CE42" s="43" t="s">
        <v>40</v>
      </c>
      <c r="CF42" s="43" t="s">
        <v>40</v>
      </c>
      <c r="CG42" s="43" t="s">
        <v>40</v>
      </c>
      <c r="CH42" s="43" t="s">
        <v>40</v>
      </c>
      <c r="CI42" s="43" t="s">
        <v>40</v>
      </c>
      <c r="CJ42" s="43" t="s">
        <v>40</v>
      </c>
      <c r="CK42" s="43" t="s">
        <v>40</v>
      </c>
      <c r="CL42" s="43" t="s">
        <v>40</v>
      </c>
      <c r="CM42" s="43" t="s">
        <v>40</v>
      </c>
      <c r="CN42" s="43" t="s">
        <v>40</v>
      </c>
      <c r="CO42" s="20"/>
    </row>
    <row r="43" spans="1:93" x14ac:dyDescent="0.7">
      <c r="A43" s="7"/>
      <c r="E43" s="8" t="s">
        <v>35</v>
      </c>
      <c r="F43" s="43" t="s">
        <v>40</v>
      </c>
      <c r="G43" s="43" t="s">
        <v>40</v>
      </c>
      <c r="H43" s="43" t="s">
        <v>40</v>
      </c>
      <c r="I43" s="43" t="s">
        <v>40</v>
      </c>
      <c r="J43" s="43" t="s">
        <v>40</v>
      </c>
      <c r="K43" s="43" t="s">
        <v>40</v>
      </c>
      <c r="L43" s="43" t="s">
        <v>40</v>
      </c>
      <c r="M43" s="43" t="s">
        <v>40</v>
      </c>
      <c r="N43" s="43" t="s">
        <v>40</v>
      </c>
      <c r="O43" s="43" t="s">
        <v>40</v>
      </c>
      <c r="P43" s="43" t="s">
        <v>40</v>
      </c>
      <c r="Q43" s="43" t="s">
        <v>40</v>
      </c>
      <c r="R43" s="43" t="s">
        <v>40</v>
      </c>
      <c r="S43" s="42">
        <v>0</v>
      </c>
      <c r="T43" s="42">
        <v>0</v>
      </c>
      <c r="U43" s="42">
        <v>0</v>
      </c>
      <c r="V43" s="42">
        <v>0</v>
      </c>
      <c r="W43" s="42">
        <v>0</v>
      </c>
      <c r="X43" s="43" t="s">
        <v>40</v>
      </c>
      <c r="Y43" s="43" t="s">
        <v>40</v>
      </c>
      <c r="Z43" s="43" t="s">
        <v>40</v>
      </c>
      <c r="AA43" s="43" t="s">
        <v>40</v>
      </c>
      <c r="AB43" s="43" t="s">
        <v>40</v>
      </c>
      <c r="AC43" s="43" t="s">
        <v>40</v>
      </c>
      <c r="AD43" s="43" t="s">
        <v>40</v>
      </c>
      <c r="AE43" s="7"/>
      <c r="AF43" s="13"/>
      <c r="AG43" s="9"/>
      <c r="AH43" s="9"/>
      <c r="AI43" s="9"/>
      <c r="AJ43" s="9" t="s">
        <v>35</v>
      </c>
      <c r="AK43" s="43" t="s">
        <v>40</v>
      </c>
      <c r="AL43" s="43" t="s">
        <v>40</v>
      </c>
      <c r="AM43" s="43" t="s">
        <v>40</v>
      </c>
      <c r="AN43" s="43" t="s">
        <v>40</v>
      </c>
      <c r="AO43" s="43" t="s">
        <v>40</v>
      </c>
      <c r="AP43" s="43" t="s">
        <v>40</v>
      </c>
      <c r="AQ43" s="43" t="s">
        <v>40</v>
      </c>
      <c r="AR43" s="43" t="s">
        <v>40</v>
      </c>
      <c r="AS43" s="43" t="s">
        <v>40</v>
      </c>
      <c r="AT43" s="43" t="s">
        <v>40</v>
      </c>
      <c r="AU43" s="43" t="s">
        <v>40</v>
      </c>
      <c r="AV43" s="43" t="s">
        <v>40</v>
      </c>
      <c r="AW43" s="43" t="s">
        <v>40</v>
      </c>
      <c r="AX43" s="43" t="s">
        <v>40</v>
      </c>
      <c r="AY43" s="43" t="s">
        <v>40</v>
      </c>
      <c r="AZ43" s="43" t="s">
        <v>40</v>
      </c>
      <c r="BA43" s="43" t="s">
        <v>40</v>
      </c>
      <c r="BB43" s="43" t="s">
        <v>40</v>
      </c>
      <c r="BC43" s="43" t="s">
        <v>40</v>
      </c>
      <c r="BD43" s="43" t="s">
        <v>40</v>
      </c>
      <c r="BE43" s="43" t="s">
        <v>40</v>
      </c>
      <c r="BF43" s="43" t="s">
        <v>40</v>
      </c>
      <c r="BG43" s="43" t="s">
        <v>40</v>
      </c>
      <c r="BH43" s="43" t="s">
        <v>40</v>
      </c>
      <c r="BI43" s="43" t="s">
        <v>40</v>
      </c>
      <c r="BJ43" s="14"/>
      <c r="BK43" s="16"/>
      <c r="BL43" s="9"/>
      <c r="BM43" s="9"/>
      <c r="BN43" s="9"/>
      <c r="BO43" s="9" t="s">
        <v>35</v>
      </c>
      <c r="BP43" s="43" t="s">
        <v>40</v>
      </c>
      <c r="BQ43" s="43" t="s">
        <v>40</v>
      </c>
      <c r="BR43" s="43" t="s">
        <v>40</v>
      </c>
      <c r="BS43" s="43" t="s">
        <v>40</v>
      </c>
      <c r="BT43" s="43" t="s">
        <v>40</v>
      </c>
      <c r="BU43" s="43" t="s">
        <v>40</v>
      </c>
      <c r="BV43" s="43" t="s">
        <v>40</v>
      </c>
      <c r="BW43" s="43" t="s">
        <v>40</v>
      </c>
      <c r="BX43" s="43" t="s">
        <v>40</v>
      </c>
      <c r="BY43" s="43" t="s">
        <v>40</v>
      </c>
      <c r="BZ43" s="43" t="s">
        <v>40</v>
      </c>
      <c r="CA43" s="43" t="s">
        <v>40</v>
      </c>
      <c r="CB43" s="43" t="s">
        <v>40</v>
      </c>
      <c r="CC43" s="43" t="s">
        <v>40</v>
      </c>
      <c r="CD43" s="43" t="s">
        <v>40</v>
      </c>
      <c r="CE43" s="43" t="s">
        <v>40</v>
      </c>
      <c r="CF43" s="43" t="s">
        <v>40</v>
      </c>
      <c r="CG43" s="43" t="s">
        <v>40</v>
      </c>
      <c r="CH43" s="43" t="s">
        <v>40</v>
      </c>
      <c r="CI43" s="43" t="s">
        <v>40</v>
      </c>
      <c r="CJ43" s="43" t="s">
        <v>40</v>
      </c>
      <c r="CK43" s="43" t="s">
        <v>40</v>
      </c>
      <c r="CL43" s="43" t="s">
        <v>40</v>
      </c>
      <c r="CM43" s="43" t="s">
        <v>40</v>
      </c>
      <c r="CN43" s="43" t="s">
        <v>40</v>
      </c>
      <c r="CO43" s="20"/>
    </row>
    <row r="44" spans="1:93" x14ac:dyDescent="0.7">
      <c r="A44" s="7"/>
      <c r="E44" s="8" t="s">
        <v>36</v>
      </c>
      <c r="F44" s="43" t="s">
        <v>40</v>
      </c>
      <c r="G44" s="43" t="s">
        <v>40</v>
      </c>
      <c r="H44" s="43" t="s">
        <v>40</v>
      </c>
      <c r="I44" s="43" t="s">
        <v>40</v>
      </c>
      <c r="J44" s="43" t="s">
        <v>40</v>
      </c>
      <c r="K44" s="43" t="s">
        <v>40</v>
      </c>
      <c r="L44" s="43" t="s">
        <v>40</v>
      </c>
      <c r="M44" s="43" t="s">
        <v>40</v>
      </c>
      <c r="N44" s="43" t="s">
        <v>40</v>
      </c>
      <c r="O44" s="43" t="s">
        <v>40</v>
      </c>
      <c r="P44" s="43" t="s">
        <v>40</v>
      </c>
      <c r="Q44" s="43" t="s">
        <v>40</v>
      </c>
      <c r="R44" s="43" t="s">
        <v>40</v>
      </c>
      <c r="S44" s="42">
        <v>0</v>
      </c>
      <c r="T44" s="42">
        <v>0</v>
      </c>
      <c r="U44" s="42">
        <v>0</v>
      </c>
      <c r="V44" s="42">
        <v>0</v>
      </c>
      <c r="W44" s="42">
        <v>0</v>
      </c>
      <c r="X44" s="43" t="s">
        <v>40</v>
      </c>
      <c r="Y44" s="43" t="s">
        <v>40</v>
      </c>
      <c r="Z44" s="43" t="s">
        <v>40</v>
      </c>
      <c r="AA44" s="43" t="s">
        <v>40</v>
      </c>
      <c r="AB44" s="43" t="s">
        <v>40</v>
      </c>
      <c r="AC44" s="43" t="s">
        <v>40</v>
      </c>
      <c r="AD44" s="43" t="s">
        <v>40</v>
      </c>
      <c r="AE44" s="7"/>
      <c r="AF44" s="13"/>
      <c r="AG44" s="9"/>
      <c r="AH44" s="9"/>
      <c r="AI44" s="9"/>
      <c r="AJ44" s="9" t="s">
        <v>36</v>
      </c>
      <c r="AK44" s="43" t="s">
        <v>40</v>
      </c>
      <c r="AL44" s="43" t="s">
        <v>40</v>
      </c>
      <c r="AM44" s="43" t="s">
        <v>40</v>
      </c>
      <c r="AN44" s="43" t="s">
        <v>40</v>
      </c>
      <c r="AO44" s="43" t="s">
        <v>40</v>
      </c>
      <c r="AP44" s="43" t="s">
        <v>40</v>
      </c>
      <c r="AQ44" s="43" t="s">
        <v>40</v>
      </c>
      <c r="AR44" s="43" t="s">
        <v>40</v>
      </c>
      <c r="AS44" s="43" t="s">
        <v>40</v>
      </c>
      <c r="AT44" s="43" t="s">
        <v>40</v>
      </c>
      <c r="AU44" s="43" t="s">
        <v>40</v>
      </c>
      <c r="AV44" s="43" t="s">
        <v>40</v>
      </c>
      <c r="AW44" s="43" t="s">
        <v>40</v>
      </c>
      <c r="AX44" s="43" t="s">
        <v>40</v>
      </c>
      <c r="AY44" s="43" t="s">
        <v>40</v>
      </c>
      <c r="AZ44" s="43" t="s">
        <v>40</v>
      </c>
      <c r="BA44" s="43" t="s">
        <v>40</v>
      </c>
      <c r="BB44" s="43" t="s">
        <v>40</v>
      </c>
      <c r="BC44" s="43" t="s">
        <v>40</v>
      </c>
      <c r="BD44" s="43" t="s">
        <v>40</v>
      </c>
      <c r="BE44" s="43" t="s">
        <v>40</v>
      </c>
      <c r="BF44" s="43" t="s">
        <v>40</v>
      </c>
      <c r="BG44" s="43" t="s">
        <v>40</v>
      </c>
      <c r="BH44" s="43" t="s">
        <v>40</v>
      </c>
      <c r="BI44" s="43" t="s">
        <v>40</v>
      </c>
      <c r="BJ44" s="14"/>
      <c r="BK44" s="16"/>
      <c r="BL44" s="9"/>
      <c r="BM44" s="9"/>
      <c r="BN44" s="9"/>
      <c r="BO44" s="9" t="s">
        <v>36</v>
      </c>
      <c r="BP44" s="43" t="s">
        <v>40</v>
      </c>
      <c r="BQ44" s="43" t="s">
        <v>40</v>
      </c>
      <c r="BR44" s="43" t="s">
        <v>40</v>
      </c>
      <c r="BS44" s="43" t="s">
        <v>40</v>
      </c>
      <c r="BT44" s="43" t="s">
        <v>40</v>
      </c>
      <c r="BU44" s="43" t="s">
        <v>40</v>
      </c>
      <c r="BV44" s="43" t="s">
        <v>40</v>
      </c>
      <c r="BW44" s="43" t="s">
        <v>40</v>
      </c>
      <c r="BX44" s="43" t="s">
        <v>40</v>
      </c>
      <c r="BY44" s="43" t="s">
        <v>40</v>
      </c>
      <c r="BZ44" s="43" t="s">
        <v>40</v>
      </c>
      <c r="CA44" s="43" t="s">
        <v>40</v>
      </c>
      <c r="CB44" s="43" t="s">
        <v>40</v>
      </c>
      <c r="CC44" s="43" t="s">
        <v>40</v>
      </c>
      <c r="CD44" s="43" t="s">
        <v>40</v>
      </c>
      <c r="CE44" s="43" t="s">
        <v>40</v>
      </c>
      <c r="CF44" s="43" t="s">
        <v>40</v>
      </c>
      <c r="CG44" s="43" t="s">
        <v>40</v>
      </c>
      <c r="CH44" s="43" t="s">
        <v>40</v>
      </c>
      <c r="CI44" s="43" t="s">
        <v>40</v>
      </c>
      <c r="CJ44" s="43" t="s">
        <v>40</v>
      </c>
      <c r="CK44" s="43" t="s">
        <v>40</v>
      </c>
      <c r="CL44" s="43" t="s">
        <v>40</v>
      </c>
      <c r="CM44" s="43" t="s">
        <v>40</v>
      </c>
      <c r="CN44" s="43" t="s">
        <v>40</v>
      </c>
      <c r="CO44" s="20"/>
    </row>
    <row r="45" spans="1:93" x14ac:dyDescent="0.7">
      <c r="A45" s="7"/>
      <c r="D45" s="8" t="s">
        <v>41</v>
      </c>
      <c r="E45" s="8" t="s">
        <v>27</v>
      </c>
      <c r="F45" s="42">
        <v>9885</v>
      </c>
      <c r="G45" s="42">
        <v>8356</v>
      </c>
      <c r="H45" s="42">
        <v>10077</v>
      </c>
      <c r="I45" s="42">
        <v>8931</v>
      </c>
      <c r="J45" s="42">
        <v>6633</v>
      </c>
      <c r="K45" s="42">
        <v>8445</v>
      </c>
      <c r="L45" s="42">
        <v>9840</v>
      </c>
      <c r="M45" s="42">
        <v>9162</v>
      </c>
      <c r="N45" s="42">
        <v>8198</v>
      </c>
      <c r="O45" s="42">
        <v>10146</v>
      </c>
      <c r="P45" s="42">
        <v>10494</v>
      </c>
      <c r="Q45" s="42">
        <v>9458</v>
      </c>
      <c r="R45" s="42">
        <v>8877</v>
      </c>
      <c r="S45" s="42">
        <v>9982</v>
      </c>
      <c r="T45" s="42">
        <v>9841</v>
      </c>
      <c r="U45" s="42">
        <v>8791</v>
      </c>
      <c r="V45" s="42">
        <v>8077</v>
      </c>
      <c r="W45" s="42">
        <v>9260</v>
      </c>
      <c r="X45" s="42">
        <v>9121</v>
      </c>
      <c r="Y45" s="42">
        <v>7970</v>
      </c>
      <c r="Z45" s="42">
        <v>6939</v>
      </c>
      <c r="AA45" s="42">
        <v>7826</v>
      </c>
      <c r="AB45" s="42">
        <v>7997</v>
      </c>
      <c r="AC45" s="42">
        <v>7370</v>
      </c>
      <c r="AD45" s="42">
        <v>6434</v>
      </c>
      <c r="AE45" s="7"/>
      <c r="AF45" s="13"/>
      <c r="AG45" s="9"/>
      <c r="AH45" s="9"/>
      <c r="AI45" s="9" t="s">
        <v>41</v>
      </c>
      <c r="AJ45" s="9" t="s">
        <v>27</v>
      </c>
      <c r="AK45" s="21">
        <v>9886</v>
      </c>
      <c r="AL45" s="21">
        <v>8357</v>
      </c>
      <c r="AM45" s="21">
        <v>10077</v>
      </c>
      <c r="AN45" s="21">
        <v>8930</v>
      </c>
      <c r="AO45" s="21">
        <v>6660</v>
      </c>
      <c r="AP45" s="21">
        <v>8448</v>
      </c>
      <c r="AQ45" s="21">
        <v>9885</v>
      </c>
      <c r="AR45" s="21">
        <v>9161</v>
      </c>
      <c r="AS45" s="21">
        <v>8198</v>
      </c>
      <c r="AT45" s="21">
        <v>10148</v>
      </c>
      <c r="AU45" s="21">
        <v>10493</v>
      </c>
      <c r="AV45" s="21">
        <v>9439</v>
      </c>
      <c r="AW45" s="21">
        <v>8861</v>
      </c>
      <c r="AX45" s="21">
        <v>9964</v>
      </c>
      <c r="AY45" s="21">
        <v>9823</v>
      </c>
      <c r="AZ45" s="21">
        <v>8829</v>
      </c>
      <c r="BA45" s="21">
        <v>8078</v>
      </c>
      <c r="BB45" s="21">
        <v>9260</v>
      </c>
      <c r="BC45" s="21">
        <v>9096</v>
      </c>
      <c r="BD45" s="21">
        <v>7942</v>
      </c>
      <c r="BE45" s="21">
        <v>6941</v>
      </c>
      <c r="BF45" s="21">
        <v>7826</v>
      </c>
      <c r="BG45" s="21">
        <v>8002</v>
      </c>
      <c r="BH45" s="21">
        <v>7370</v>
      </c>
      <c r="BI45" s="21">
        <v>6434</v>
      </c>
      <c r="BJ45" s="14"/>
      <c r="BK45" s="16"/>
      <c r="BL45" s="9"/>
      <c r="BM45" s="9"/>
      <c r="BN45" s="9" t="s">
        <v>41</v>
      </c>
      <c r="BO45" s="9" t="s">
        <v>27</v>
      </c>
      <c r="BP45" s="21">
        <f t="shared" ref="BP45:BP91" si="25">AK45-F45</f>
        <v>1</v>
      </c>
      <c r="BQ45" s="21">
        <f t="shared" ref="BQ45:BQ91" si="26">AL45-G45</f>
        <v>1</v>
      </c>
      <c r="BR45" s="21">
        <f t="shared" ref="BR45:BR91" si="27">AM45-H45</f>
        <v>0</v>
      </c>
      <c r="BS45" s="21">
        <f t="shared" ref="BS45:BS91" si="28">AN45-I45</f>
        <v>-1</v>
      </c>
      <c r="BT45" s="21">
        <f t="shared" ref="BT45:BT91" si="29">AO45-J45</f>
        <v>27</v>
      </c>
      <c r="BU45" s="21">
        <f t="shared" ref="BU45:BU91" si="30">AP45-K45</f>
        <v>3</v>
      </c>
      <c r="BV45" s="21">
        <f t="shared" ref="BV45:BV91" si="31">AQ45-L45</f>
        <v>45</v>
      </c>
      <c r="BW45" s="21">
        <f t="shared" ref="BW45:BW91" si="32">AR45-M45</f>
        <v>-1</v>
      </c>
      <c r="BX45" s="21">
        <f t="shared" ref="BX45:BX91" si="33">AS45-N45</f>
        <v>0</v>
      </c>
      <c r="BY45" s="21">
        <f t="shared" ref="BY45:BY91" si="34">AT45-O45</f>
        <v>2</v>
      </c>
      <c r="BZ45" s="21">
        <f t="shared" ref="BZ45:BZ91" si="35">AU45-P45</f>
        <v>-1</v>
      </c>
      <c r="CA45" s="21">
        <f t="shared" ref="CA45:CA91" si="36">AV45-Q45</f>
        <v>-19</v>
      </c>
      <c r="CB45" s="21">
        <f t="shared" ref="CB45:CB91" si="37">AW45-R45</f>
        <v>-16</v>
      </c>
      <c r="CC45" s="21">
        <f t="shared" ref="CC45:CC91" si="38">AX45-S45</f>
        <v>-18</v>
      </c>
      <c r="CD45" s="21">
        <f t="shared" ref="CD45:CD91" si="39">AY45-T45</f>
        <v>-18</v>
      </c>
      <c r="CE45" s="21">
        <f t="shared" ref="CE45:CE91" si="40">AZ45-U45</f>
        <v>38</v>
      </c>
      <c r="CF45" s="21">
        <f t="shared" ref="CF45:CF91" si="41">BA45-V45</f>
        <v>1</v>
      </c>
      <c r="CG45" s="21">
        <f t="shared" ref="CG45:CG91" si="42">BB45-W45</f>
        <v>0</v>
      </c>
      <c r="CH45" s="21">
        <f t="shared" ref="CH45:CH91" si="43">BC45-X45</f>
        <v>-25</v>
      </c>
      <c r="CI45" s="21">
        <f t="shared" ref="CI45:CI91" si="44">BD45-Y45</f>
        <v>-28</v>
      </c>
      <c r="CJ45" s="21">
        <f t="shared" ref="CJ45:CJ91" si="45">BE45-Z45</f>
        <v>2</v>
      </c>
      <c r="CK45" s="21">
        <f t="shared" ref="CK45:CK91" si="46">BF45-AA45</f>
        <v>0</v>
      </c>
      <c r="CL45" s="21">
        <f t="shared" ref="CL45:CL91" si="47">BG45-AB45</f>
        <v>5</v>
      </c>
      <c r="CM45" s="21">
        <f t="shared" ref="CM45:CM91" si="48">BH45-AC45</f>
        <v>0</v>
      </c>
      <c r="CN45" s="21">
        <f t="shared" ref="CN45:CN91" si="49">BI45-AD45</f>
        <v>0</v>
      </c>
      <c r="CO45" s="20"/>
    </row>
    <row r="46" spans="1:93" x14ac:dyDescent="0.7">
      <c r="A46" s="7"/>
      <c r="E46" s="8" t="s">
        <v>28</v>
      </c>
      <c r="F46" s="42">
        <v>9618</v>
      </c>
      <c r="G46" s="42">
        <v>8224</v>
      </c>
      <c r="H46" s="42">
        <v>9878</v>
      </c>
      <c r="I46" s="42">
        <v>8792</v>
      </c>
      <c r="J46" s="42">
        <v>6525</v>
      </c>
      <c r="K46" s="42">
        <v>8311</v>
      </c>
      <c r="L46" s="42">
        <v>9623</v>
      </c>
      <c r="M46" s="42">
        <v>8977</v>
      </c>
      <c r="N46" s="42">
        <v>8030</v>
      </c>
      <c r="O46" s="42">
        <v>9928</v>
      </c>
      <c r="P46" s="42">
        <v>10222</v>
      </c>
      <c r="Q46" s="42">
        <v>9233</v>
      </c>
      <c r="R46" s="42">
        <v>8658</v>
      </c>
      <c r="S46" s="42">
        <v>9752</v>
      </c>
      <c r="T46" s="42">
        <v>9568</v>
      </c>
      <c r="U46" s="42">
        <v>8571</v>
      </c>
      <c r="V46" s="42">
        <v>7864</v>
      </c>
      <c r="W46" s="42">
        <v>9052</v>
      </c>
      <c r="X46" s="42">
        <v>8860</v>
      </c>
      <c r="Y46" s="42">
        <v>7758</v>
      </c>
      <c r="Z46" s="42">
        <v>6734</v>
      </c>
      <c r="AA46" s="42">
        <v>7620</v>
      </c>
      <c r="AB46" s="42">
        <v>7764</v>
      </c>
      <c r="AC46" s="42">
        <v>7170</v>
      </c>
      <c r="AD46" s="42">
        <v>6240</v>
      </c>
      <c r="AE46" s="7"/>
      <c r="AF46" s="13"/>
      <c r="AG46" s="9"/>
      <c r="AH46" s="9"/>
      <c r="AI46" s="9"/>
      <c r="AJ46" s="9" t="s">
        <v>28</v>
      </c>
      <c r="AK46" s="21">
        <v>9619</v>
      </c>
      <c r="AL46" s="21">
        <v>8225</v>
      </c>
      <c r="AM46" s="21">
        <v>9878</v>
      </c>
      <c r="AN46" s="21">
        <v>8792</v>
      </c>
      <c r="AO46" s="21">
        <v>6550</v>
      </c>
      <c r="AP46" s="21">
        <v>8313</v>
      </c>
      <c r="AQ46" s="21">
        <v>9667</v>
      </c>
      <c r="AR46" s="21">
        <v>8976</v>
      </c>
      <c r="AS46" s="21">
        <v>8030</v>
      </c>
      <c r="AT46" s="21">
        <v>9929</v>
      </c>
      <c r="AU46" s="21">
        <v>10221</v>
      </c>
      <c r="AV46" s="21">
        <v>9215</v>
      </c>
      <c r="AW46" s="21">
        <v>8642</v>
      </c>
      <c r="AX46" s="21">
        <v>9734</v>
      </c>
      <c r="AY46" s="21">
        <v>9550</v>
      </c>
      <c r="AZ46" s="21">
        <v>8608</v>
      </c>
      <c r="BA46" s="21">
        <v>7865</v>
      </c>
      <c r="BB46" s="21">
        <v>9051</v>
      </c>
      <c r="BC46" s="21">
        <v>8837</v>
      </c>
      <c r="BD46" s="21">
        <v>7730</v>
      </c>
      <c r="BE46" s="21">
        <v>6735</v>
      </c>
      <c r="BF46" s="21">
        <v>7620</v>
      </c>
      <c r="BG46" s="21">
        <v>7764</v>
      </c>
      <c r="BH46" s="21">
        <v>7170</v>
      </c>
      <c r="BI46" s="21">
        <v>6240</v>
      </c>
      <c r="BJ46" s="14"/>
      <c r="BK46" s="16"/>
      <c r="BL46" s="9"/>
      <c r="BM46" s="9"/>
      <c r="BN46" s="9"/>
      <c r="BO46" s="9" t="s">
        <v>28</v>
      </c>
      <c r="BP46" s="21">
        <f t="shared" si="25"/>
        <v>1</v>
      </c>
      <c r="BQ46" s="21">
        <f t="shared" si="26"/>
        <v>1</v>
      </c>
      <c r="BR46" s="21">
        <f t="shared" si="27"/>
        <v>0</v>
      </c>
      <c r="BS46" s="21">
        <f t="shared" si="28"/>
        <v>0</v>
      </c>
      <c r="BT46" s="21">
        <f t="shared" si="29"/>
        <v>25</v>
      </c>
      <c r="BU46" s="21">
        <f t="shared" si="30"/>
        <v>2</v>
      </c>
      <c r="BV46" s="21">
        <f t="shared" si="31"/>
        <v>44</v>
      </c>
      <c r="BW46" s="21">
        <f t="shared" si="32"/>
        <v>-1</v>
      </c>
      <c r="BX46" s="21">
        <f t="shared" si="33"/>
        <v>0</v>
      </c>
      <c r="BY46" s="21">
        <f t="shared" si="34"/>
        <v>1</v>
      </c>
      <c r="BZ46" s="21">
        <f t="shared" si="35"/>
        <v>-1</v>
      </c>
      <c r="CA46" s="21">
        <f t="shared" si="36"/>
        <v>-18</v>
      </c>
      <c r="CB46" s="21">
        <f t="shared" si="37"/>
        <v>-16</v>
      </c>
      <c r="CC46" s="21">
        <f t="shared" si="38"/>
        <v>-18</v>
      </c>
      <c r="CD46" s="21">
        <f t="shared" si="39"/>
        <v>-18</v>
      </c>
      <c r="CE46" s="21">
        <f t="shared" si="40"/>
        <v>37</v>
      </c>
      <c r="CF46" s="21">
        <f t="shared" si="41"/>
        <v>1</v>
      </c>
      <c r="CG46" s="21">
        <f t="shared" si="42"/>
        <v>-1</v>
      </c>
      <c r="CH46" s="21">
        <f t="shared" si="43"/>
        <v>-23</v>
      </c>
      <c r="CI46" s="21">
        <f t="shared" si="44"/>
        <v>-28</v>
      </c>
      <c r="CJ46" s="21">
        <f t="shared" si="45"/>
        <v>1</v>
      </c>
      <c r="CK46" s="21">
        <f t="shared" si="46"/>
        <v>0</v>
      </c>
      <c r="CL46" s="21">
        <f t="shared" si="47"/>
        <v>0</v>
      </c>
      <c r="CM46" s="21">
        <f t="shared" si="48"/>
        <v>0</v>
      </c>
      <c r="CN46" s="21">
        <f t="shared" si="49"/>
        <v>0</v>
      </c>
      <c r="CO46" s="20"/>
    </row>
    <row r="47" spans="1:93" x14ac:dyDescent="0.7">
      <c r="A47" s="7"/>
      <c r="E47" s="8" t="s">
        <v>29</v>
      </c>
      <c r="F47" s="42">
        <v>289</v>
      </c>
      <c r="G47" s="42">
        <v>251</v>
      </c>
      <c r="H47" s="42">
        <v>273</v>
      </c>
      <c r="I47" s="42">
        <v>265</v>
      </c>
      <c r="J47" s="42">
        <v>186</v>
      </c>
      <c r="K47" s="42">
        <v>204</v>
      </c>
      <c r="L47" s="42">
        <v>201</v>
      </c>
      <c r="M47" s="42">
        <v>193</v>
      </c>
      <c r="N47" s="42">
        <v>151</v>
      </c>
      <c r="O47" s="42">
        <v>178</v>
      </c>
      <c r="P47" s="42">
        <v>169</v>
      </c>
      <c r="Q47" s="42">
        <v>164</v>
      </c>
      <c r="R47" s="42">
        <v>135</v>
      </c>
      <c r="S47" s="42">
        <v>156</v>
      </c>
      <c r="T47" s="42">
        <v>151</v>
      </c>
      <c r="U47" s="42">
        <v>156</v>
      </c>
      <c r="V47" s="42">
        <v>79</v>
      </c>
      <c r="W47" s="42">
        <v>88</v>
      </c>
      <c r="X47" s="42">
        <v>80</v>
      </c>
      <c r="Y47" s="42">
        <v>74</v>
      </c>
      <c r="Z47" s="42">
        <v>59</v>
      </c>
      <c r="AA47" s="42">
        <v>63</v>
      </c>
      <c r="AB47" s="42">
        <v>57</v>
      </c>
      <c r="AC47" s="42">
        <v>55</v>
      </c>
      <c r="AD47" s="42">
        <v>41</v>
      </c>
      <c r="AE47" s="7"/>
      <c r="AF47" s="13"/>
      <c r="AG47" s="9"/>
      <c r="AH47" s="9"/>
      <c r="AI47" s="9"/>
      <c r="AJ47" s="9" t="s">
        <v>29</v>
      </c>
      <c r="AK47" s="21">
        <v>289</v>
      </c>
      <c r="AL47" s="21">
        <v>251</v>
      </c>
      <c r="AM47" s="21">
        <v>273</v>
      </c>
      <c r="AN47" s="21">
        <v>265</v>
      </c>
      <c r="AO47" s="21">
        <v>187</v>
      </c>
      <c r="AP47" s="21">
        <v>205</v>
      </c>
      <c r="AQ47" s="21">
        <v>204</v>
      </c>
      <c r="AR47" s="21">
        <v>193</v>
      </c>
      <c r="AS47" s="21">
        <v>149</v>
      </c>
      <c r="AT47" s="21">
        <v>167</v>
      </c>
      <c r="AU47" s="21">
        <v>154</v>
      </c>
      <c r="AV47" s="21">
        <v>147</v>
      </c>
      <c r="AW47" s="21">
        <v>117</v>
      </c>
      <c r="AX47" s="21">
        <v>123</v>
      </c>
      <c r="AY47" s="21">
        <v>105</v>
      </c>
      <c r="AZ47" s="21">
        <v>103</v>
      </c>
      <c r="BA47" s="21">
        <v>79</v>
      </c>
      <c r="BB47" s="21">
        <v>88</v>
      </c>
      <c r="BC47" s="21">
        <v>78</v>
      </c>
      <c r="BD47" s="21">
        <v>74</v>
      </c>
      <c r="BE47" s="21">
        <v>59</v>
      </c>
      <c r="BF47" s="21">
        <v>63</v>
      </c>
      <c r="BG47" s="21">
        <v>57</v>
      </c>
      <c r="BH47" s="21">
        <v>55</v>
      </c>
      <c r="BI47" s="21">
        <v>41</v>
      </c>
      <c r="BJ47" s="14"/>
      <c r="BK47" s="16"/>
      <c r="BL47" s="9"/>
      <c r="BM47" s="9"/>
      <c r="BN47" s="9"/>
      <c r="BO47" s="9" t="s">
        <v>29</v>
      </c>
      <c r="BP47" s="21">
        <f t="shared" si="25"/>
        <v>0</v>
      </c>
      <c r="BQ47" s="21">
        <f t="shared" si="26"/>
        <v>0</v>
      </c>
      <c r="BR47" s="21">
        <f t="shared" si="27"/>
        <v>0</v>
      </c>
      <c r="BS47" s="21">
        <f t="shared" si="28"/>
        <v>0</v>
      </c>
      <c r="BT47" s="21">
        <f t="shared" si="29"/>
        <v>1</v>
      </c>
      <c r="BU47" s="21">
        <f t="shared" si="30"/>
        <v>1</v>
      </c>
      <c r="BV47" s="21">
        <f t="shared" si="31"/>
        <v>3</v>
      </c>
      <c r="BW47" s="21">
        <f t="shared" si="32"/>
        <v>0</v>
      </c>
      <c r="BX47" s="21">
        <f t="shared" si="33"/>
        <v>-2</v>
      </c>
      <c r="BY47" s="21">
        <f t="shared" si="34"/>
        <v>-11</v>
      </c>
      <c r="BZ47" s="21">
        <f t="shared" si="35"/>
        <v>-15</v>
      </c>
      <c r="CA47" s="21">
        <f t="shared" si="36"/>
        <v>-17</v>
      </c>
      <c r="CB47" s="21">
        <f t="shared" si="37"/>
        <v>-18</v>
      </c>
      <c r="CC47" s="21">
        <f t="shared" si="38"/>
        <v>-33</v>
      </c>
      <c r="CD47" s="21">
        <f t="shared" si="39"/>
        <v>-46</v>
      </c>
      <c r="CE47" s="21">
        <f t="shared" si="40"/>
        <v>-53</v>
      </c>
      <c r="CF47" s="21">
        <f t="shared" si="41"/>
        <v>0</v>
      </c>
      <c r="CG47" s="21">
        <f t="shared" si="42"/>
        <v>0</v>
      </c>
      <c r="CH47" s="21">
        <f t="shared" si="43"/>
        <v>-2</v>
      </c>
      <c r="CI47" s="21">
        <f t="shared" si="44"/>
        <v>0</v>
      </c>
      <c r="CJ47" s="21">
        <f t="shared" si="45"/>
        <v>0</v>
      </c>
      <c r="CK47" s="21">
        <f t="shared" si="46"/>
        <v>0</v>
      </c>
      <c r="CL47" s="21">
        <f t="shared" si="47"/>
        <v>0</v>
      </c>
      <c r="CM47" s="21">
        <f t="shared" si="48"/>
        <v>0</v>
      </c>
      <c r="CN47" s="21">
        <f t="shared" si="49"/>
        <v>0</v>
      </c>
      <c r="CO47" s="20"/>
    </row>
    <row r="48" spans="1:93" x14ac:dyDescent="0.7">
      <c r="A48" s="7"/>
      <c r="E48" s="8" t="s">
        <v>30</v>
      </c>
      <c r="F48" s="42">
        <v>4883</v>
      </c>
      <c r="G48" s="42">
        <v>3912</v>
      </c>
      <c r="H48" s="42">
        <v>5055</v>
      </c>
      <c r="I48" s="42">
        <v>4245</v>
      </c>
      <c r="J48" s="42">
        <v>2842</v>
      </c>
      <c r="K48" s="42">
        <v>3606</v>
      </c>
      <c r="L48" s="42">
        <v>4856</v>
      </c>
      <c r="M48" s="42">
        <v>4498</v>
      </c>
      <c r="N48" s="42">
        <v>3910</v>
      </c>
      <c r="O48" s="42">
        <v>5133</v>
      </c>
      <c r="P48" s="42">
        <v>5289</v>
      </c>
      <c r="Q48" s="42">
        <v>4639</v>
      </c>
      <c r="R48" s="42">
        <v>4200</v>
      </c>
      <c r="S48" s="42">
        <v>4802</v>
      </c>
      <c r="T48" s="42">
        <v>4663</v>
      </c>
      <c r="U48" s="42">
        <v>4097</v>
      </c>
      <c r="V48" s="42">
        <v>3767</v>
      </c>
      <c r="W48" s="42">
        <v>4538</v>
      </c>
      <c r="X48" s="42">
        <v>4365</v>
      </c>
      <c r="Y48" s="42">
        <v>3548</v>
      </c>
      <c r="Z48" s="42">
        <v>2784</v>
      </c>
      <c r="AA48" s="42">
        <v>3265</v>
      </c>
      <c r="AB48" s="42">
        <v>3422</v>
      </c>
      <c r="AC48" s="42">
        <v>3237</v>
      </c>
      <c r="AD48" s="42">
        <v>2563</v>
      </c>
      <c r="AE48" s="7"/>
      <c r="AF48" s="13"/>
      <c r="AG48" s="9"/>
      <c r="AH48" s="9"/>
      <c r="AI48" s="9"/>
      <c r="AJ48" s="9" t="s">
        <v>30</v>
      </c>
      <c r="AK48" s="21">
        <v>4883</v>
      </c>
      <c r="AL48" s="21">
        <v>3913</v>
      </c>
      <c r="AM48" s="21">
        <v>5055</v>
      </c>
      <c r="AN48" s="21">
        <v>4244</v>
      </c>
      <c r="AO48" s="21">
        <v>2861</v>
      </c>
      <c r="AP48" s="21">
        <v>3607</v>
      </c>
      <c r="AQ48" s="21">
        <v>4884</v>
      </c>
      <c r="AR48" s="21">
        <v>4498</v>
      </c>
      <c r="AS48" s="21">
        <v>3915</v>
      </c>
      <c r="AT48" s="21">
        <v>5155</v>
      </c>
      <c r="AU48" s="21">
        <v>5320</v>
      </c>
      <c r="AV48" s="21">
        <v>4663</v>
      </c>
      <c r="AW48" s="21">
        <v>4228</v>
      </c>
      <c r="AX48" s="21">
        <v>4857</v>
      </c>
      <c r="AY48" s="21">
        <v>4751</v>
      </c>
      <c r="AZ48" s="21">
        <v>4218</v>
      </c>
      <c r="BA48" s="21">
        <v>3767</v>
      </c>
      <c r="BB48" s="21">
        <v>4538</v>
      </c>
      <c r="BC48" s="21">
        <v>4344</v>
      </c>
      <c r="BD48" s="21">
        <v>3521</v>
      </c>
      <c r="BE48" s="21">
        <v>2785</v>
      </c>
      <c r="BF48" s="21">
        <v>3265</v>
      </c>
      <c r="BG48" s="21">
        <v>3422</v>
      </c>
      <c r="BH48" s="21">
        <v>3237</v>
      </c>
      <c r="BI48" s="21">
        <v>2563</v>
      </c>
      <c r="BJ48" s="14"/>
      <c r="BK48" s="16"/>
      <c r="BL48" s="9"/>
      <c r="BM48" s="9"/>
      <c r="BN48" s="9"/>
      <c r="BO48" s="9" t="s">
        <v>30</v>
      </c>
      <c r="BP48" s="21">
        <f t="shared" si="25"/>
        <v>0</v>
      </c>
      <c r="BQ48" s="21">
        <f t="shared" si="26"/>
        <v>1</v>
      </c>
      <c r="BR48" s="21">
        <f t="shared" si="27"/>
        <v>0</v>
      </c>
      <c r="BS48" s="21">
        <f t="shared" si="28"/>
        <v>-1</v>
      </c>
      <c r="BT48" s="21">
        <f t="shared" si="29"/>
        <v>19</v>
      </c>
      <c r="BU48" s="21">
        <f t="shared" si="30"/>
        <v>1</v>
      </c>
      <c r="BV48" s="21">
        <f t="shared" si="31"/>
        <v>28</v>
      </c>
      <c r="BW48" s="21">
        <f t="shared" si="32"/>
        <v>0</v>
      </c>
      <c r="BX48" s="21">
        <f t="shared" si="33"/>
        <v>5</v>
      </c>
      <c r="BY48" s="21">
        <f t="shared" si="34"/>
        <v>22</v>
      </c>
      <c r="BZ48" s="21">
        <f t="shared" si="35"/>
        <v>31</v>
      </c>
      <c r="CA48" s="21">
        <f t="shared" si="36"/>
        <v>24</v>
      </c>
      <c r="CB48" s="21">
        <f t="shared" si="37"/>
        <v>28</v>
      </c>
      <c r="CC48" s="21">
        <f t="shared" si="38"/>
        <v>55</v>
      </c>
      <c r="CD48" s="21">
        <f t="shared" si="39"/>
        <v>88</v>
      </c>
      <c r="CE48" s="21">
        <f t="shared" si="40"/>
        <v>121</v>
      </c>
      <c r="CF48" s="21">
        <f t="shared" si="41"/>
        <v>0</v>
      </c>
      <c r="CG48" s="21">
        <f t="shared" si="42"/>
        <v>0</v>
      </c>
      <c r="CH48" s="21">
        <f t="shared" si="43"/>
        <v>-21</v>
      </c>
      <c r="CI48" s="21">
        <f t="shared" si="44"/>
        <v>-27</v>
      </c>
      <c r="CJ48" s="21">
        <f t="shared" si="45"/>
        <v>1</v>
      </c>
      <c r="CK48" s="21">
        <f t="shared" si="46"/>
        <v>0</v>
      </c>
      <c r="CL48" s="21">
        <f t="shared" si="47"/>
        <v>0</v>
      </c>
      <c r="CM48" s="21">
        <f t="shared" si="48"/>
        <v>0</v>
      </c>
      <c r="CN48" s="21">
        <f t="shared" si="49"/>
        <v>0</v>
      </c>
      <c r="CO48" s="20"/>
    </row>
    <row r="49" spans="1:93" x14ac:dyDescent="0.7">
      <c r="A49" s="7"/>
      <c r="E49" s="8" t="s">
        <v>31</v>
      </c>
      <c r="F49" s="42">
        <v>4446</v>
      </c>
      <c r="G49" s="42">
        <v>4061</v>
      </c>
      <c r="H49" s="42">
        <v>4550</v>
      </c>
      <c r="I49" s="42">
        <v>4282</v>
      </c>
      <c r="J49" s="42">
        <v>3497</v>
      </c>
      <c r="K49" s="42">
        <v>4501</v>
      </c>
      <c r="L49" s="42">
        <v>4566</v>
      </c>
      <c r="M49" s="42">
        <v>4286</v>
      </c>
      <c r="N49" s="42">
        <v>3969</v>
      </c>
      <c r="O49" s="42">
        <v>4617</v>
      </c>
      <c r="P49" s="42">
        <v>4764</v>
      </c>
      <c r="Q49" s="42">
        <v>4430</v>
      </c>
      <c r="R49" s="42">
        <v>4323</v>
      </c>
      <c r="S49" s="42">
        <v>4794</v>
      </c>
      <c r="T49" s="42">
        <v>4754</v>
      </c>
      <c r="U49" s="42">
        <v>4318</v>
      </c>
      <c r="V49" s="42">
        <v>4018</v>
      </c>
      <c r="W49" s="42">
        <v>4426</v>
      </c>
      <c r="X49" s="42">
        <v>4415</v>
      </c>
      <c r="Y49" s="42">
        <v>4136</v>
      </c>
      <c r="Z49" s="42">
        <v>3892</v>
      </c>
      <c r="AA49" s="42">
        <v>4292</v>
      </c>
      <c r="AB49" s="42">
        <v>4285</v>
      </c>
      <c r="AC49" s="42">
        <v>3878</v>
      </c>
      <c r="AD49" s="42">
        <v>3636</v>
      </c>
      <c r="AE49" s="7"/>
      <c r="AF49" s="13"/>
      <c r="AG49" s="9"/>
      <c r="AH49" s="9"/>
      <c r="AI49" s="9"/>
      <c r="AJ49" s="9" t="s">
        <v>31</v>
      </c>
      <c r="AK49" s="21">
        <v>4447</v>
      </c>
      <c r="AL49" s="21">
        <v>4062</v>
      </c>
      <c r="AM49" s="21">
        <v>4550</v>
      </c>
      <c r="AN49" s="21">
        <v>4282</v>
      </c>
      <c r="AO49" s="21">
        <v>3502</v>
      </c>
      <c r="AP49" s="21">
        <v>4501</v>
      </c>
      <c r="AQ49" s="21">
        <v>4579</v>
      </c>
      <c r="AR49" s="21">
        <v>4286</v>
      </c>
      <c r="AS49" s="21">
        <v>3966</v>
      </c>
      <c r="AT49" s="21">
        <v>4607</v>
      </c>
      <c r="AU49" s="21">
        <v>4747</v>
      </c>
      <c r="AV49" s="21">
        <v>4404</v>
      </c>
      <c r="AW49" s="21">
        <v>4297</v>
      </c>
      <c r="AX49" s="21">
        <v>4753</v>
      </c>
      <c r="AY49" s="21">
        <v>4694</v>
      </c>
      <c r="AZ49" s="21">
        <v>4287</v>
      </c>
      <c r="BA49" s="21">
        <v>4019</v>
      </c>
      <c r="BB49" s="21">
        <v>4426</v>
      </c>
      <c r="BC49" s="21">
        <v>4415</v>
      </c>
      <c r="BD49" s="21">
        <v>4135</v>
      </c>
      <c r="BE49" s="21">
        <v>3892</v>
      </c>
      <c r="BF49" s="21">
        <v>4292</v>
      </c>
      <c r="BG49" s="21">
        <v>4285</v>
      </c>
      <c r="BH49" s="21">
        <v>3878</v>
      </c>
      <c r="BI49" s="21">
        <v>3636</v>
      </c>
      <c r="BJ49" s="14"/>
      <c r="BK49" s="16"/>
      <c r="BL49" s="9"/>
      <c r="BM49" s="9"/>
      <c r="BN49" s="9"/>
      <c r="BO49" s="9" t="s">
        <v>31</v>
      </c>
      <c r="BP49" s="21">
        <f t="shared" si="25"/>
        <v>1</v>
      </c>
      <c r="BQ49" s="21">
        <f t="shared" si="26"/>
        <v>1</v>
      </c>
      <c r="BR49" s="21">
        <f t="shared" si="27"/>
        <v>0</v>
      </c>
      <c r="BS49" s="21">
        <f t="shared" si="28"/>
        <v>0</v>
      </c>
      <c r="BT49" s="21">
        <f t="shared" si="29"/>
        <v>5</v>
      </c>
      <c r="BU49" s="21">
        <f t="shared" si="30"/>
        <v>0</v>
      </c>
      <c r="BV49" s="21">
        <f t="shared" si="31"/>
        <v>13</v>
      </c>
      <c r="BW49" s="21">
        <f t="shared" si="32"/>
        <v>0</v>
      </c>
      <c r="BX49" s="21">
        <f t="shared" si="33"/>
        <v>-3</v>
      </c>
      <c r="BY49" s="21">
        <f t="shared" si="34"/>
        <v>-10</v>
      </c>
      <c r="BZ49" s="21">
        <f t="shared" si="35"/>
        <v>-17</v>
      </c>
      <c r="CA49" s="21">
        <f t="shared" si="36"/>
        <v>-26</v>
      </c>
      <c r="CB49" s="21">
        <f t="shared" si="37"/>
        <v>-26</v>
      </c>
      <c r="CC49" s="21">
        <f t="shared" si="38"/>
        <v>-41</v>
      </c>
      <c r="CD49" s="21">
        <f t="shared" si="39"/>
        <v>-60</v>
      </c>
      <c r="CE49" s="21">
        <f t="shared" si="40"/>
        <v>-31</v>
      </c>
      <c r="CF49" s="21">
        <f t="shared" si="41"/>
        <v>1</v>
      </c>
      <c r="CG49" s="21">
        <f t="shared" si="42"/>
        <v>0</v>
      </c>
      <c r="CH49" s="21">
        <f t="shared" si="43"/>
        <v>0</v>
      </c>
      <c r="CI49" s="21">
        <f t="shared" si="44"/>
        <v>-1</v>
      </c>
      <c r="CJ49" s="21">
        <f t="shared" si="45"/>
        <v>0</v>
      </c>
      <c r="CK49" s="21">
        <f t="shared" si="46"/>
        <v>0</v>
      </c>
      <c r="CL49" s="21">
        <f t="shared" si="47"/>
        <v>0</v>
      </c>
      <c r="CM49" s="21">
        <f t="shared" si="48"/>
        <v>0</v>
      </c>
      <c r="CN49" s="21">
        <f t="shared" si="49"/>
        <v>0</v>
      </c>
      <c r="CO49" s="20"/>
    </row>
    <row r="50" spans="1:93" x14ac:dyDescent="0.7">
      <c r="A50" s="7"/>
      <c r="E50" s="8" t="s">
        <v>32</v>
      </c>
      <c r="F50" s="42">
        <v>267</v>
      </c>
      <c r="G50" s="42">
        <v>132</v>
      </c>
      <c r="H50" s="42">
        <v>199</v>
      </c>
      <c r="I50" s="42">
        <v>139</v>
      </c>
      <c r="J50" s="42">
        <v>108</v>
      </c>
      <c r="K50" s="42">
        <v>134</v>
      </c>
      <c r="L50" s="42">
        <v>217</v>
      </c>
      <c r="M50" s="42">
        <v>185</v>
      </c>
      <c r="N50" s="42">
        <v>168</v>
      </c>
      <c r="O50" s="42">
        <v>218</v>
      </c>
      <c r="P50" s="42">
        <v>272</v>
      </c>
      <c r="Q50" s="42">
        <v>225</v>
      </c>
      <c r="R50" s="42">
        <v>219</v>
      </c>
      <c r="S50" s="42">
        <v>230</v>
      </c>
      <c r="T50" s="42">
        <v>273</v>
      </c>
      <c r="U50" s="42">
        <v>220</v>
      </c>
      <c r="V50" s="42">
        <v>213</v>
      </c>
      <c r="W50" s="42">
        <v>208</v>
      </c>
      <c r="X50" s="42">
        <v>261</v>
      </c>
      <c r="Y50" s="42">
        <v>212</v>
      </c>
      <c r="Z50" s="42">
        <v>205</v>
      </c>
      <c r="AA50" s="42">
        <v>205</v>
      </c>
      <c r="AB50" s="42">
        <v>233</v>
      </c>
      <c r="AC50" s="42">
        <v>199</v>
      </c>
      <c r="AD50" s="42">
        <v>194</v>
      </c>
      <c r="AE50" s="7"/>
      <c r="AF50" s="13"/>
      <c r="AG50" s="9"/>
      <c r="AH50" s="9"/>
      <c r="AI50" s="9"/>
      <c r="AJ50" s="9" t="s">
        <v>32</v>
      </c>
      <c r="AK50" s="21">
        <v>267</v>
      </c>
      <c r="AL50" s="21">
        <v>132</v>
      </c>
      <c r="AM50" s="21">
        <v>199</v>
      </c>
      <c r="AN50" s="21">
        <v>139</v>
      </c>
      <c r="AO50" s="21">
        <v>110</v>
      </c>
      <c r="AP50" s="21">
        <v>135</v>
      </c>
      <c r="AQ50" s="21">
        <v>218</v>
      </c>
      <c r="AR50" s="21">
        <v>185</v>
      </c>
      <c r="AS50" s="21">
        <v>168</v>
      </c>
      <c r="AT50" s="21">
        <v>219</v>
      </c>
      <c r="AU50" s="21">
        <v>272</v>
      </c>
      <c r="AV50" s="21">
        <v>225</v>
      </c>
      <c r="AW50" s="21">
        <v>219</v>
      </c>
      <c r="AX50" s="21">
        <v>230</v>
      </c>
      <c r="AY50" s="21">
        <v>273</v>
      </c>
      <c r="AZ50" s="21">
        <v>221</v>
      </c>
      <c r="BA50" s="21">
        <v>212</v>
      </c>
      <c r="BB50" s="21">
        <v>208</v>
      </c>
      <c r="BC50" s="21">
        <v>258</v>
      </c>
      <c r="BD50" s="21">
        <v>212</v>
      </c>
      <c r="BE50" s="21">
        <v>205</v>
      </c>
      <c r="BF50" s="21">
        <v>205</v>
      </c>
      <c r="BG50" s="21">
        <v>238</v>
      </c>
      <c r="BH50" s="21">
        <v>199</v>
      </c>
      <c r="BI50" s="21">
        <v>194</v>
      </c>
      <c r="BJ50" s="14"/>
      <c r="BK50" s="16"/>
      <c r="BL50" s="9"/>
      <c r="BM50" s="9"/>
      <c r="BN50" s="9"/>
      <c r="BO50" s="9" t="s">
        <v>32</v>
      </c>
      <c r="BP50" s="21">
        <f t="shared" si="25"/>
        <v>0</v>
      </c>
      <c r="BQ50" s="21">
        <f t="shared" si="26"/>
        <v>0</v>
      </c>
      <c r="BR50" s="21">
        <f t="shared" si="27"/>
        <v>0</v>
      </c>
      <c r="BS50" s="21">
        <f t="shared" si="28"/>
        <v>0</v>
      </c>
      <c r="BT50" s="21">
        <f t="shared" si="29"/>
        <v>2</v>
      </c>
      <c r="BU50" s="21">
        <f t="shared" si="30"/>
        <v>1</v>
      </c>
      <c r="BV50" s="21">
        <f t="shared" si="31"/>
        <v>1</v>
      </c>
      <c r="BW50" s="21">
        <f t="shared" si="32"/>
        <v>0</v>
      </c>
      <c r="BX50" s="21">
        <f t="shared" si="33"/>
        <v>0</v>
      </c>
      <c r="BY50" s="21">
        <f t="shared" si="34"/>
        <v>1</v>
      </c>
      <c r="BZ50" s="21">
        <f t="shared" si="35"/>
        <v>0</v>
      </c>
      <c r="CA50" s="21">
        <f t="shared" si="36"/>
        <v>0</v>
      </c>
      <c r="CB50" s="21">
        <f t="shared" si="37"/>
        <v>0</v>
      </c>
      <c r="CC50" s="21">
        <f t="shared" si="38"/>
        <v>0</v>
      </c>
      <c r="CD50" s="21">
        <f t="shared" si="39"/>
        <v>0</v>
      </c>
      <c r="CE50" s="21">
        <f t="shared" si="40"/>
        <v>1</v>
      </c>
      <c r="CF50" s="21">
        <f t="shared" si="41"/>
        <v>-1</v>
      </c>
      <c r="CG50" s="21">
        <f t="shared" si="42"/>
        <v>0</v>
      </c>
      <c r="CH50" s="21">
        <f t="shared" si="43"/>
        <v>-3</v>
      </c>
      <c r="CI50" s="21">
        <f t="shared" si="44"/>
        <v>0</v>
      </c>
      <c r="CJ50" s="21">
        <f t="shared" si="45"/>
        <v>0</v>
      </c>
      <c r="CK50" s="21">
        <f t="shared" si="46"/>
        <v>0</v>
      </c>
      <c r="CL50" s="21">
        <f t="shared" si="47"/>
        <v>5</v>
      </c>
      <c r="CM50" s="21">
        <f t="shared" si="48"/>
        <v>0</v>
      </c>
      <c r="CN50" s="21">
        <f t="shared" si="49"/>
        <v>0</v>
      </c>
      <c r="CO50" s="20"/>
    </row>
    <row r="51" spans="1:93" x14ac:dyDescent="0.7">
      <c r="A51" s="7"/>
      <c r="E51" s="8" t="s">
        <v>33</v>
      </c>
      <c r="F51" s="42">
        <v>267</v>
      </c>
      <c r="G51" s="42">
        <v>132</v>
      </c>
      <c r="H51" s="42">
        <v>199</v>
      </c>
      <c r="I51" s="42">
        <v>139</v>
      </c>
      <c r="J51" s="42">
        <v>108</v>
      </c>
      <c r="K51" s="42">
        <v>134</v>
      </c>
      <c r="L51" s="42">
        <v>217</v>
      </c>
      <c r="M51" s="42">
        <v>185</v>
      </c>
      <c r="N51" s="42">
        <v>168</v>
      </c>
      <c r="O51" s="42">
        <v>218</v>
      </c>
      <c r="P51" s="42">
        <v>272</v>
      </c>
      <c r="Q51" s="42">
        <v>225</v>
      </c>
      <c r="R51" s="42">
        <v>219</v>
      </c>
      <c r="S51" s="42">
        <v>230</v>
      </c>
      <c r="T51" s="42">
        <v>273</v>
      </c>
      <c r="U51" s="42">
        <v>220</v>
      </c>
      <c r="V51" s="42">
        <v>213</v>
      </c>
      <c r="W51" s="42">
        <v>208</v>
      </c>
      <c r="X51" s="42">
        <v>261</v>
      </c>
      <c r="Y51" s="42">
        <v>212</v>
      </c>
      <c r="Z51" s="42">
        <v>205</v>
      </c>
      <c r="AA51" s="42">
        <v>205</v>
      </c>
      <c r="AB51" s="42">
        <v>233</v>
      </c>
      <c r="AC51" s="42">
        <v>199</v>
      </c>
      <c r="AD51" s="42">
        <v>194</v>
      </c>
      <c r="AE51" s="7"/>
      <c r="AF51" s="13"/>
      <c r="AG51" s="9"/>
      <c r="AH51" s="9"/>
      <c r="AI51" s="9"/>
      <c r="AJ51" s="9" t="s">
        <v>33</v>
      </c>
      <c r="AK51" s="21">
        <v>267</v>
      </c>
      <c r="AL51" s="21">
        <v>132</v>
      </c>
      <c r="AM51" s="21">
        <v>199</v>
      </c>
      <c r="AN51" s="21">
        <v>139</v>
      </c>
      <c r="AO51" s="21">
        <v>110</v>
      </c>
      <c r="AP51" s="21">
        <v>135</v>
      </c>
      <c r="AQ51" s="21">
        <v>218</v>
      </c>
      <c r="AR51" s="21">
        <v>185</v>
      </c>
      <c r="AS51" s="21">
        <v>168</v>
      </c>
      <c r="AT51" s="21">
        <v>219</v>
      </c>
      <c r="AU51" s="21">
        <v>272</v>
      </c>
      <c r="AV51" s="21">
        <v>225</v>
      </c>
      <c r="AW51" s="21">
        <v>219</v>
      </c>
      <c r="AX51" s="21">
        <v>230</v>
      </c>
      <c r="AY51" s="21">
        <v>273</v>
      </c>
      <c r="AZ51" s="21">
        <v>221</v>
      </c>
      <c r="BA51" s="21">
        <v>212</v>
      </c>
      <c r="BB51" s="21">
        <v>208</v>
      </c>
      <c r="BC51" s="21">
        <v>258</v>
      </c>
      <c r="BD51" s="21">
        <v>212</v>
      </c>
      <c r="BE51" s="21">
        <v>205</v>
      </c>
      <c r="BF51" s="21">
        <v>205</v>
      </c>
      <c r="BG51" s="21">
        <v>238</v>
      </c>
      <c r="BH51" s="21">
        <v>199</v>
      </c>
      <c r="BI51" s="21">
        <v>194</v>
      </c>
      <c r="BJ51" s="14"/>
      <c r="BK51" s="16"/>
      <c r="BL51" s="9"/>
      <c r="BM51" s="9"/>
      <c r="BN51" s="9"/>
      <c r="BO51" s="9" t="s">
        <v>33</v>
      </c>
      <c r="BP51" s="21">
        <f t="shared" si="25"/>
        <v>0</v>
      </c>
      <c r="BQ51" s="21">
        <f t="shared" si="26"/>
        <v>0</v>
      </c>
      <c r="BR51" s="21">
        <f t="shared" si="27"/>
        <v>0</v>
      </c>
      <c r="BS51" s="21">
        <f t="shared" si="28"/>
        <v>0</v>
      </c>
      <c r="BT51" s="21">
        <f t="shared" si="29"/>
        <v>2</v>
      </c>
      <c r="BU51" s="21">
        <f t="shared" si="30"/>
        <v>1</v>
      </c>
      <c r="BV51" s="21">
        <f t="shared" si="31"/>
        <v>1</v>
      </c>
      <c r="BW51" s="21">
        <f t="shared" si="32"/>
        <v>0</v>
      </c>
      <c r="BX51" s="21">
        <f t="shared" si="33"/>
        <v>0</v>
      </c>
      <c r="BY51" s="21">
        <f t="shared" si="34"/>
        <v>1</v>
      </c>
      <c r="BZ51" s="21">
        <f t="shared" si="35"/>
        <v>0</v>
      </c>
      <c r="CA51" s="21">
        <f t="shared" si="36"/>
        <v>0</v>
      </c>
      <c r="CB51" s="21">
        <f t="shared" si="37"/>
        <v>0</v>
      </c>
      <c r="CC51" s="21">
        <f t="shared" si="38"/>
        <v>0</v>
      </c>
      <c r="CD51" s="21">
        <f t="shared" si="39"/>
        <v>0</v>
      </c>
      <c r="CE51" s="21">
        <f t="shared" si="40"/>
        <v>1</v>
      </c>
      <c r="CF51" s="21">
        <f t="shared" si="41"/>
        <v>-1</v>
      </c>
      <c r="CG51" s="21">
        <f t="shared" si="42"/>
        <v>0</v>
      </c>
      <c r="CH51" s="21">
        <f t="shared" si="43"/>
        <v>-3</v>
      </c>
      <c r="CI51" s="21">
        <f t="shared" si="44"/>
        <v>0</v>
      </c>
      <c r="CJ51" s="21">
        <f t="shared" si="45"/>
        <v>0</v>
      </c>
      <c r="CK51" s="21">
        <f t="shared" si="46"/>
        <v>0</v>
      </c>
      <c r="CL51" s="21">
        <f t="shared" si="47"/>
        <v>5</v>
      </c>
      <c r="CM51" s="21">
        <f t="shared" si="48"/>
        <v>0</v>
      </c>
      <c r="CN51" s="21">
        <f t="shared" si="49"/>
        <v>0</v>
      </c>
      <c r="CO51" s="20"/>
    </row>
    <row r="52" spans="1:93" x14ac:dyDescent="0.7">
      <c r="A52" s="7"/>
      <c r="E52" s="8" t="s">
        <v>34</v>
      </c>
      <c r="F52" s="42">
        <v>225</v>
      </c>
      <c r="G52" s="42">
        <v>153</v>
      </c>
      <c r="H52" s="42">
        <v>442</v>
      </c>
      <c r="I52" s="42">
        <v>179</v>
      </c>
      <c r="J52" s="42">
        <v>94</v>
      </c>
      <c r="K52" s="42">
        <v>158</v>
      </c>
      <c r="L52" s="42">
        <v>427</v>
      </c>
      <c r="M52" s="42">
        <v>267</v>
      </c>
      <c r="N52" s="42">
        <v>197</v>
      </c>
      <c r="O52" s="42">
        <v>327</v>
      </c>
      <c r="P52" s="42">
        <v>554</v>
      </c>
      <c r="Q52" s="42">
        <v>274</v>
      </c>
      <c r="R52" s="42">
        <v>196</v>
      </c>
      <c r="S52" s="42">
        <v>336</v>
      </c>
      <c r="T52" s="42">
        <v>451</v>
      </c>
      <c r="U52" s="42">
        <v>217</v>
      </c>
      <c r="V52" s="42">
        <v>165</v>
      </c>
      <c r="W52" s="42">
        <v>278</v>
      </c>
      <c r="X52" s="42">
        <v>377</v>
      </c>
      <c r="Y52" s="42">
        <v>193</v>
      </c>
      <c r="Z52" s="42">
        <v>142</v>
      </c>
      <c r="AA52" s="42">
        <v>230</v>
      </c>
      <c r="AB52" s="42">
        <v>264</v>
      </c>
      <c r="AC52" s="42">
        <v>127</v>
      </c>
      <c r="AD52" s="42">
        <v>89</v>
      </c>
      <c r="AE52" s="7"/>
      <c r="AF52" s="13"/>
      <c r="AG52" s="9"/>
      <c r="AH52" s="9"/>
      <c r="AI52" s="9"/>
      <c r="AJ52" s="9" t="s">
        <v>34</v>
      </c>
      <c r="AK52" s="21">
        <v>225</v>
      </c>
      <c r="AL52" s="21">
        <v>153</v>
      </c>
      <c r="AM52" s="21">
        <v>442</v>
      </c>
      <c r="AN52" s="21">
        <v>179</v>
      </c>
      <c r="AO52" s="21">
        <v>94</v>
      </c>
      <c r="AP52" s="21">
        <v>158</v>
      </c>
      <c r="AQ52" s="21">
        <v>427</v>
      </c>
      <c r="AR52" s="21">
        <v>268</v>
      </c>
      <c r="AS52" s="21">
        <v>198</v>
      </c>
      <c r="AT52" s="21">
        <v>327</v>
      </c>
      <c r="AU52" s="21">
        <v>554</v>
      </c>
      <c r="AV52" s="21">
        <v>274</v>
      </c>
      <c r="AW52" s="21">
        <v>196</v>
      </c>
      <c r="AX52" s="21">
        <v>336</v>
      </c>
      <c r="AY52" s="21">
        <v>451</v>
      </c>
      <c r="AZ52" s="21">
        <v>217</v>
      </c>
      <c r="BA52" s="21">
        <v>164</v>
      </c>
      <c r="BB52" s="21">
        <v>278</v>
      </c>
      <c r="BC52" s="21">
        <v>377</v>
      </c>
      <c r="BD52" s="21">
        <v>193</v>
      </c>
      <c r="BE52" s="21">
        <v>142</v>
      </c>
      <c r="BF52" s="21">
        <v>230</v>
      </c>
      <c r="BG52" s="21">
        <v>264</v>
      </c>
      <c r="BH52" s="21">
        <v>127</v>
      </c>
      <c r="BI52" s="21">
        <v>89</v>
      </c>
      <c r="BJ52" s="14"/>
      <c r="BK52" s="16"/>
      <c r="BL52" s="9"/>
      <c r="BM52" s="9"/>
      <c r="BN52" s="9"/>
      <c r="BO52" s="9" t="s">
        <v>34</v>
      </c>
      <c r="BP52" s="21">
        <f t="shared" si="25"/>
        <v>0</v>
      </c>
      <c r="BQ52" s="21">
        <f t="shared" si="26"/>
        <v>0</v>
      </c>
      <c r="BR52" s="21">
        <f t="shared" si="27"/>
        <v>0</v>
      </c>
      <c r="BS52" s="21">
        <f t="shared" si="28"/>
        <v>0</v>
      </c>
      <c r="BT52" s="21">
        <f t="shared" si="29"/>
        <v>0</v>
      </c>
      <c r="BU52" s="21">
        <f t="shared" si="30"/>
        <v>0</v>
      </c>
      <c r="BV52" s="21">
        <f t="shared" si="31"/>
        <v>0</v>
      </c>
      <c r="BW52" s="21">
        <f t="shared" si="32"/>
        <v>1</v>
      </c>
      <c r="BX52" s="21">
        <f t="shared" si="33"/>
        <v>1</v>
      </c>
      <c r="BY52" s="21">
        <f t="shared" si="34"/>
        <v>0</v>
      </c>
      <c r="BZ52" s="21">
        <f t="shared" si="35"/>
        <v>0</v>
      </c>
      <c r="CA52" s="21">
        <f t="shared" si="36"/>
        <v>0</v>
      </c>
      <c r="CB52" s="21">
        <f t="shared" si="37"/>
        <v>0</v>
      </c>
      <c r="CC52" s="21">
        <f t="shared" si="38"/>
        <v>0</v>
      </c>
      <c r="CD52" s="21">
        <f t="shared" si="39"/>
        <v>0</v>
      </c>
      <c r="CE52" s="21">
        <f t="shared" si="40"/>
        <v>0</v>
      </c>
      <c r="CF52" s="21">
        <f t="shared" si="41"/>
        <v>-1</v>
      </c>
      <c r="CG52" s="21">
        <f t="shared" si="42"/>
        <v>0</v>
      </c>
      <c r="CH52" s="21">
        <f t="shared" si="43"/>
        <v>0</v>
      </c>
      <c r="CI52" s="21">
        <f t="shared" si="44"/>
        <v>0</v>
      </c>
      <c r="CJ52" s="21">
        <f t="shared" si="45"/>
        <v>0</v>
      </c>
      <c r="CK52" s="21">
        <f t="shared" si="46"/>
        <v>0</v>
      </c>
      <c r="CL52" s="21">
        <f t="shared" si="47"/>
        <v>0</v>
      </c>
      <c r="CM52" s="21">
        <f t="shared" si="48"/>
        <v>0</v>
      </c>
      <c r="CN52" s="21">
        <f t="shared" si="49"/>
        <v>0</v>
      </c>
      <c r="CO52" s="20"/>
    </row>
    <row r="53" spans="1:93" x14ac:dyDescent="0.7">
      <c r="A53" s="7"/>
      <c r="E53" s="8" t="s">
        <v>35</v>
      </c>
      <c r="F53" s="42">
        <v>197</v>
      </c>
      <c r="G53" s="42">
        <v>135</v>
      </c>
      <c r="H53" s="42">
        <v>369</v>
      </c>
      <c r="I53" s="42">
        <v>158</v>
      </c>
      <c r="J53" s="42">
        <v>86</v>
      </c>
      <c r="K53" s="42">
        <v>140</v>
      </c>
      <c r="L53" s="42">
        <v>360</v>
      </c>
      <c r="M53" s="42">
        <v>234</v>
      </c>
      <c r="N53" s="42">
        <v>176</v>
      </c>
      <c r="O53" s="42">
        <v>284</v>
      </c>
      <c r="P53" s="42">
        <v>479</v>
      </c>
      <c r="Q53" s="42">
        <v>242</v>
      </c>
      <c r="R53" s="42">
        <v>175</v>
      </c>
      <c r="S53" s="42">
        <v>293</v>
      </c>
      <c r="T53" s="42">
        <v>389</v>
      </c>
      <c r="U53" s="42">
        <v>191</v>
      </c>
      <c r="V53" s="42">
        <v>146</v>
      </c>
      <c r="W53" s="42">
        <v>241</v>
      </c>
      <c r="X53" s="42">
        <v>325</v>
      </c>
      <c r="Y53" s="42">
        <v>170</v>
      </c>
      <c r="Z53" s="42">
        <v>126</v>
      </c>
      <c r="AA53" s="42">
        <v>200</v>
      </c>
      <c r="AB53" s="42">
        <v>225</v>
      </c>
      <c r="AC53" s="42">
        <v>112</v>
      </c>
      <c r="AD53" s="42">
        <v>79</v>
      </c>
      <c r="AE53" s="7"/>
      <c r="AF53" s="13"/>
      <c r="AG53" s="9"/>
      <c r="AH53" s="9"/>
      <c r="AI53" s="9"/>
      <c r="AJ53" s="9" t="s">
        <v>35</v>
      </c>
      <c r="AK53" s="21">
        <v>197</v>
      </c>
      <c r="AL53" s="21">
        <v>135</v>
      </c>
      <c r="AM53" s="21">
        <v>369</v>
      </c>
      <c r="AN53" s="21">
        <v>158</v>
      </c>
      <c r="AO53" s="21">
        <v>86</v>
      </c>
      <c r="AP53" s="21">
        <v>140</v>
      </c>
      <c r="AQ53" s="21">
        <v>360</v>
      </c>
      <c r="AR53" s="21">
        <v>234</v>
      </c>
      <c r="AS53" s="21">
        <v>176</v>
      </c>
      <c r="AT53" s="21">
        <v>284</v>
      </c>
      <c r="AU53" s="21">
        <v>479</v>
      </c>
      <c r="AV53" s="21">
        <v>242</v>
      </c>
      <c r="AW53" s="21">
        <v>175</v>
      </c>
      <c r="AX53" s="21">
        <v>293</v>
      </c>
      <c r="AY53" s="21">
        <v>389</v>
      </c>
      <c r="AZ53" s="21">
        <v>191</v>
      </c>
      <c r="BA53" s="21">
        <v>146</v>
      </c>
      <c r="BB53" s="21">
        <v>241</v>
      </c>
      <c r="BC53" s="21">
        <v>325</v>
      </c>
      <c r="BD53" s="21">
        <v>170</v>
      </c>
      <c r="BE53" s="21">
        <v>126</v>
      </c>
      <c r="BF53" s="21">
        <v>200</v>
      </c>
      <c r="BG53" s="21">
        <v>225</v>
      </c>
      <c r="BH53" s="21">
        <v>112</v>
      </c>
      <c r="BI53" s="21">
        <v>79</v>
      </c>
      <c r="BJ53" s="14"/>
      <c r="BK53" s="16"/>
      <c r="BL53" s="9"/>
      <c r="BM53" s="9"/>
      <c r="BN53" s="9"/>
      <c r="BO53" s="9" t="s">
        <v>35</v>
      </c>
      <c r="BP53" s="21">
        <f t="shared" si="25"/>
        <v>0</v>
      </c>
      <c r="BQ53" s="21">
        <f t="shared" si="26"/>
        <v>0</v>
      </c>
      <c r="BR53" s="21">
        <f t="shared" si="27"/>
        <v>0</v>
      </c>
      <c r="BS53" s="21">
        <f t="shared" si="28"/>
        <v>0</v>
      </c>
      <c r="BT53" s="21">
        <f t="shared" si="29"/>
        <v>0</v>
      </c>
      <c r="BU53" s="21">
        <f t="shared" si="30"/>
        <v>0</v>
      </c>
      <c r="BV53" s="21">
        <f t="shared" si="31"/>
        <v>0</v>
      </c>
      <c r="BW53" s="21">
        <f t="shared" si="32"/>
        <v>0</v>
      </c>
      <c r="BX53" s="21">
        <f t="shared" si="33"/>
        <v>0</v>
      </c>
      <c r="BY53" s="21">
        <f t="shared" si="34"/>
        <v>0</v>
      </c>
      <c r="BZ53" s="21">
        <f t="shared" si="35"/>
        <v>0</v>
      </c>
      <c r="CA53" s="21">
        <f t="shared" si="36"/>
        <v>0</v>
      </c>
      <c r="CB53" s="21">
        <f t="shared" si="37"/>
        <v>0</v>
      </c>
      <c r="CC53" s="21">
        <f t="shared" si="38"/>
        <v>0</v>
      </c>
      <c r="CD53" s="21">
        <f t="shared" si="39"/>
        <v>0</v>
      </c>
      <c r="CE53" s="21">
        <f t="shared" si="40"/>
        <v>0</v>
      </c>
      <c r="CF53" s="21">
        <f t="shared" si="41"/>
        <v>0</v>
      </c>
      <c r="CG53" s="21">
        <f t="shared" si="42"/>
        <v>0</v>
      </c>
      <c r="CH53" s="21">
        <f t="shared" si="43"/>
        <v>0</v>
      </c>
      <c r="CI53" s="21">
        <f t="shared" si="44"/>
        <v>0</v>
      </c>
      <c r="CJ53" s="21">
        <f t="shared" si="45"/>
        <v>0</v>
      </c>
      <c r="CK53" s="21">
        <f t="shared" si="46"/>
        <v>0</v>
      </c>
      <c r="CL53" s="21">
        <f t="shared" si="47"/>
        <v>0</v>
      </c>
      <c r="CM53" s="21">
        <f t="shared" si="48"/>
        <v>0</v>
      </c>
      <c r="CN53" s="21">
        <f t="shared" si="49"/>
        <v>0</v>
      </c>
      <c r="CO53" s="20"/>
    </row>
    <row r="54" spans="1:93" x14ac:dyDescent="0.7">
      <c r="A54" s="7"/>
      <c r="E54" s="8" t="s">
        <v>36</v>
      </c>
      <c r="F54" s="42">
        <v>28</v>
      </c>
      <c r="G54" s="42">
        <v>18</v>
      </c>
      <c r="H54" s="42">
        <v>73</v>
      </c>
      <c r="I54" s="42">
        <v>21</v>
      </c>
      <c r="J54" s="42">
        <v>8</v>
      </c>
      <c r="K54" s="42">
        <v>18</v>
      </c>
      <c r="L54" s="42">
        <v>67</v>
      </c>
      <c r="M54" s="42">
        <v>33</v>
      </c>
      <c r="N54" s="42">
        <v>21</v>
      </c>
      <c r="O54" s="42">
        <v>43</v>
      </c>
      <c r="P54" s="42">
        <v>75</v>
      </c>
      <c r="Q54" s="42">
        <v>32</v>
      </c>
      <c r="R54" s="42">
        <v>21</v>
      </c>
      <c r="S54" s="42">
        <v>43</v>
      </c>
      <c r="T54" s="42">
        <v>62</v>
      </c>
      <c r="U54" s="42">
        <v>26</v>
      </c>
      <c r="V54" s="42">
        <v>19</v>
      </c>
      <c r="W54" s="42">
        <v>37</v>
      </c>
      <c r="X54" s="42">
        <v>53</v>
      </c>
      <c r="Y54" s="42">
        <v>23</v>
      </c>
      <c r="Z54" s="42">
        <v>16</v>
      </c>
      <c r="AA54" s="42">
        <v>30</v>
      </c>
      <c r="AB54" s="42">
        <v>38</v>
      </c>
      <c r="AC54" s="42">
        <v>16</v>
      </c>
      <c r="AD54" s="42">
        <v>10</v>
      </c>
      <c r="AE54" s="7"/>
      <c r="AF54" s="13"/>
      <c r="AG54" s="9"/>
      <c r="AH54" s="9"/>
      <c r="AI54" s="9"/>
      <c r="AJ54" s="9" t="s">
        <v>36</v>
      </c>
      <c r="AK54" s="21">
        <v>28</v>
      </c>
      <c r="AL54" s="21">
        <v>18</v>
      </c>
      <c r="AM54" s="21">
        <v>73</v>
      </c>
      <c r="AN54" s="21">
        <v>21</v>
      </c>
      <c r="AO54" s="21">
        <v>8</v>
      </c>
      <c r="AP54" s="21">
        <v>18</v>
      </c>
      <c r="AQ54" s="21">
        <v>67</v>
      </c>
      <c r="AR54" s="21">
        <v>33</v>
      </c>
      <c r="AS54" s="21">
        <v>21</v>
      </c>
      <c r="AT54" s="21">
        <v>43</v>
      </c>
      <c r="AU54" s="21">
        <v>75</v>
      </c>
      <c r="AV54" s="21">
        <v>32</v>
      </c>
      <c r="AW54" s="21">
        <v>21</v>
      </c>
      <c r="AX54" s="21">
        <v>43</v>
      </c>
      <c r="AY54" s="21">
        <v>62</v>
      </c>
      <c r="AZ54" s="21">
        <v>26</v>
      </c>
      <c r="BA54" s="21">
        <v>19</v>
      </c>
      <c r="BB54" s="21">
        <v>37</v>
      </c>
      <c r="BC54" s="21">
        <v>53</v>
      </c>
      <c r="BD54" s="21">
        <v>23</v>
      </c>
      <c r="BE54" s="21">
        <v>16</v>
      </c>
      <c r="BF54" s="21">
        <v>30</v>
      </c>
      <c r="BG54" s="21">
        <v>38</v>
      </c>
      <c r="BH54" s="21">
        <v>16</v>
      </c>
      <c r="BI54" s="21">
        <v>10</v>
      </c>
      <c r="BJ54" s="14"/>
      <c r="BK54" s="16"/>
      <c r="BL54" s="9"/>
      <c r="BM54" s="9"/>
      <c r="BN54" s="9"/>
      <c r="BO54" s="9" t="s">
        <v>36</v>
      </c>
      <c r="BP54" s="21">
        <f t="shared" si="25"/>
        <v>0</v>
      </c>
      <c r="BQ54" s="21">
        <f t="shared" si="26"/>
        <v>0</v>
      </c>
      <c r="BR54" s="21">
        <f t="shared" si="27"/>
        <v>0</v>
      </c>
      <c r="BS54" s="21">
        <f t="shared" si="28"/>
        <v>0</v>
      </c>
      <c r="BT54" s="21">
        <f t="shared" si="29"/>
        <v>0</v>
      </c>
      <c r="BU54" s="21">
        <f t="shared" si="30"/>
        <v>0</v>
      </c>
      <c r="BV54" s="21">
        <f t="shared" si="31"/>
        <v>0</v>
      </c>
      <c r="BW54" s="21">
        <f t="shared" si="32"/>
        <v>0</v>
      </c>
      <c r="BX54" s="21">
        <f t="shared" si="33"/>
        <v>0</v>
      </c>
      <c r="BY54" s="21">
        <f t="shared" si="34"/>
        <v>0</v>
      </c>
      <c r="BZ54" s="21">
        <f t="shared" si="35"/>
        <v>0</v>
      </c>
      <c r="CA54" s="21">
        <f t="shared" si="36"/>
        <v>0</v>
      </c>
      <c r="CB54" s="21">
        <f t="shared" si="37"/>
        <v>0</v>
      </c>
      <c r="CC54" s="21">
        <f t="shared" si="38"/>
        <v>0</v>
      </c>
      <c r="CD54" s="21">
        <f t="shared" si="39"/>
        <v>0</v>
      </c>
      <c r="CE54" s="21">
        <f t="shared" si="40"/>
        <v>0</v>
      </c>
      <c r="CF54" s="21">
        <f t="shared" si="41"/>
        <v>0</v>
      </c>
      <c r="CG54" s="21">
        <f t="shared" si="42"/>
        <v>0</v>
      </c>
      <c r="CH54" s="21">
        <f t="shared" si="43"/>
        <v>0</v>
      </c>
      <c r="CI54" s="21">
        <f t="shared" si="44"/>
        <v>0</v>
      </c>
      <c r="CJ54" s="21">
        <f t="shared" si="45"/>
        <v>0</v>
      </c>
      <c r="CK54" s="21">
        <f t="shared" si="46"/>
        <v>0</v>
      </c>
      <c r="CL54" s="21">
        <f t="shared" si="47"/>
        <v>0</v>
      </c>
      <c r="CM54" s="21">
        <f t="shared" si="48"/>
        <v>0</v>
      </c>
      <c r="CN54" s="21">
        <f t="shared" si="49"/>
        <v>0</v>
      </c>
      <c r="CO54" s="20"/>
    </row>
    <row r="55" spans="1:93" x14ac:dyDescent="0.7">
      <c r="A55" s="7"/>
      <c r="C55" s="8" t="s">
        <v>42</v>
      </c>
      <c r="D55" s="8" t="s">
        <v>26</v>
      </c>
      <c r="E55" s="8" t="s">
        <v>27</v>
      </c>
      <c r="F55" s="42">
        <v>462175</v>
      </c>
      <c r="G55" s="42">
        <v>483999</v>
      </c>
      <c r="H55" s="42">
        <v>541552</v>
      </c>
      <c r="I55" s="42">
        <v>525918</v>
      </c>
      <c r="J55" s="42">
        <v>415111</v>
      </c>
      <c r="K55" s="42">
        <v>528763</v>
      </c>
      <c r="L55" s="42">
        <v>567978</v>
      </c>
      <c r="M55" s="42">
        <v>568144</v>
      </c>
      <c r="N55" s="42">
        <v>505221</v>
      </c>
      <c r="O55" s="42">
        <v>576637</v>
      </c>
      <c r="P55" s="42">
        <v>573044</v>
      </c>
      <c r="Q55" s="42">
        <v>576871</v>
      </c>
      <c r="R55" s="42">
        <v>532174</v>
      </c>
      <c r="S55" s="42">
        <v>579479</v>
      </c>
      <c r="T55" s="42">
        <v>561627</v>
      </c>
      <c r="U55" s="42">
        <v>568068</v>
      </c>
      <c r="V55" s="42">
        <v>523875</v>
      </c>
      <c r="W55" s="42">
        <v>594797</v>
      </c>
      <c r="X55" s="42">
        <v>589054</v>
      </c>
      <c r="Y55" s="42">
        <v>596021</v>
      </c>
      <c r="Z55" s="42">
        <v>554466</v>
      </c>
      <c r="AA55" s="42">
        <v>607186</v>
      </c>
      <c r="AB55" s="42">
        <v>605366</v>
      </c>
      <c r="AC55" s="42">
        <v>623238</v>
      </c>
      <c r="AD55" s="42">
        <v>568973</v>
      </c>
      <c r="AE55" s="7"/>
      <c r="AF55" s="13"/>
      <c r="AG55" s="9"/>
      <c r="AH55" s="9" t="s">
        <v>42</v>
      </c>
      <c r="AI55" s="9" t="s">
        <v>26</v>
      </c>
      <c r="AJ55" s="9" t="s">
        <v>27</v>
      </c>
      <c r="AK55" s="21">
        <v>462178</v>
      </c>
      <c r="AL55" s="21">
        <v>483998</v>
      </c>
      <c r="AM55" s="21">
        <v>541552</v>
      </c>
      <c r="AN55" s="21">
        <v>525918</v>
      </c>
      <c r="AO55" s="21">
        <v>415821</v>
      </c>
      <c r="AP55" s="21">
        <v>528677</v>
      </c>
      <c r="AQ55" s="21">
        <v>571736</v>
      </c>
      <c r="AR55" s="21">
        <v>568142</v>
      </c>
      <c r="AS55" s="21">
        <v>505221</v>
      </c>
      <c r="AT55" s="21">
        <v>576634</v>
      </c>
      <c r="AU55" s="21">
        <v>573040</v>
      </c>
      <c r="AV55" s="21">
        <v>575565</v>
      </c>
      <c r="AW55" s="21">
        <v>530974</v>
      </c>
      <c r="AX55" s="21">
        <v>578116</v>
      </c>
      <c r="AY55" s="21">
        <v>560312</v>
      </c>
      <c r="AZ55" s="21">
        <v>568065</v>
      </c>
      <c r="BA55" s="21">
        <v>523876</v>
      </c>
      <c r="BB55" s="21">
        <v>594797</v>
      </c>
      <c r="BC55" s="21">
        <v>587086</v>
      </c>
      <c r="BD55" s="21">
        <v>597624</v>
      </c>
      <c r="BE55" s="21">
        <v>547337</v>
      </c>
      <c r="BF55" s="21">
        <v>607186</v>
      </c>
      <c r="BG55" s="21">
        <v>605371</v>
      </c>
      <c r="BH55" s="21">
        <v>618602</v>
      </c>
      <c r="BI55" s="21">
        <v>568983</v>
      </c>
      <c r="BJ55" s="14"/>
      <c r="BK55" s="16"/>
      <c r="BL55" s="9"/>
      <c r="BM55" s="9" t="s">
        <v>42</v>
      </c>
      <c r="BN55" s="9" t="s">
        <v>26</v>
      </c>
      <c r="BO55" s="9" t="s">
        <v>27</v>
      </c>
      <c r="BP55" s="21">
        <f t="shared" si="25"/>
        <v>3</v>
      </c>
      <c r="BQ55" s="21">
        <f t="shared" si="26"/>
        <v>-1</v>
      </c>
      <c r="BR55" s="21">
        <f t="shared" si="27"/>
        <v>0</v>
      </c>
      <c r="BS55" s="21">
        <f t="shared" si="28"/>
        <v>0</v>
      </c>
      <c r="BT55" s="21">
        <f t="shared" si="29"/>
        <v>710</v>
      </c>
      <c r="BU55" s="21">
        <f t="shared" si="30"/>
        <v>-86</v>
      </c>
      <c r="BV55" s="21">
        <f t="shared" si="31"/>
        <v>3758</v>
      </c>
      <c r="BW55" s="21">
        <f t="shared" si="32"/>
        <v>-2</v>
      </c>
      <c r="BX55" s="21">
        <f t="shared" si="33"/>
        <v>0</v>
      </c>
      <c r="BY55" s="21">
        <f t="shared" si="34"/>
        <v>-3</v>
      </c>
      <c r="BZ55" s="21">
        <f t="shared" si="35"/>
        <v>-4</v>
      </c>
      <c r="CA55" s="21">
        <f t="shared" si="36"/>
        <v>-1306</v>
      </c>
      <c r="CB55" s="21">
        <f t="shared" si="37"/>
        <v>-1200</v>
      </c>
      <c r="CC55" s="21">
        <f t="shared" si="38"/>
        <v>-1363</v>
      </c>
      <c r="CD55" s="21">
        <f t="shared" si="39"/>
        <v>-1315</v>
      </c>
      <c r="CE55" s="21">
        <f t="shared" si="40"/>
        <v>-3</v>
      </c>
      <c r="CF55" s="21">
        <f t="shared" si="41"/>
        <v>1</v>
      </c>
      <c r="CG55" s="21">
        <f t="shared" si="42"/>
        <v>0</v>
      </c>
      <c r="CH55" s="21">
        <f t="shared" si="43"/>
        <v>-1968</v>
      </c>
      <c r="CI55" s="21">
        <f t="shared" si="44"/>
        <v>1603</v>
      </c>
      <c r="CJ55" s="21">
        <f t="shared" si="45"/>
        <v>-7129</v>
      </c>
      <c r="CK55" s="21">
        <f t="shared" si="46"/>
        <v>0</v>
      </c>
      <c r="CL55" s="21">
        <f t="shared" si="47"/>
        <v>5</v>
      </c>
      <c r="CM55" s="21">
        <f t="shared" si="48"/>
        <v>-4636</v>
      </c>
      <c r="CN55" s="21">
        <f t="shared" si="49"/>
        <v>10</v>
      </c>
      <c r="CO55" s="20"/>
    </row>
    <row r="56" spans="1:93" x14ac:dyDescent="0.7">
      <c r="A56" s="7"/>
      <c r="E56" s="8" t="s">
        <v>28</v>
      </c>
      <c r="F56" s="42">
        <v>450270</v>
      </c>
      <c r="G56" s="42">
        <v>473892</v>
      </c>
      <c r="H56" s="42">
        <v>529472</v>
      </c>
      <c r="I56" s="42">
        <v>514712</v>
      </c>
      <c r="J56" s="42">
        <v>406414</v>
      </c>
      <c r="K56" s="42">
        <v>518199</v>
      </c>
      <c r="L56" s="42">
        <v>555966</v>
      </c>
      <c r="M56" s="42">
        <v>555371</v>
      </c>
      <c r="N56" s="42">
        <v>493840</v>
      </c>
      <c r="O56" s="42">
        <v>563629</v>
      </c>
      <c r="P56" s="42">
        <v>559930</v>
      </c>
      <c r="Q56" s="42">
        <v>562857</v>
      </c>
      <c r="R56" s="42">
        <v>519074</v>
      </c>
      <c r="S56" s="42">
        <v>565264</v>
      </c>
      <c r="T56" s="42">
        <v>547590</v>
      </c>
      <c r="U56" s="42">
        <v>552982</v>
      </c>
      <c r="V56" s="42">
        <v>510002</v>
      </c>
      <c r="W56" s="42">
        <v>579272</v>
      </c>
      <c r="X56" s="42">
        <v>573789</v>
      </c>
      <c r="Y56" s="42">
        <v>579525</v>
      </c>
      <c r="Z56" s="42">
        <v>539282</v>
      </c>
      <c r="AA56" s="42">
        <v>590890</v>
      </c>
      <c r="AB56" s="42">
        <v>588830</v>
      </c>
      <c r="AC56" s="42">
        <v>605327</v>
      </c>
      <c r="AD56" s="42">
        <v>552189</v>
      </c>
      <c r="AE56" s="7"/>
      <c r="AF56" s="13"/>
      <c r="AG56" s="9"/>
      <c r="AH56" s="9"/>
      <c r="AI56" s="9"/>
      <c r="AJ56" s="9" t="s">
        <v>28</v>
      </c>
      <c r="AK56" s="21">
        <v>450272</v>
      </c>
      <c r="AL56" s="21">
        <v>473892</v>
      </c>
      <c r="AM56" s="21">
        <v>529472</v>
      </c>
      <c r="AN56" s="21">
        <v>514712</v>
      </c>
      <c r="AO56" s="21">
        <v>407098</v>
      </c>
      <c r="AP56" s="21">
        <v>518102</v>
      </c>
      <c r="AQ56" s="21">
        <v>559638</v>
      </c>
      <c r="AR56" s="21">
        <v>555370</v>
      </c>
      <c r="AS56" s="21">
        <v>493839</v>
      </c>
      <c r="AT56" s="21">
        <v>563627</v>
      </c>
      <c r="AU56" s="21">
        <v>559926</v>
      </c>
      <c r="AV56" s="21">
        <v>561558</v>
      </c>
      <c r="AW56" s="21">
        <v>517880</v>
      </c>
      <c r="AX56" s="21">
        <v>563907</v>
      </c>
      <c r="AY56" s="21">
        <v>546282</v>
      </c>
      <c r="AZ56" s="21">
        <v>552979</v>
      </c>
      <c r="BA56" s="21">
        <v>510003</v>
      </c>
      <c r="BB56" s="21">
        <v>579272</v>
      </c>
      <c r="BC56" s="21">
        <v>571689</v>
      </c>
      <c r="BD56" s="21">
        <v>581128</v>
      </c>
      <c r="BE56" s="21">
        <v>532152</v>
      </c>
      <c r="BF56" s="21">
        <v>590890</v>
      </c>
      <c r="BG56" s="21">
        <v>588830</v>
      </c>
      <c r="BH56" s="21">
        <v>600692</v>
      </c>
      <c r="BI56" s="21">
        <v>552266</v>
      </c>
      <c r="BJ56" s="14"/>
      <c r="BK56" s="16"/>
      <c r="BL56" s="9"/>
      <c r="BM56" s="9"/>
      <c r="BN56" s="9"/>
      <c r="BO56" s="9" t="s">
        <v>28</v>
      </c>
      <c r="BP56" s="21">
        <f t="shared" si="25"/>
        <v>2</v>
      </c>
      <c r="BQ56" s="21">
        <f t="shared" si="26"/>
        <v>0</v>
      </c>
      <c r="BR56" s="21">
        <f t="shared" si="27"/>
        <v>0</v>
      </c>
      <c r="BS56" s="21">
        <f t="shared" si="28"/>
        <v>0</v>
      </c>
      <c r="BT56" s="21">
        <f t="shared" si="29"/>
        <v>684</v>
      </c>
      <c r="BU56" s="21">
        <f t="shared" si="30"/>
        <v>-97</v>
      </c>
      <c r="BV56" s="21">
        <f t="shared" si="31"/>
        <v>3672</v>
      </c>
      <c r="BW56" s="21">
        <f t="shared" si="32"/>
        <v>-1</v>
      </c>
      <c r="BX56" s="21">
        <f t="shared" si="33"/>
        <v>-1</v>
      </c>
      <c r="BY56" s="21">
        <f t="shared" si="34"/>
        <v>-2</v>
      </c>
      <c r="BZ56" s="21">
        <f t="shared" si="35"/>
        <v>-4</v>
      </c>
      <c r="CA56" s="21">
        <f t="shared" si="36"/>
        <v>-1299</v>
      </c>
      <c r="CB56" s="21">
        <f t="shared" si="37"/>
        <v>-1194</v>
      </c>
      <c r="CC56" s="21">
        <f t="shared" si="38"/>
        <v>-1357</v>
      </c>
      <c r="CD56" s="21">
        <f t="shared" si="39"/>
        <v>-1308</v>
      </c>
      <c r="CE56" s="21">
        <f t="shared" si="40"/>
        <v>-3</v>
      </c>
      <c r="CF56" s="21">
        <f t="shared" si="41"/>
        <v>1</v>
      </c>
      <c r="CG56" s="21">
        <f t="shared" si="42"/>
        <v>0</v>
      </c>
      <c r="CH56" s="21">
        <f t="shared" si="43"/>
        <v>-2100</v>
      </c>
      <c r="CI56" s="21">
        <f t="shared" si="44"/>
        <v>1603</v>
      </c>
      <c r="CJ56" s="21">
        <f t="shared" si="45"/>
        <v>-7130</v>
      </c>
      <c r="CK56" s="21">
        <f t="shared" si="46"/>
        <v>0</v>
      </c>
      <c r="CL56" s="21">
        <f t="shared" si="47"/>
        <v>0</v>
      </c>
      <c r="CM56" s="21">
        <f t="shared" si="48"/>
        <v>-4635</v>
      </c>
      <c r="CN56" s="21">
        <f t="shared" si="49"/>
        <v>77</v>
      </c>
      <c r="CO56" s="20"/>
    </row>
    <row r="57" spans="1:93" x14ac:dyDescent="0.7">
      <c r="A57" s="7"/>
      <c r="E57" s="8" t="s">
        <v>29</v>
      </c>
      <c r="F57" s="42">
        <v>9857</v>
      </c>
      <c r="G57" s="42">
        <v>9973</v>
      </c>
      <c r="H57" s="42">
        <v>10262</v>
      </c>
      <c r="I57" s="42">
        <v>9666</v>
      </c>
      <c r="J57" s="42">
        <v>7712</v>
      </c>
      <c r="K57" s="42">
        <v>8498</v>
      </c>
      <c r="L57" s="42">
        <v>8314</v>
      </c>
      <c r="M57" s="42">
        <v>7816</v>
      </c>
      <c r="N57" s="42">
        <v>6784</v>
      </c>
      <c r="O57" s="42">
        <v>7410</v>
      </c>
      <c r="P57" s="42">
        <v>7168</v>
      </c>
      <c r="Q57" s="42">
        <v>7265</v>
      </c>
      <c r="R57" s="42">
        <v>6597</v>
      </c>
      <c r="S57" s="42">
        <v>7738</v>
      </c>
      <c r="T57" s="42">
        <v>8550</v>
      </c>
      <c r="U57" s="42">
        <v>9318</v>
      </c>
      <c r="V57" s="42">
        <v>3826</v>
      </c>
      <c r="W57" s="42">
        <v>3899</v>
      </c>
      <c r="X57" s="42">
        <v>3613</v>
      </c>
      <c r="Y57" s="42">
        <v>3355</v>
      </c>
      <c r="Z57" s="42">
        <v>2995</v>
      </c>
      <c r="AA57" s="42">
        <v>2993</v>
      </c>
      <c r="AB57" s="42">
        <v>2751</v>
      </c>
      <c r="AC57" s="42">
        <v>2657</v>
      </c>
      <c r="AD57" s="42">
        <v>2255</v>
      </c>
      <c r="AE57" s="7"/>
      <c r="AF57" s="13"/>
      <c r="AG57" s="9"/>
      <c r="AH57" s="9"/>
      <c r="AI57" s="9"/>
      <c r="AJ57" s="9" t="s">
        <v>29</v>
      </c>
      <c r="AK57" s="21">
        <v>9858</v>
      </c>
      <c r="AL57" s="21">
        <v>9974</v>
      </c>
      <c r="AM57" s="21">
        <v>10262</v>
      </c>
      <c r="AN57" s="21">
        <v>9666</v>
      </c>
      <c r="AO57" s="21">
        <v>7757</v>
      </c>
      <c r="AP57" s="21">
        <v>8532</v>
      </c>
      <c r="AQ57" s="21">
        <v>8406</v>
      </c>
      <c r="AR57" s="21">
        <v>7815</v>
      </c>
      <c r="AS57" s="21">
        <v>6636</v>
      </c>
      <c r="AT57" s="21">
        <v>6850</v>
      </c>
      <c r="AU57" s="21">
        <v>6299</v>
      </c>
      <c r="AV57" s="21">
        <v>6015</v>
      </c>
      <c r="AW57" s="21">
        <v>5193</v>
      </c>
      <c r="AX57" s="21">
        <v>5163</v>
      </c>
      <c r="AY57" s="21">
        <v>4589</v>
      </c>
      <c r="AZ57" s="21">
        <v>4499</v>
      </c>
      <c r="BA57" s="21">
        <v>3826</v>
      </c>
      <c r="BB57" s="21">
        <v>3900</v>
      </c>
      <c r="BC57" s="21">
        <v>3567</v>
      </c>
      <c r="BD57" s="21">
        <v>3355</v>
      </c>
      <c r="BE57" s="21">
        <v>2995</v>
      </c>
      <c r="BF57" s="21">
        <v>2993</v>
      </c>
      <c r="BG57" s="21">
        <v>2751</v>
      </c>
      <c r="BH57" s="21">
        <v>2657</v>
      </c>
      <c r="BI57" s="21">
        <v>2255</v>
      </c>
      <c r="BJ57" s="14"/>
      <c r="BK57" s="16"/>
      <c r="BL57" s="9"/>
      <c r="BM57" s="9"/>
      <c r="BN57" s="9"/>
      <c r="BO57" s="9" t="s">
        <v>29</v>
      </c>
      <c r="BP57" s="21">
        <f t="shared" si="25"/>
        <v>1</v>
      </c>
      <c r="BQ57" s="21">
        <f t="shared" si="26"/>
        <v>1</v>
      </c>
      <c r="BR57" s="21">
        <f t="shared" si="27"/>
        <v>0</v>
      </c>
      <c r="BS57" s="21">
        <f t="shared" si="28"/>
        <v>0</v>
      </c>
      <c r="BT57" s="21">
        <f t="shared" si="29"/>
        <v>45</v>
      </c>
      <c r="BU57" s="21">
        <f t="shared" si="30"/>
        <v>34</v>
      </c>
      <c r="BV57" s="21">
        <f t="shared" si="31"/>
        <v>92</v>
      </c>
      <c r="BW57" s="21">
        <f t="shared" si="32"/>
        <v>-1</v>
      </c>
      <c r="BX57" s="21">
        <f t="shared" si="33"/>
        <v>-148</v>
      </c>
      <c r="BY57" s="21">
        <f t="shared" si="34"/>
        <v>-560</v>
      </c>
      <c r="BZ57" s="21">
        <f t="shared" si="35"/>
        <v>-869</v>
      </c>
      <c r="CA57" s="21">
        <f t="shared" si="36"/>
        <v>-1250</v>
      </c>
      <c r="CB57" s="21">
        <f t="shared" si="37"/>
        <v>-1404</v>
      </c>
      <c r="CC57" s="21">
        <f t="shared" si="38"/>
        <v>-2575</v>
      </c>
      <c r="CD57" s="21">
        <f t="shared" si="39"/>
        <v>-3961</v>
      </c>
      <c r="CE57" s="21">
        <f t="shared" si="40"/>
        <v>-4819</v>
      </c>
      <c r="CF57" s="21">
        <f t="shared" si="41"/>
        <v>0</v>
      </c>
      <c r="CG57" s="21">
        <f t="shared" si="42"/>
        <v>1</v>
      </c>
      <c r="CH57" s="21">
        <f t="shared" si="43"/>
        <v>-46</v>
      </c>
      <c r="CI57" s="21">
        <f t="shared" si="44"/>
        <v>0</v>
      </c>
      <c r="CJ57" s="21">
        <f t="shared" si="45"/>
        <v>0</v>
      </c>
      <c r="CK57" s="21">
        <f t="shared" si="46"/>
        <v>0</v>
      </c>
      <c r="CL57" s="21">
        <f t="shared" si="47"/>
        <v>0</v>
      </c>
      <c r="CM57" s="21">
        <f t="shared" si="48"/>
        <v>0</v>
      </c>
      <c r="CN57" s="21">
        <f t="shared" si="49"/>
        <v>0</v>
      </c>
      <c r="CO57" s="20"/>
    </row>
    <row r="58" spans="1:93" x14ac:dyDescent="0.7">
      <c r="A58" s="7"/>
      <c r="E58" s="8" t="s">
        <v>30</v>
      </c>
      <c r="F58" s="42">
        <v>317181</v>
      </c>
      <c r="G58" s="42">
        <v>334657</v>
      </c>
      <c r="H58" s="42">
        <v>373551</v>
      </c>
      <c r="I58" s="42">
        <v>361805</v>
      </c>
      <c r="J58" s="42">
        <v>281346</v>
      </c>
      <c r="K58" s="42">
        <v>356800</v>
      </c>
      <c r="L58" s="42">
        <v>382916</v>
      </c>
      <c r="M58" s="42">
        <v>382615</v>
      </c>
      <c r="N58" s="42">
        <v>331824</v>
      </c>
      <c r="O58" s="42">
        <v>380392</v>
      </c>
      <c r="P58" s="42">
        <v>375877</v>
      </c>
      <c r="Q58" s="42">
        <v>375296</v>
      </c>
      <c r="R58" s="42">
        <v>329127</v>
      </c>
      <c r="S58" s="42">
        <v>348608</v>
      </c>
      <c r="T58" s="42">
        <v>331212</v>
      </c>
      <c r="U58" s="42">
        <v>333264</v>
      </c>
      <c r="V58" s="42">
        <v>306439</v>
      </c>
      <c r="W58" s="42">
        <v>343749</v>
      </c>
      <c r="X58" s="42">
        <v>336565</v>
      </c>
      <c r="Y58" s="42">
        <v>337709</v>
      </c>
      <c r="Z58" s="42">
        <v>309103</v>
      </c>
      <c r="AA58" s="42">
        <v>332693</v>
      </c>
      <c r="AB58" s="42">
        <v>329023</v>
      </c>
      <c r="AC58" s="42">
        <v>335960</v>
      </c>
      <c r="AD58" s="42">
        <v>301296</v>
      </c>
      <c r="AE58" s="7"/>
      <c r="AF58" s="13"/>
      <c r="AG58" s="9"/>
      <c r="AH58" s="9"/>
      <c r="AI58" s="9"/>
      <c r="AJ58" s="9" t="s">
        <v>30</v>
      </c>
      <c r="AK58" s="21">
        <v>317182</v>
      </c>
      <c r="AL58" s="21">
        <v>334656</v>
      </c>
      <c r="AM58" s="21">
        <v>373551</v>
      </c>
      <c r="AN58" s="21">
        <v>361804</v>
      </c>
      <c r="AO58" s="21">
        <v>281902</v>
      </c>
      <c r="AP58" s="21">
        <v>356789</v>
      </c>
      <c r="AQ58" s="21">
        <v>385940</v>
      </c>
      <c r="AR58" s="21">
        <v>382619</v>
      </c>
      <c r="AS58" s="21">
        <v>332168</v>
      </c>
      <c r="AT58" s="21">
        <v>381648</v>
      </c>
      <c r="AU58" s="21">
        <v>377749</v>
      </c>
      <c r="AV58" s="21">
        <v>376901</v>
      </c>
      <c r="AW58" s="21">
        <v>331070</v>
      </c>
      <c r="AX58" s="21">
        <v>352413</v>
      </c>
      <c r="AY58" s="21">
        <v>337642</v>
      </c>
      <c r="AZ58" s="21">
        <v>341414</v>
      </c>
      <c r="BA58" s="21">
        <v>306439</v>
      </c>
      <c r="BB58" s="21">
        <v>343749</v>
      </c>
      <c r="BC58" s="21">
        <v>334515</v>
      </c>
      <c r="BD58" s="21">
        <v>339312</v>
      </c>
      <c r="BE58" s="21">
        <v>301974</v>
      </c>
      <c r="BF58" s="21">
        <v>332693</v>
      </c>
      <c r="BG58" s="21">
        <v>329023</v>
      </c>
      <c r="BH58" s="21">
        <v>335960</v>
      </c>
      <c r="BI58" s="21">
        <v>301373</v>
      </c>
      <c r="BJ58" s="14"/>
      <c r="BK58" s="16"/>
      <c r="BL58" s="9"/>
      <c r="BM58" s="9"/>
      <c r="BN58" s="9"/>
      <c r="BO58" s="9" t="s">
        <v>30</v>
      </c>
      <c r="BP58" s="21">
        <f t="shared" si="25"/>
        <v>1</v>
      </c>
      <c r="BQ58" s="21">
        <f t="shared" si="26"/>
        <v>-1</v>
      </c>
      <c r="BR58" s="21">
        <f t="shared" si="27"/>
        <v>0</v>
      </c>
      <c r="BS58" s="21">
        <f t="shared" si="28"/>
        <v>-1</v>
      </c>
      <c r="BT58" s="21">
        <f t="shared" si="29"/>
        <v>556</v>
      </c>
      <c r="BU58" s="21">
        <f t="shared" si="30"/>
        <v>-11</v>
      </c>
      <c r="BV58" s="21">
        <f t="shared" si="31"/>
        <v>3024</v>
      </c>
      <c r="BW58" s="21">
        <f t="shared" si="32"/>
        <v>4</v>
      </c>
      <c r="BX58" s="21">
        <f t="shared" si="33"/>
        <v>344</v>
      </c>
      <c r="BY58" s="21">
        <f t="shared" si="34"/>
        <v>1256</v>
      </c>
      <c r="BZ58" s="21">
        <f t="shared" si="35"/>
        <v>1872</v>
      </c>
      <c r="CA58" s="21">
        <f t="shared" si="36"/>
        <v>1605</v>
      </c>
      <c r="CB58" s="21">
        <f t="shared" si="37"/>
        <v>1943</v>
      </c>
      <c r="CC58" s="21">
        <f t="shared" si="38"/>
        <v>3805</v>
      </c>
      <c r="CD58" s="21">
        <f t="shared" si="39"/>
        <v>6430</v>
      </c>
      <c r="CE58" s="21">
        <f t="shared" si="40"/>
        <v>8150</v>
      </c>
      <c r="CF58" s="21">
        <f t="shared" si="41"/>
        <v>0</v>
      </c>
      <c r="CG58" s="21">
        <f t="shared" si="42"/>
        <v>0</v>
      </c>
      <c r="CH58" s="21">
        <f t="shared" si="43"/>
        <v>-2050</v>
      </c>
      <c r="CI58" s="21">
        <f t="shared" si="44"/>
        <v>1603</v>
      </c>
      <c r="CJ58" s="21">
        <f t="shared" si="45"/>
        <v>-7129</v>
      </c>
      <c r="CK58" s="21">
        <f t="shared" si="46"/>
        <v>0</v>
      </c>
      <c r="CL58" s="21">
        <f t="shared" si="47"/>
        <v>0</v>
      </c>
      <c r="CM58" s="21">
        <f t="shared" si="48"/>
        <v>0</v>
      </c>
      <c r="CN58" s="21">
        <f t="shared" si="49"/>
        <v>77</v>
      </c>
      <c r="CO58" s="20"/>
    </row>
    <row r="59" spans="1:93" x14ac:dyDescent="0.7">
      <c r="A59" s="7"/>
      <c r="E59" s="8" t="s">
        <v>31</v>
      </c>
      <c r="F59" s="42">
        <v>123232</v>
      </c>
      <c r="G59" s="42">
        <v>129262</v>
      </c>
      <c r="H59" s="42">
        <v>145659</v>
      </c>
      <c r="I59" s="42">
        <v>143241</v>
      </c>
      <c r="J59" s="42">
        <v>117356</v>
      </c>
      <c r="K59" s="42">
        <v>152901</v>
      </c>
      <c r="L59" s="42">
        <v>164736</v>
      </c>
      <c r="M59" s="42">
        <v>164940</v>
      </c>
      <c r="N59" s="42">
        <v>155232</v>
      </c>
      <c r="O59" s="42">
        <v>175827</v>
      </c>
      <c r="P59" s="42">
        <v>176885</v>
      </c>
      <c r="Q59" s="42">
        <v>180296</v>
      </c>
      <c r="R59" s="42">
        <v>183350</v>
      </c>
      <c r="S59" s="42">
        <v>208918</v>
      </c>
      <c r="T59" s="42">
        <v>207828</v>
      </c>
      <c r="U59" s="42">
        <v>210400</v>
      </c>
      <c r="V59" s="42">
        <v>199737</v>
      </c>
      <c r="W59" s="42">
        <v>231624</v>
      </c>
      <c r="X59" s="42">
        <v>233611</v>
      </c>
      <c r="Y59" s="42">
        <v>238461</v>
      </c>
      <c r="Z59" s="42">
        <v>227184</v>
      </c>
      <c r="AA59" s="42">
        <v>255203</v>
      </c>
      <c r="AB59" s="42">
        <v>257056</v>
      </c>
      <c r="AC59" s="42">
        <v>266711</v>
      </c>
      <c r="AD59" s="42">
        <v>248637</v>
      </c>
      <c r="AE59" s="7"/>
      <c r="AF59" s="13"/>
      <c r="AG59" s="9"/>
      <c r="AH59" s="9"/>
      <c r="AI59" s="9"/>
      <c r="AJ59" s="9" t="s">
        <v>31</v>
      </c>
      <c r="AK59" s="21">
        <v>123232</v>
      </c>
      <c r="AL59" s="21">
        <v>129262</v>
      </c>
      <c r="AM59" s="21">
        <v>145658</v>
      </c>
      <c r="AN59" s="21">
        <v>143241</v>
      </c>
      <c r="AO59" s="21">
        <v>117439</v>
      </c>
      <c r="AP59" s="21">
        <v>152781</v>
      </c>
      <c r="AQ59" s="21">
        <v>165292</v>
      </c>
      <c r="AR59" s="21">
        <v>164935</v>
      </c>
      <c r="AS59" s="21">
        <v>155036</v>
      </c>
      <c r="AT59" s="21">
        <v>175128</v>
      </c>
      <c r="AU59" s="21">
        <v>175878</v>
      </c>
      <c r="AV59" s="21">
        <v>178643</v>
      </c>
      <c r="AW59" s="21">
        <v>181618</v>
      </c>
      <c r="AX59" s="21">
        <v>206331</v>
      </c>
      <c r="AY59" s="21">
        <v>204050</v>
      </c>
      <c r="AZ59" s="21">
        <v>207067</v>
      </c>
      <c r="BA59" s="21">
        <v>199738</v>
      </c>
      <c r="BB59" s="21">
        <v>231624</v>
      </c>
      <c r="BC59" s="21">
        <v>233608</v>
      </c>
      <c r="BD59" s="21">
        <v>238461</v>
      </c>
      <c r="BE59" s="21">
        <v>227184</v>
      </c>
      <c r="BF59" s="21">
        <v>255203</v>
      </c>
      <c r="BG59" s="21">
        <v>257056</v>
      </c>
      <c r="BH59" s="21">
        <v>262075</v>
      </c>
      <c r="BI59" s="21">
        <v>248637</v>
      </c>
      <c r="BJ59" s="14"/>
      <c r="BK59" s="16"/>
      <c r="BL59" s="9"/>
      <c r="BM59" s="9"/>
      <c r="BN59" s="9"/>
      <c r="BO59" s="9" t="s">
        <v>31</v>
      </c>
      <c r="BP59" s="21">
        <f t="shared" si="25"/>
        <v>0</v>
      </c>
      <c r="BQ59" s="21">
        <f t="shared" si="26"/>
        <v>0</v>
      </c>
      <c r="BR59" s="21">
        <f t="shared" si="27"/>
        <v>-1</v>
      </c>
      <c r="BS59" s="21">
        <f t="shared" si="28"/>
        <v>0</v>
      </c>
      <c r="BT59" s="21">
        <f t="shared" si="29"/>
        <v>83</v>
      </c>
      <c r="BU59" s="21">
        <f t="shared" si="30"/>
        <v>-120</v>
      </c>
      <c r="BV59" s="21">
        <f t="shared" si="31"/>
        <v>556</v>
      </c>
      <c r="BW59" s="21">
        <f t="shared" si="32"/>
        <v>-5</v>
      </c>
      <c r="BX59" s="21">
        <f t="shared" si="33"/>
        <v>-196</v>
      </c>
      <c r="BY59" s="21">
        <f t="shared" si="34"/>
        <v>-699</v>
      </c>
      <c r="BZ59" s="21">
        <f t="shared" si="35"/>
        <v>-1007</v>
      </c>
      <c r="CA59" s="21">
        <f t="shared" si="36"/>
        <v>-1653</v>
      </c>
      <c r="CB59" s="21">
        <f t="shared" si="37"/>
        <v>-1732</v>
      </c>
      <c r="CC59" s="21">
        <f t="shared" si="38"/>
        <v>-2587</v>
      </c>
      <c r="CD59" s="21">
        <f t="shared" si="39"/>
        <v>-3778</v>
      </c>
      <c r="CE59" s="21">
        <f t="shared" si="40"/>
        <v>-3333</v>
      </c>
      <c r="CF59" s="21">
        <f t="shared" si="41"/>
        <v>1</v>
      </c>
      <c r="CG59" s="21">
        <f t="shared" si="42"/>
        <v>0</v>
      </c>
      <c r="CH59" s="21">
        <f t="shared" si="43"/>
        <v>-3</v>
      </c>
      <c r="CI59" s="21">
        <f t="shared" si="44"/>
        <v>0</v>
      </c>
      <c r="CJ59" s="21">
        <f t="shared" si="45"/>
        <v>0</v>
      </c>
      <c r="CK59" s="21">
        <f t="shared" si="46"/>
        <v>0</v>
      </c>
      <c r="CL59" s="21">
        <f t="shared" si="47"/>
        <v>0</v>
      </c>
      <c r="CM59" s="21">
        <f t="shared" si="48"/>
        <v>-4636</v>
      </c>
      <c r="CN59" s="21">
        <f t="shared" si="49"/>
        <v>0</v>
      </c>
      <c r="CO59" s="20"/>
    </row>
    <row r="60" spans="1:93" x14ac:dyDescent="0.7">
      <c r="A60" s="7"/>
      <c r="E60" s="8" t="s">
        <v>32</v>
      </c>
      <c r="F60" s="42">
        <v>11905</v>
      </c>
      <c r="G60" s="42">
        <v>10107</v>
      </c>
      <c r="H60" s="42">
        <v>12080</v>
      </c>
      <c r="I60" s="42">
        <v>11206</v>
      </c>
      <c r="J60" s="42">
        <v>8697</v>
      </c>
      <c r="K60" s="42">
        <v>10564</v>
      </c>
      <c r="L60" s="42">
        <v>12012</v>
      </c>
      <c r="M60" s="42">
        <v>12773</v>
      </c>
      <c r="N60" s="42">
        <v>11381</v>
      </c>
      <c r="O60" s="42">
        <v>13008</v>
      </c>
      <c r="P60" s="42">
        <v>13114</v>
      </c>
      <c r="Q60" s="42">
        <v>14014</v>
      </c>
      <c r="R60" s="42">
        <v>13100</v>
      </c>
      <c r="S60" s="42">
        <v>14215</v>
      </c>
      <c r="T60" s="42">
        <v>14037</v>
      </c>
      <c r="U60" s="42">
        <v>15086</v>
      </c>
      <c r="V60" s="42">
        <v>13873</v>
      </c>
      <c r="W60" s="42">
        <v>15525</v>
      </c>
      <c r="X60" s="42">
        <v>15266</v>
      </c>
      <c r="Y60" s="42">
        <v>16496</v>
      </c>
      <c r="Z60" s="42">
        <v>15185</v>
      </c>
      <c r="AA60" s="42">
        <v>16296</v>
      </c>
      <c r="AB60" s="42">
        <v>16536</v>
      </c>
      <c r="AC60" s="42">
        <v>17910</v>
      </c>
      <c r="AD60" s="42">
        <v>16783</v>
      </c>
      <c r="AE60" s="7"/>
      <c r="AF60" s="13"/>
      <c r="AG60" s="9"/>
      <c r="AH60" s="9"/>
      <c r="AI60" s="9"/>
      <c r="AJ60" s="9" t="s">
        <v>32</v>
      </c>
      <c r="AK60" s="21">
        <v>11906</v>
      </c>
      <c r="AL60" s="21">
        <v>10107</v>
      </c>
      <c r="AM60" s="21">
        <v>12081</v>
      </c>
      <c r="AN60" s="21">
        <v>11206</v>
      </c>
      <c r="AO60" s="21">
        <v>8723</v>
      </c>
      <c r="AP60" s="21">
        <v>10575</v>
      </c>
      <c r="AQ60" s="21">
        <v>12098</v>
      </c>
      <c r="AR60" s="21">
        <v>12773</v>
      </c>
      <c r="AS60" s="21">
        <v>11381</v>
      </c>
      <c r="AT60" s="21">
        <v>13008</v>
      </c>
      <c r="AU60" s="21">
        <v>13114</v>
      </c>
      <c r="AV60" s="21">
        <v>14007</v>
      </c>
      <c r="AW60" s="21">
        <v>13094</v>
      </c>
      <c r="AX60" s="21">
        <v>14209</v>
      </c>
      <c r="AY60" s="21">
        <v>14030</v>
      </c>
      <c r="AZ60" s="21">
        <v>15086</v>
      </c>
      <c r="BA60" s="21">
        <v>13873</v>
      </c>
      <c r="BB60" s="21">
        <v>15525</v>
      </c>
      <c r="BC60" s="21">
        <v>15397</v>
      </c>
      <c r="BD60" s="21">
        <v>16496</v>
      </c>
      <c r="BE60" s="21">
        <v>15185</v>
      </c>
      <c r="BF60" s="21">
        <v>16296</v>
      </c>
      <c r="BG60" s="21">
        <v>16541</v>
      </c>
      <c r="BH60" s="21">
        <v>17910</v>
      </c>
      <c r="BI60" s="21">
        <v>16717</v>
      </c>
      <c r="BJ60" s="14"/>
      <c r="BK60" s="16"/>
      <c r="BL60" s="9"/>
      <c r="BM60" s="9"/>
      <c r="BN60" s="9"/>
      <c r="BO60" s="9" t="s">
        <v>32</v>
      </c>
      <c r="BP60" s="21">
        <f t="shared" si="25"/>
        <v>1</v>
      </c>
      <c r="BQ60" s="21">
        <f t="shared" si="26"/>
        <v>0</v>
      </c>
      <c r="BR60" s="21">
        <f t="shared" si="27"/>
        <v>1</v>
      </c>
      <c r="BS60" s="21">
        <f t="shared" si="28"/>
        <v>0</v>
      </c>
      <c r="BT60" s="21">
        <f t="shared" si="29"/>
        <v>26</v>
      </c>
      <c r="BU60" s="21">
        <f t="shared" si="30"/>
        <v>11</v>
      </c>
      <c r="BV60" s="21">
        <f t="shared" si="31"/>
        <v>86</v>
      </c>
      <c r="BW60" s="21">
        <f t="shared" si="32"/>
        <v>0</v>
      </c>
      <c r="BX60" s="21">
        <f t="shared" si="33"/>
        <v>0</v>
      </c>
      <c r="BY60" s="21">
        <f t="shared" si="34"/>
        <v>0</v>
      </c>
      <c r="BZ60" s="21">
        <f t="shared" si="35"/>
        <v>0</v>
      </c>
      <c r="CA60" s="21">
        <f t="shared" si="36"/>
        <v>-7</v>
      </c>
      <c r="CB60" s="21">
        <f t="shared" si="37"/>
        <v>-6</v>
      </c>
      <c r="CC60" s="21">
        <f t="shared" si="38"/>
        <v>-6</v>
      </c>
      <c r="CD60" s="21">
        <f t="shared" si="39"/>
        <v>-7</v>
      </c>
      <c r="CE60" s="21">
        <f t="shared" si="40"/>
        <v>0</v>
      </c>
      <c r="CF60" s="21">
        <f t="shared" si="41"/>
        <v>0</v>
      </c>
      <c r="CG60" s="21">
        <f t="shared" si="42"/>
        <v>0</v>
      </c>
      <c r="CH60" s="21">
        <f t="shared" si="43"/>
        <v>131</v>
      </c>
      <c r="CI60" s="21">
        <f t="shared" si="44"/>
        <v>0</v>
      </c>
      <c r="CJ60" s="21">
        <f t="shared" si="45"/>
        <v>0</v>
      </c>
      <c r="CK60" s="21">
        <f t="shared" si="46"/>
        <v>0</v>
      </c>
      <c r="CL60" s="21">
        <f t="shared" si="47"/>
        <v>5</v>
      </c>
      <c r="CM60" s="21">
        <f t="shared" si="48"/>
        <v>0</v>
      </c>
      <c r="CN60" s="21">
        <f t="shared" si="49"/>
        <v>-66</v>
      </c>
      <c r="CO60" s="20"/>
    </row>
    <row r="61" spans="1:93" x14ac:dyDescent="0.7">
      <c r="A61" s="7"/>
      <c r="E61" s="8" t="s">
        <v>33</v>
      </c>
      <c r="F61" s="42">
        <v>11905</v>
      </c>
      <c r="G61" s="42">
        <v>10107</v>
      </c>
      <c r="H61" s="42">
        <v>12080</v>
      </c>
      <c r="I61" s="42">
        <v>11206</v>
      </c>
      <c r="J61" s="42">
        <v>8697</v>
      </c>
      <c r="K61" s="42">
        <v>10564</v>
      </c>
      <c r="L61" s="42">
        <v>12012</v>
      </c>
      <c r="M61" s="42">
        <v>12773</v>
      </c>
      <c r="N61" s="42">
        <v>11381</v>
      </c>
      <c r="O61" s="42">
        <v>13008</v>
      </c>
      <c r="P61" s="42">
        <v>13114</v>
      </c>
      <c r="Q61" s="42">
        <v>14014</v>
      </c>
      <c r="R61" s="42">
        <v>13100</v>
      </c>
      <c r="S61" s="42">
        <v>14215</v>
      </c>
      <c r="T61" s="42">
        <v>14037</v>
      </c>
      <c r="U61" s="42">
        <v>15086</v>
      </c>
      <c r="V61" s="42">
        <v>13873</v>
      </c>
      <c r="W61" s="42">
        <v>15525</v>
      </c>
      <c r="X61" s="42">
        <v>15266</v>
      </c>
      <c r="Y61" s="42">
        <v>16496</v>
      </c>
      <c r="Z61" s="42">
        <v>15185</v>
      </c>
      <c r="AA61" s="42">
        <v>16296</v>
      </c>
      <c r="AB61" s="42">
        <v>16536</v>
      </c>
      <c r="AC61" s="42">
        <v>17910</v>
      </c>
      <c r="AD61" s="42">
        <v>16783</v>
      </c>
      <c r="AE61" s="7"/>
      <c r="AF61" s="13"/>
      <c r="AG61" s="9"/>
      <c r="AH61" s="9"/>
      <c r="AI61" s="9"/>
      <c r="AJ61" s="9" t="s">
        <v>33</v>
      </c>
      <c r="AK61" s="21">
        <v>11906</v>
      </c>
      <c r="AL61" s="21">
        <v>10107</v>
      </c>
      <c r="AM61" s="21">
        <v>12081</v>
      </c>
      <c r="AN61" s="21">
        <v>11206</v>
      </c>
      <c r="AO61" s="21">
        <v>8723</v>
      </c>
      <c r="AP61" s="21">
        <v>10575</v>
      </c>
      <c r="AQ61" s="21">
        <v>12098</v>
      </c>
      <c r="AR61" s="21">
        <v>12773</v>
      </c>
      <c r="AS61" s="21">
        <v>11381</v>
      </c>
      <c r="AT61" s="21">
        <v>13008</v>
      </c>
      <c r="AU61" s="21">
        <v>13114</v>
      </c>
      <c r="AV61" s="21">
        <v>14007</v>
      </c>
      <c r="AW61" s="21">
        <v>13094</v>
      </c>
      <c r="AX61" s="21">
        <v>14209</v>
      </c>
      <c r="AY61" s="21">
        <v>14030</v>
      </c>
      <c r="AZ61" s="21">
        <v>15086</v>
      </c>
      <c r="BA61" s="21">
        <v>13873</v>
      </c>
      <c r="BB61" s="21">
        <v>15525</v>
      </c>
      <c r="BC61" s="21">
        <v>15397</v>
      </c>
      <c r="BD61" s="21">
        <v>16496</v>
      </c>
      <c r="BE61" s="21">
        <v>15185</v>
      </c>
      <c r="BF61" s="21">
        <v>16296</v>
      </c>
      <c r="BG61" s="21">
        <v>16541</v>
      </c>
      <c r="BH61" s="21">
        <v>17910</v>
      </c>
      <c r="BI61" s="21">
        <v>16717</v>
      </c>
      <c r="BJ61" s="14"/>
      <c r="BK61" s="16"/>
      <c r="BL61" s="9"/>
      <c r="BM61" s="9"/>
      <c r="BN61" s="9"/>
      <c r="BO61" s="9" t="s">
        <v>33</v>
      </c>
      <c r="BP61" s="21">
        <f t="shared" si="25"/>
        <v>1</v>
      </c>
      <c r="BQ61" s="21">
        <f t="shared" si="26"/>
        <v>0</v>
      </c>
      <c r="BR61" s="21">
        <f t="shared" si="27"/>
        <v>1</v>
      </c>
      <c r="BS61" s="21">
        <f t="shared" si="28"/>
        <v>0</v>
      </c>
      <c r="BT61" s="21">
        <f t="shared" si="29"/>
        <v>26</v>
      </c>
      <c r="BU61" s="21">
        <f t="shared" si="30"/>
        <v>11</v>
      </c>
      <c r="BV61" s="21">
        <f t="shared" si="31"/>
        <v>86</v>
      </c>
      <c r="BW61" s="21">
        <f t="shared" si="32"/>
        <v>0</v>
      </c>
      <c r="BX61" s="21">
        <f t="shared" si="33"/>
        <v>0</v>
      </c>
      <c r="BY61" s="21">
        <f t="shared" si="34"/>
        <v>0</v>
      </c>
      <c r="BZ61" s="21">
        <f t="shared" si="35"/>
        <v>0</v>
      </c>
      <c r="CA61" s="21">
        <f t="shared" si="36"/>
        <v>-7</v>
      </c>
      <c r="CB61" s="21">
        <f t="shared" si="37"/>
        <v>-6</v>
      </c>
      <c r="CC61" s="21">
        <f t="shared" si="38"/>
        <v>-6</v>
      </c>
      <c r="CD61" s="21">
        <f t="shared" si="39"/>
        <v>-7</v>
      </c>
      <c r="CE61" s="21">
        <f t="shared" si="40"/>
        <v>0</v>
      </c>
      <c r="CF61" s="21">
        <f t="shared" si="41"/>
        <v>0</v>
      </c>
      <c r="CG61" s="21">
        <f t="shared" si="42"/>
        <v>0</v>
      </c>
      <c r="CH61" s="21">
        <f t="shared" si="43"/>
        <v>131</v>
      </c>
      <c r="CI61" s="21">
        <f t="shared" si="44"/>
        <v>0</v>
      </c>
      <c r="CJ61" s="21">
        <f t="shared" si="45"/>
        <v>0</v>
      </c>
      <c r="CK61" s="21">
        <f t="shared" si="46"/>
        <v>0</v>
      </c>
      <c r="CL61" s="21">
        <f t="shared" si="47"/>
        <v>5</v>
      </c>
      <c r="CM61" s="21">
        <f t="shared" si="48"/>
        <v>0</v>
      </c>
      <c r="CN61" s="21">
        <f t="shared" si="49"/>
        <v>-66</v>
      </c>
      <c r="CO61" s="20"/>
    </row>
    <row r="62" spans="1:93" x14ac:dyDescent="0.7">
      <c r="A62" s="7"/>
      <c r="E62" s="8" t="s">
        <v>34</v>
      </c>
      <c r="F62" s="42">
        <v>15477</v>
      </c>
      <c r="G62" s="42">
        <v>7919</v>
      </c>
      <c r="H62" s="42">
        <v>20302</v>
      </c>
      <c r="I62" s="42">
        <v>10107</v>
      </c>
      <c r="J62" s="42">
        <v>6353</v>
      </c>
      <c r="K62" s="42">
        <v>9777</v>
      </c>
      <c r="L62" s="42">
        <v>25840</v>
      </c>
      <c r="M62" s="42">
        <v>21839</v>
      </c>
      <c r="N62" s="42">
        <v>16066</v>
      </c>
      <c r="O62" s="42">
        <v>30054</v>
      </c>
      <c r="P62" s="42">
        <v>48512</v>
      </c>
      <c r="Q62" s="42">
        <v>25422</v>
      </c>
      <c r="R62" s="42">
        <v>19842</v>
      </c>
      <c r="S62" s="42">
        <v>33629</v>
      </c>
      <c r="T62" s="42">
        <v>45791</v>
      </c>
      <c r="U62" s="42">
        <v>25732</v>
      </c>
      <c r="V62" s="42">
        <v>20944</v>
      </c>
      <c r="W62" s="42">
        <v>34541</v>
      </c>
      <c r="X62" s="42">
        <v>52767</v>
      </c>
      <c r="Y62" s="42">
        <v>31996</v>
      </c>
      <c r="Z62" s="42">
        <v>25429</v>
      </c>
      <c r="AA62" s="42">
        <v>41284</v>
      </c>
      <c r="AB62" s="42">
        <v>55882</v>
      </c>
      <c r="AC62" s="42">
        <v>34967</v>
      </c>
      <c r="AD62" s="42">
        <v>26196</v>
      </c>
      <c r="AE62" s="7"/>
      <c r="AF62" s="13"/>
      <c r="AG62" s="9"/>
      <c r="AH62" s="9"/>
      <c r="AI62" s="9"/>
      <c r="AJ62" s="9" t="s">
        <v>34</v>
      </c>
      <c r="AK62" s="21">
        <v>15477</v>
      </c>
      <c r="AL62" s="21">
        <v>7919</v>
      </c>
      <c r="AM62" s="21">
        <v>20302</v>
      </c>
      <c r="AN62" s="21">
        <v>10106</v>
      </c>
      <c r="AO62" s="21">
        <v>6354</v>
      </c>
      <c r="AP62" s="21">
        <v>9778</v>
      </c>
      <c r="AQ62" s="21">
        <v>25840</v>
      </c>
      <c r="AR62" s="21">
        <v>21841</v>
      </c>
      <c r="AS62" s="21">
        <v>16067</v>
      </c>
      <c r="AT62" s="21">
        <v>30053</v>
      </c>
      <c r="AU62" s="21">
        <v>48513</v>
      </c>
      <c r="AV62" s="21">
        <v>25421</v>
      </c>
      <c r="AW62" s="21">
        <v>19842</v>
      </c>
      <c r="AX62" s="21">
        <v>33629</v>
      </c>
      <c r="AY62" s="21">
        <v>45792</v>
      </c>
      <c r="AZ62" s="21">
        <v>25732</v>
      </c>
      <c r="BA62" s="21">
        <v>20943</v>
      </c>
      <c r="BB62" s="21">
        <v>34541</v>
      </c>
      <c r="BC62" s="21">
        <v>52767</v>
      </c>
      <c r="BD62" s="21">
        <v>31996</v>
      </c>
      <c r="BE62" s="21">
        <v>25429</v>
      </c>
      <c r="BF62" s="21">
        <v>41284</v>
      </c>
      <c r="BG62" s="21">
        <v>55882</v>
      </c>
      <c r="BH62" s="21">
        <v>34967</v>
      </c>
      <c r="BI62" s="21">
        <v>26196</v>
      </c>
      <c r="BJ62" s="14"/>
      <c r="BK62" s="16"/>
      <c r="BL62" s="9"/>
      <c r="BM62" s="9"/>
      <c r="BN62" s="9"/>
      <c r="BO62" s="9" t="s">
        <v>34</v>
      </c>
      <c r="BP62" s="21">
        <f t="shared" si="25"/>
        <v>0</v>
      </c>
      <c r="BQ62" s="21">
        <f t="shared" si="26"/>
        <v>0</v>
      </c>
      <c r="BR62" s="21">
        <f t="shared" si="27"/>
        <v>0</v>
      </c>
      <c r="BS62" s="21">
        <f t="shared" si="28"/>
        <v>-1</v>
      </c>
      <c r="BT62" s="21">
        <f t="shared" si="29"/>
        <v>1</v>
      </c>
      <c r="BU62" s="21">
        <f t="shared" si="30"/>
        <v>1</v>
      </c>
      <c r="BV62" s="21">
        <f t="shared" si="31"/>
        <v>0</v>
      </c>
      <c r="BW62" s="21">
        <f t="shared" si="32"/>
        <v>2</v>
      </c>
      <c r="BX62" s="21">
        <f t="shared" si="33"/>
        <v>1</v>
      </c>
      <c r="BY62" s="21">
        <f t="shared" si="34"/>
        <v>-1</v>
      </c>
      <c r="BZ62" s="21">
        <f t="shared" si="35"/>
        <v>1</v>
      </c>
      <c r="CA62" s="21">
        <f t="shared" si="36"/>
        <v>-1</v>
      </c>
      <c r="CB62" s="21">
        <f t="shared" si="37"/>
        <v>0</v>
      </c>
      <c r="CC62" s="21">
        <f t="shared" si="38"/>
        <v>0</v>
      </c>
      <c r="CD62" s="21">
        <f t="shared" si="39"/>
        <v>1</v>
      </c>
      <c r="CE62" s="21">
        <f t="shared" si="40"/>
        <v>0</v>
      </c>
      <c r="CF62" s="21">
        <f t="shared" si="41"/>
        <v>-1</v>
      </c>
      <c r="CG62" s="21">
        <f t="shared" si="42"/>
        <v>0</v>
      </c>
      <c r="CH62" s="21">
        <f t="shared" si="43"/>
        <v>0</v>
      </c>
      <c r="CI62" s="21">
        <f t="shared" si="44"/>
        <v>0</v>
      </c>
      <c r="CJ62" s="21">
        <f t="shared" si="45"/>
        <v>0</v>
      </c>
      <c r="CK62" s="21">
        <f t="shared" si="46"/>
        <v>0</v>
      </c>
      <c r="CL62" s="21">
        <f t="shared" si="47"/>
        <v>0</v>
      </c>
      <c r="CM62" s="21">
        <f t="shared" si="48"/>
        <v>0</v>
      </c>
      <c r="CN62" s="21">
        <f t="shared" si="49"/>
        <v>0</v>
      </c>
      <c r="CO62" s="20"/>
    </row>
    <row r="63" spans="1:93" x14ac:dyDescent="0.7">
      <c r="A63" s="7"/>
      <c r="E63" s="8" t="s">
        <v>35</v>
      </c>
      <c r="F63" s="42">
        <v>10130</v>
      </c>
      <c r="G63" s="42">
        <v>5459</v>
      </c>
      <c r="H63" s="42">
        <v>14017</v>
      </c>
      <c r="I63" s="42">
        <v>7005</v>
      </c>
      <c r="J63" s="42">
        <v>4409</v>
      </c>
      <c r="K63" s="42">
        <v>6752</v>
      </c>
      <c r="L63" s="42">
        <v>17695</v>
      </c>
      <c r="M63" s="42">
        <v>15287</v>
      </c>
      <c r="N63" s="42">
        <v>11392</v>
      </c>
      <c r="O63" s="42">
        <v>20538</v>
      </c>
      <c r="P63" s="42">
        <v>33744</v>
      </c>
      <c r="Q63" s="42">
        <v>17961</v>
      </c>
      <c r="R63" s="42">
        <v>14078</v>
      </c>
      <c r="S63" s="42">
        <v>23036</v>
      </c>
      <c r="T63" s="42">
        <v>31715</v>
      </c>
      <c r="U63" s="42">
        <v>18040</v>
      </c>
      <c r="V63" s="42">
        <v>14903</v>
      </c>
      <c r="W63" s="42">
        <v>23731</v>
      </c>
      <c r="X63" s="42">
        <v>36826</v>
      </c>
      <c r="Y63" s="42">
        <v>22692</v>
      </c>
      <c r="Z63" s="42">
        <v>18162</v>
      </c>
      <c r="AA63" s="42">
        <v>28705</v>
      </c>
      <c r="AB63" s="42">
        <v>38926</v>
      </c>
      <c r="AC63" s="42">
        <v>25189</v>
      </c>
      <c r="AD63" s="42">
        <v>18886</v>
      </c>
      <c r="AE63" s="7"/>
      <c r="AF63" s="13"/>
      <c r="AG63" s="9"/>
      <c r="AH63" s="9"/>
      <c r="AI63" s="9"/>
      <c r="AJ63" s="9" t="s">
        <v>35</v>
      </c>
      <c r="AK63" s="21">
        <v>10130</v>
      </c>
      <c r="AL63" s="21">
        <v>5459</v>
      </c>
      <c r="AM63" s="21">
        <v>14016</v>
      </c>
      <c r="AN63" s="21">
        <v>7005</v>
      </c>
      <c r="AO63" s="21">
        <v>4410</v>
      </c>
      <c r="AP63" s="21">
        <v>6752</v>
      </c>
      <c r="AQ63" s="21">
        <v>17695</v>
      </c>
      <c r="AR63" s="21">
        <v>15288</v>
      </c>
      <c r="AS63" s="21">
        <v>11393</v>
      </c>
      <c r="AT63" s="21">
        <v>20538</v>
      </c>
      <c r="AU63" s="21">
        <v>33745</v>
      </c>
      <c r="AV63" s="21">
        <v>17961</v>
      </c>
      <c r="AW63" s="21">
        <v>14078</v>
      </c>
      <c r="AX63" s="21">
        <v>23036</v>
      </c>
      <c r="AY63" s="21">
        <v>31716</v>
      </c>
      <c r="AZ63" s="21">
        <v>18041</v>
      </c>
      <c r="BA63" s="21">
        <v>14902</v>
      </c>
      <c r="BB63" s="21">
        <v>23731</v>
      </c>
      <c r="BC63" s="21">
        <v>36826</v>
      </c>
      <c r="BD63" s="21">
        <v>22692</v>
      </c>
      <c r="BE63" s="21">
        <v>18162</v>
      </c>
      <c r="BF63" s="21">
        <v>28705</v>
      </c>
      <c r="BG63" s="21">
        <v>38926</v>
      </c>
      <c r="BH63" s="21">
        <v>25189</v>
      </c>
      <c r="BI63" s="21">
        <v>18886</v>
      </c>
      <c r="BJ63" s="14"/>
      <c r="BK63" s="16"/>
      <c r="BL63" s="9"/>
      <c r="BM63" s="9"/>
      <c r="BN63" s="9"/>
      <c r="BO63" s="9" t="s">
        <v>35</v>
      </c>
      <c r="BP63" s="21">
        <f t="shared" si="25"/>
        <v>0</v>
      </c>
      <c r="BQ63" s="21">
        <f t="shared" si="26"/>
        <v>0</v>
      </c>
      <c r="BR63" s="21">
        <f t="shared" si="27"/>
        <v>-1</v>
      </c>
      <c r="BS63" s="21">
        <f t="shared" si="28"/>
        <v>0</v>
      </c>
      <c r="BT63" s="21">
        <f t="shared" si="29"/>
        <v>1</v>
      </c>
      <c r="BU63" s="21">
        <f t="shared" si="30"/>
        <v>0</v>
      </c>
      <c r="BV63" s="21">
        <f t="shared" si="31"/>
        <v>0</v>
      </c>
      <c r="BW63" s="21">
        <f t="shared" si="32"/>
        <v>1</v>
      </c>
      <c r="BX63" s="21">
        <f t="shared" si="33"/>
        <v>1</v>
      </c>
      <c r="BY63" s="21">
        <f t="shared" si="34"/>
        <v>0</v>
      </c>
      <c r="BZ63" s="21">
        <f t="shared" si="35"/>
        <v>1</v>
      </c>
      <c r="CA63" s="21">
        <f t="shared" si="36"/>
        <v>0</v>
      </c>
      <c r="CB63" s="21">
        <f t="shared" si="37"/>
        <v>0</v>
      </c>
      <c r="CC63" s="21">
        <f t="shared" si="38"/>
        <v>0</v>
      </c>
      <c r="CD63" s="21">
        <f t="shared" si="39"/>
        <v>1</v>
      </c>
      <c r="CE63" s="21">
        <f t="shared" si="40"/>
        <v>1</v>
      </c>
      <c r="CF63" s="21">
        <f t="shared" si="41"/>
        <v>-1</v>
      </c>
      <c r="CG63" s="21">
        <f t="shared" si="42"/>
        <v>0</v>
      </c>
      <c r="CH63" s="21">
        <f t="shared" si="43"/>
        <v>0</v>
      </c>
      <c r="CI63" s="21">
        <f t="shared" si="44"/>
        <v>0</v>
      </c>
      <c r="CJ63" s="21">
        <f t="shared" si="45"/>
        <v>0</v>
      </c>
      <c r="CK63" s="21">
        <f t="shared" si="46"/>
        <v>0</v>
      </c>
      <c r="CL63" s="21">
        <f t="shared" si="47"/>
        <v>0</v>
      </c>
      <c r="CM63" s="21">
        <f t="shared" si="48"/>
        <v>0</v>
      </c>
      <c r="CN63" s="21">
        <f t="shared" si="49"/>
        <v>0</v>
      </c>
      <c r="CO63" s="20"/>
    </row>
    <row r="64" spans="1:93" x14ac:dyDescent="0.7">
      <c r="A64" s="7"/>
      <c r="E64" s="8" t="s">
        <v>36</v>
      </c>
      <c r="F64" s="42">
        <v>5347</v>
      </c>
      <c r="G64" s="42">
        <v>2460</v>
      </c>
      <c r="H64" s="42">
        <v>6285</v>
      </c>
      <c r="I64" s="42">
        <v>3102</v>
      </c>
      <c r="J64" s="42">
        <v>1944</v>
      </c>
      <c r="K64" s="42">
        <v>3025</v>
      </c>
      <c r="L64" s="42">
        <v>8145</v>
      </c>
      <c r="M64" s="42">
        <v>6552</v>
      </c>
      <c r="N64" s="42">
        <v>4674</v>
      </c>
      <c r="O64" s="42">
        <v>9516</v>
      </c>
      <c r="P64" s="42">
        <v>14768</v>
      </c>
      <c r="Q64" s="42">
        <v>7461</v>
      </c>
      <c r="R64" s="42">
        <v>5764</v>
      </c>
      <c r="S64" s="42">
        <v>10593</v>
      </c>
      <c r="T64" s="42">
        <v>14076</v>
      </c>
      <c r="U64" s="42">
        <v>7692</v>
      </c>
      <c r="V64" s="42">
        <v>6041</v>
      </c>
      <c r="W64" s="42">
        <v>10810</v>
      </c>
      <c r="X64" s="42">
        <v>15941</v>
      </c>
      <c r="Y64" s="42">
        <v>9304</v>
      </c>
      <c r="Z64" s="42">
        <v>7268</v>
      </c>
      <c r="AA64" s="42">
        <v>12579</v>
      </c>
      <c r="AB64" s="42">
        <v>16955</v>
      </c>
      <c r="AC64" s="42">
        <v>9778</v>
      </c>
      <c r="AD64" s="42">
        <v>7310</v>
      </c>
      <c r="AE64" s="7"/>
      <c r="AF64" s="13"/>
      <c r="AG64" s="9"/>
      <c r="AH64" s="9"/>
      <c r="AI64" s="9"/>
      <c r="AJ64" s="9" t="s">
        <v>36</v>
      </c>
      <c r="AK64" s="21">
        <v>5347</v>
      </c>
      <c r="AL64" s="21">
        <v>2460</v>
      </c>
      <c r="AM64" s="21">
        <v>6286</v>
      </c>
      <c r="AN64" s="21">
        <v>3101</v>
      </c>
      <c r="AO64" s="21">
        <v>1944</v>
      </c>
      <c r="AP64" s="21">
        <v>3026</v>
      </c>
      <c r="AQ64" s="21">
        <v>8145</v>
      </c>
      <c r="AR64" s="21">
        <v>6553</v>
      </c>
      <c r="AS64" s="21">
        <v>4675</v>
      </c>
      <c r="AT64" s="21">
        <v>9515</v>
      </c>
      <c r="AU64" s="21">
        <v>14768</v>
      </c>
      <c r="AV64" s="21">
        <v>7461</v>
      </c>
      <c r="AW64" s="21">
        <v>5763</v>
      </c>
      <c r="AX64" s="21">
        <v>10593</v>
      </c>
      <c r="AY64" s="21">
        <v>14076</v>
      </c>
      <c r="AZ64" s="21">
        <v>7691</v>
      </c>
      <c r="BA64" s="21">
        <v>6041</v>
      </c>
      <c r="BB64" s="21">
        <v>10810</v>
      </c>
      <c r="BC64" s="21">
        <v>15941</v>
      </c>
      <c r="BD64" s="21">
        <v>9304</v>
      </c>
      <c r="BE64" s="21">
        <v>7268</v>
      </c>
      <c r="BF64" s="21">
        <v>12579</v>
      </c>
      <c r="BG64" s="21">
        <v>16955</v>
      </c>
      <c r="BH64" s="21">
        <v>9778</v>
      </c>
      <c r="BI64" s="21">
        <v>7310</v>
      </c>
      <c r="BJ64" s="14"/>
      <c r="BK64" s="16"/>
      <c r="BL64" s="9"/>
      <c r="BM64" s="9"/>
      <c r="BN64" s="9"/>
      <c r="BO64" s="9" t="s">
        <v>36</v>
      </c>
      <c r="BP64" s="21">
        <f t="shared" si="25"/>
        <v>0</v>
      </c>
      <c r="BQ64" s="21">
        <f t="shared" si="26"/>
        <v>0</v>
      </c>
      <c r="BR64" s="21">
        <f t="shared" si="27"/>
        <v>1</v>
      </c>
      <c r="BS64" s="21">
        <f t="shared" si="28"/>
        <v>-1</v>
      </c>
      <c r="BT64" s="21">
        <f t="shared" si="29"/>
        <v>0</v>
      </c>
      <c r="BU64" s="21">
        <f t="shared" si="30"/>
        <v>1</v>
      </c>
      <c r="BV64" s="21">
        <f t="shared" si="31"/>
        <v>0</v>
      </c>
      <c r="BW64" s="21">
        <f t="shared" si="32"/>
        <v>1</v>
      </c>
      <c r="BX64" s="21">
        <f t="shared" si="33"/>
        <v>1</v>
      </c>
      <c r="BY64" s="21">
        <f t="shared" si="34"/>
        <v>-1</v>
      </c>
      <c r="BZ64" s="21">
        <f t="shared" si="35"/>
        <v>0</v>
      </c>
      <c r="CA64" s="21">
        <f t="shared" si="36"/>
        <v>0</v>
      </c>
      <c r="CB64" s="21">
        <f t="shared" si="37"/>
        <v>-1</v>
      </c>
      <c r="CC64" s="21">
        <f t="shared" si="38"/>
        <v>0</v>
      </c>
      <c r="CD64" s="21">
        <f t="shared" si="39"/>
        <v>0</v>
      </c>
      <c r="CE64" s="21">
        <f t="shared" si="40"/>
        <v>-1</v>
      </c>
      <c r="CF64" s="21">
        <f t="shared" si="41"/>
        <v>0</v>
      </c>
      <c r="CG64" s="21">
        <f t="shared" si="42"/>
        <v>0</v>
      </c>
      <c r="CH64" s="21">
        <f t="shared" si="43"/>
        <v>0</v>
      </c>
      <c r="CI64" s="21">
        <f t="shared" si="44"/>
        <v>0</v>
      </c>
      <c r="CJ64" s="21">
        <f t="shared" si="45"/>
        <v>0</v>
      </c>
      <c r="CK64" s="21">
        <f t="shared" si="46"/>
        <v>0</v>
      </c>
      <c r="CL64" s="21">
        <f t="shared" si="47"/>
        <v>0</v>
      </c>
      <c r="CM64" s="21">
        <f t="shared" si="48"/>
        <v>0</v>
      </c>
      <c r="CN64" s="21">
        <f t="shared" si="49"/>
        <v>0</v>
      </c>
      <c r="CO64" s="20"/>
    </row>
    <row r="65" spans="1:93" x14ac:dyDescent="0.7">
      <c r="A65" s="7"/>
      <c r="D65" s="8" t="s">
        <v>37</v>
      </c>
      <c r="E65" s="8" t="s">
        <v>27</v>
      </c>
      <c r="F65" s="42">
        <v>357156</v>
      </c>
      <c r="G65" s="42">
        <v>378222</v>
      </c>
      <c r="H65" s="42">
        <v>421183</v>
      </c>
      <c r="I65" s="42">
        <v>400180</v>
      </c>
      <c r="J65" s="42">
        <v>305298</v>
      </c>
      <c r="K65" s="42">
        <v>403325</v>
      </c>
      <c r="L65" s="42">
        <v>433848</v>
      </c>
      <c r="M65" s="42">
        <v>428573</v>
      </c>
      <c r="N65" s="42">
        <v>379131</v>
      </c>
      <c r="O65" s="42">
        <v>437825</v>
      </c>
      <c r="P65" s="42">
        <v>436627</v>
      </c>
      <c r="Q65" s="42">
        <v>430598</v>
      </c>
      <c r="R65" s="42">
        <v>378851</v>
      </c>
      <c r="S65" s="42">
        <v>412489</v>
      </c>
      <c r="T65" s="42">
        <v>400196</v>
      </c>
      <c r="U65" s="42">
        <v>405393</v>
      </c>
      <c r="V65" s="42">
        <v>374097</v>
      </c>
      <c r="W65" s="42">
        <v>424785</v>
      </c>
      <c r="X65" s="42">
        <v>421247</v>
      </c>
      <c r="Y65" s="42">
        <v>428390</v>
      </c>
      <c r="Z65" s="42">
        <v>397193</v>
      </c>
      <c r="AA65" s="42">
        <v>482812</v>
      </c>
      <c r="AB65" s="42">
        <v>483673</v>
      </c>
      <c r="AC65" s="42">
        <v>491833</v>
      </c>
      <c r="AD65" s="42">
        <v>447674</v>
      </c>
      <c r="AE65" s="7"/>
      <c r="AF65" s="13"/>
      <c r="AG65" s="9"/>
      <c r="AH65" s="9"/>
      <c r="AI65" s="9" t="s">
        <v>37</v>
      </c>
      <c r="AJ65" s="9" t="s">
        <v>27</v>
      </c>
      <c r="AK65" s="21">
        <v>361789</v>
      </c>
      <c r="AL65" s="21">
        <v>384049</v>
      </c>
      <c r="AM65" s="21">
        <v>429267</v>
      </c>
      <c r="AN65" s="21">
        <v>408251</v>
      </c>
      <c r="AO65" s="21">
        <v>312431</v>
      </c>
      <c r="AP65" s="21">
        <v>413481</v>
      </c>
      <c r="AQ65" s="21">
        <v>450692</v>
      </c>
      <c r="AR65" s="21">
        <v>444273</v>
      </c>
      <c r="AS65" s="21">
        <v>394090</v>
      </c>
      <c r="AT65" s="21">
        <v>457125</v>
      </c>
      <c r="AU65" s="21">
        <v>457238</v>
      </c>
      <c r="AV65" s="21">
        <v>451316</v>
      </c>
      <c r="AW65" s="21">
        <v>416751</v>
      </c>
      <c r="AX65" s="21">
        <v>453981</v>
      </c>
      <c r="AY65" s="21">
        <v>440720</v>
      </c>
      <c r="AZ65" s="21">
        <v>447729</v>
      </c>
      <c r="BA65" s="21">
        <v>413442</v>
      </c>
      <c r="BB65" s="21">
        <v>469741</v>
      </c>
      <c r="BC65" s="21">
        <v>464542</v>
      </c>
      <c r="BD65" s="21">
        <v>467534</v>
      </c>
      <c r="BE65" s="21">
        <v>428664</v>
      </c>
      <c r="BF65" s="21">
        <v>482846</v>
      </c>
      <c r="BG65" s="21">
        <v>483732</v>
      </c>
      <c r="BH65" s="21">
        <v>487391</v>
      </c>
      <c r="BI65" s="21">
        <v>446361</v>
      </c>
      <c r="BJ65" s="14"/>
      <c r="BK65" s="16"/>
      <c r="BL65" s="9"/>
      <c r="BM65" s="9"/>
      <c r="BN65" s="9" t="s">
        <v>37</v>
      </c>
      <c r="BO65" s="9" t="s">
        <v>27</v>
      </c>
      <c r="BP65" s="21">
        <f t="shared" si="25"/>
        <v>4633</v>
      </c>
      <c r="BQ65" s="21">
        <f t="shared" si="26"/>
        <v>5827</v>
      </c>
      <c r="BR65" s="21">
        <f t="shared" si="27"/>
        <v>8084</v>
      </c>
      <c r="BS65" s="21">
        <f t="shared" si="28"/>
        <v>8071</v>
      </c>
      <c r="BT65" s="21">
        <f t="shared" si="29"/>
        <v>7133</v>
      </c>
      <c r="BU65" s="21">
        <f t="shared" si="30"/>
        <v>10156</v>
      </c>
      <c r="BV65" s="21">
        <f t="shared" si="31"/>
        <v>16844</v>
      </c>
      <c r="BW65" s="21">
        <f t="shared" si="32"/>
        <v>15700</v>
      </c>
      <c r="BX65" s="21">
        <f t="shared" si="33"/>
        <v>14959</v>
      </c>
      <c r="BY65" s="21">
        <f t="shared" si="34"/>
        <v>19300</v>
      </c>
      <c r="BZ65" s="21">
        <f t="shared" si="35"/>
        <v>20611</v>
      </c>
      <c r="CA65" s="21">
        <f t="shared" si="36"/>
        <v>20718</v>
      </c>
      <c r="CB65" s="21">
        <f t="shared" si="37"/>
        <v>37900</v>
      </c>
      <c r="CC65" s="21">
        <f t="shared" si="38"/>
        <v>41492</v>
      </c>
      <c r="CD65" s="21">
        <f t="shared" si="39"/>
        <v>40524</v>
      </c>
      <c r="CE65" s="21">
        <f t="shared" si="40"/>
        <v>42336</v>
      </c>
      <c r="CF65" s="21">
        <f t="shared" si="41"/>
        <v>39345</v>
      </c>
      <c r="CG65" s="21">
        <f t="shared" si="42"/>
        <v>44956</v>
      </c>
      <c r="CH65" s="21">
        <f t="shared" si="43"/>
        <v>43295</v>
      </c>
      <c r="CI65" s="21">
        <f t="shared" si="44"/>
        <v>39144</v>
      </c>
      <c r="CJ65" s="21">
        <f t="shared" si="45"/>
        <v>31471</v>
      </c>
      <c r="CK65" s="21">
        <f t="shared" si="46"/>
        <v>34</v>
      </c>
      <c r="CL65" s="21">
        <f t="shared" si="47"/>
        <v>59</v>
      </c>
      <c r="CM65" s="21">
        <f t="shared" si="48"/>
        <v>-4442</v>
      </c>
      <c r="CN65" s="21">
        <f t="shared" si="49"/>
        <v>-1313</v>
      </c>
      <c r="CO65" s="20"/>
    </row>
    <row r="66" spans="1:93" x14ac:dyDescent="0.7">
      <c r="A66" s="7"/>
      <c r="E66" s="8" t="s">
        <v>28</v>
      </c>
      <c r="F66" s="42">
        <v>350454</v>
      </c>
      <c r="G66" s="42">
        <v>372097</v>
      </c>
      <c r="H66" s="42">
        <v>413705</v>
      </c>
      <c r="I66" s="42">
        <v>393676</v>
      </c>
      <c r="J66" s="42">
        <v>300658</v>
      </c>
      <c r="K66" s="42">
        <v>397148</v>
      </c>
      <c r="L66" s="42">
        <v>426728</v>
      </c>
      <c r="M66" s="42">
        <v>421154</v>
      </c>
      <c r="N66" s="42">
        <v>372731</v>
      </c>
      <c r="O66" s="42">
        <v>430401</v>
      </c>
      <c r="P66" s="42">
        <v>428942</v>
      </c>
      <c r="Q66" s="42">
        <v>422406</v>
      </c>
      <c r="R66" s="42">
        <v>371525</v>
      </c>
      <c r="S66" s="42">
        <v>404490</v>
      </c>
      <c r="T66" s="42">
        <v>392202</v>
      </c>
      <c r="U66" s="42">
        <v>396596</v>
      </c>
      <c r="V66" s="42">
        <v>365955</v>
      </c>
      <c r="W66" s="42">
        <v>415639</v>
      </c>
      <c r="X66" s="42">
        <v>412218</v>
      </c>
      <c r="Y66" s="42">
        <v>418817</v>
      </c>
      <c r="Z66" s="42">
        <v>388640</v>
      </c>
      <c r="AA66" s="42">
        <v>472592</v>
      </c>
      <c r="AB66" s="42">
        <v>473124</v>
      </c>
      <c r="AC66" s="42">
        <v>480659</v>
      </c>
      <c r="AD66" s="42">
        <v>436924</v>
      </c>
      <c r="AE66" s="7"/>
      <c r="AF66" s="13"/>
      <c r="AG66" s="9"/>
      <c r="AH66" s="9"/>
      <c r="AI66" s="9"/>
      <c r="AJ66" s="9" t="s">
        <v>28</v>
      </c>
      <c r="AK66" s="21">
        <v>355064</v>
      </c>
      <c r="AL66" s="21">
        <v>377892</v>
      </c>
      <c r="AM66" s="21">
        <v>421742</v>
      </c>
      <c r="AN66" s="21">
        <v>401704</v>
      </c>
      <c r="AO66" s="21">
        <v>307736</v>
      </c>
      <c r="AP66" s="21">
        <v>407238</v>
      </c>
      <c r="AQ66" s="21">
        <v>443421</v>
      </c>
      <c r="AR66" s="21">
        <v>436721</v>
      </c>
      <c r="AS66" s="21">
        <v>387492</v>
      </c>
      <c r="AT66" s="21">
        <v>449424</v>
      </c>
      <c r="AU66" s="21">
        <v>449236</v>
      </c>
      <c r="AV66" s="21">
        <v>442780</v>
      </c>
      <c r="AW66" s="21">
        <v>408711</v>
      </c>
      <c r="AX66" s="21">
        <v>445244</v>
      </c>
      <c r="AY66" s="21">
        <v>432028</v>
      </c>
      <c r="AZ66" s="21">
        <v>438193</v>
      </c>
      <c r="BA66" s="21">
        <v>404651</v>
      </c>
      <c r="BB66" s="21">
        <v>459912</v>
      </c>
      <c r="BC66" s="21">
        <v>454767</v>
      </c>
      <c r="BD66" s="21">
        <v>457194</v>
      </c>
      <c r="BE66" s="21">
        <v>419392</v>
      </c>
      <c r="BF66" s="21">
        <v>472498</v>
      </c>
      <c r="BG66" s="21">
        <v>473064</v>
      </c>
      <c r="BH66" s="21">
        <v>476088</v>
      </c>
      <c r="BI66" s="21">
        <v>436108</v>
      </c>
      <c r="BJ66" s="14"/>
      <c r="BK66" s="16"/>
      <c r="BL66" s="9"/>
      <c r="BM66" s="9"/>
      <c r="BN66" s="9"/>
      <c r="BO66" s="9" t="s">
        <v>28</v>
      </c>
      <c r="BP66" s="21">
        <f t="shared" si="25"/>
        <v>4610</v>
      </c>
      <c r="BQ66" s="21">
        <f t="shared" si="26"/>
        <v>5795</v>
      </c>
      <c r="BR66" s="21">
        <f t="shared" si="27"/>
        <v>8037</v>
      </c>
      <c r="BS66" s="21">
        <f t="shared" si="28"/>
        <v>8028</v>
      </c>
      <c r="BT66" s="21">
        <f t="shared" si="29"/>
        <v>7078</v>
      </c>
      <c r="BU66" s="21">
        <f t="shared" si="30"/>
        <v>10090</v>
      </c>
      <c r="BV66" s="21">
        <f t="shared" si="31"/>
        <v>16693</v>
      </c>
      <c r="BW66" s="21">
        <f t="shared" si="32"/>
        <v>15567</v>
      </c>
      <c r="BX66" s="21">
        <f t="shared" si="33"/>
        <v>14761</v>
      </c>
      <c r="BY66" s="21">
        <f t="shared" si="34"/>
        <v>19023</v>
      </c>
      <c r="BZ66" s="21">
        <f t="shared" si="35"/>
        <v>20294</v>
      </c>
      <c r="CA66" s="21">
        <f t="shared" si="36"/>
        <v>20374</v>
      </c>
      <c r="CB66" s="21">
        <f t="shared" si="37"/>
        <v>37186</v>
      </c>
      <c r="CC66" s="21">
        <f t="shared" si="38"/>
        <v>40754</v>
      </c>
      <c r="CD66" s="21">
        <f t="shared" si="39"/>
        <v>39826</v>
      </c>
      <c r="CE66" s="21">
        <f t="shared" si="40"/>
        <v>41597</v>
      </c>
      <c r="CF66" s="21">
        <f t="shared" si="41"/>
        <v>38696</v>
      </c>
      <c r="CG66" s="21">
        <f t="shared" si="42"/>
        <v>44273</v>
      </c>
      <c r="CH66" s="21">
        <f t="shared" si="43"/>
        <v>42549</v>
      </c>
      <c r="CI66" s="21">
        <f t="shared" si="44"/>
        <v>38377</v>
      </c>
      <c r="CJ66" s="21">
        <f t="shared" si="45"/>
        <v>30752</v>
      </c>
      <c r="CK66" s="21">
        <f t="shared" si="46"/>
        <v>-94</v>
      </c>
      <c r="CL66" s="21">
        <f t="shared" si="47"/>
        <v>-60</v>
      </c>
      <c r="CM66" s="21">
        <f t="shared" si="48"/>
        <v>-4571</v>
      </c>
      <c r="CN66" s="21">
        <f t="shared" si="49"/>
        <v>-816</v>
      </c>
      <c r="CO66" s="20"/>
    </row>
    <row r="67" spans="1:93" x14ac:dyDescent="0.7">
      <c r="A67" s="7"/>
      <c r="E67" s="8" t="s">
        <v>29</v>
      </c>
      <c r="F67" s="42">
        <v>8071</v>
      </c>
      <c r="G67" s="42">
        <v>8258</v>
      </c>
      <c r="H67" s="42">
        <v>8440</v>
      </c>
      <c r="I67" s="42">
        <v>7877</v>
      </c>
      <c r="J67" s="42">
        <v>6191</v>
      </c>
      <c r="K67" s="42">
        <v>6929</v>
      </c>
      <c r="L67" s="42">
        <v>6779</v>
      </c>
      <c r="M67" s="42">
        <v>6349</v>
      </c>
      <c r="N67" s="42">
        <v>5492</v>
      </c>
      <c r="O67" s="42">
        <v>5996</v>
      </c>
      <c r="P67" s="42">
        <v>5809</v>
      </c>
      <c r="Q67" s="42">
        <v>5855</v>
      </c>
      <c r="R67" s="42">
        <v>5300</v>
      </c>
      <c r="S67" s="42">
        <v>6210</v>
      </c>
      <c r="T67" s="42">
        <v>6869</v>
      </c>
      <c r="U67" s="42">
        <v>7482</v>
      </c>
      <c r="V67" s="42">
        <v>3056</v>
      </c>
      <c r="W67" s="42">
        <v>3104</v>
      </c>
      <c r="X67" s="42">
        <v>2873</v>
      </c>
      <c r="Y67" s="42">
        <v>2650</v>
      </c>
      <c r="Z67" s="42">
        <v>2358</v>
      </c>
      <c r="AA67" s="42">
        <v>2356</v>
      </c>
      <c r="AB67" s="42">
        <v>2172</v>
      </c>
      <c r="AC67" s="42">
        <v>2093</v>
      </c>
      <c r="AD67" s="42">
        <v>1766</v>
      </c>
      <c r="AE67" s="7"/>
      <c r="AF67" s="13"/>
      <c r="AG67" s="9"/>
      <c r="AH67" s="9"/>
      <c r="AI67" s="9"/>
      <c r="AJ67" s="9" t="s">
        <v>29</v>
      </c>
      <c r="AK67" s="21">
        <v>8075</v>
      </c>
      <c r="AL67" s="21">
        <v>8261</v>
      </c>
      <c r="AM67" s="21">
        <v>8444</v>
      </c>
      <c r="AN67" s="21">
        <v>7880</v>
      </c>
      <c r="AO67" s="21">
        <v>6232</v>
      </c>
      <c r="AP67" s="21">
        <v>6962</v>
      </c>
      <c r="AQ67" s="21">
        <v>6860</v>
      </c>
      <c r="AR67" s="21">
        <v>6353</v>
      </c>
      <c r="AS67" s="21">
        <v>5387</v>
      </c>
      <c r="AT67" s="21">
        <v>5578</v>
      </c>
      <c r="AU67" s="21">
        <v>5144</v>
      </c>
      <c r="AV67" s="21">
        <v>4876</v>
      </c>
      <c r="AW67" s="21">
        <v>4204</v>
      </c>
      <c r="AX67" s="21">
        <v>4160</v>
      </c>
      <c r="AY67" s="21">
        <v>3688</v>
      </c>
      <c r="AZ67" s="21">
        <v>3604</v>
      </c>
      <c r="BA67" s="21">
        <v>3061</v>
      </c>
      <c r="BB67" s="21">
        <v>3104</v>
      </c>
      <c r="BC67" s="21">
        <v>2831</v>
      </c>
      <c r="BD67" s="21">
        <v>2650</v>
      </c>
      <c r="BE67" s="21">
        <v>2358</v>
      </c>
      <c r="BF67" s="21">
        <v>2356</v>
      </c>
      <c r="BG67" s="21">
        <v>2172</v>
      </c>
      <c r="BH67" s="21">
        <v>2093</v>
      </c>
      <c r="BI67" s="21">
        <v>1766</v>
      </c>
      <c r="BJ67" s="14"/>
      <c r="BK67" s="16"/>
      <c r="BL67" s="9"/>
      <c r="BM67" s="9"/>
      <c r="BN67" s="9"/>
      <c r="BO67" s="9" t="s">
        <v>29</v>
      </c>
      <c r="BP67" s="21">
        <f t="shared" si="25"/>
        <v>4</v>
      </c>
      <c r="BQ67" s="21">
        <f t="shared" si="26"/>
        <v>3</v>
      </c>
      <c r="BR67" s="21">
        <f t="shared" si="27"/>
        <v>4</v>
      </c>
      <c r="BS67" s="21">
        <f t="shared" si="28"/>
        <v>3</v>
      </c>
      <c r="BT67" s="21">
        <f t="shared" si="29"/>
        <v>41</v>
      </c>
      <c r="BU67" s="21">
        <f t="shared" si="30"/>
        <v>33</v>
      </c>
      <c r="BV67" s="21">
        <f t="shared" si="31"/>
        <v>81</v>
      </c>
      <c r="BW67" s="21">
        <f t="shared" si="32"/>
        <v>4</v>
      </c>
      <c r="BX67" s="21">
        <f t="shared" si="33"/>
        <v>-105</v>
      </c>
      <c r="BY67" s="21">
        <f t="shared" si="34"/>
        <v>-418</v>
      </c>
      <c r="BZ67" s="21">
        <f t="shared" si="35"/>
        <v>-665</v>
      </c>
      <c r="CA67" s="21">
        <f t="shared" si="36"/>
        <v>-979</v>
      </c>
      <c r="CB67" s="21">
        <f t="shared" si="37"/>
        <v>-1096</v>
      </c>
      <c r="CC67" s="21">
        <f t="shared" si="38"/>
        <v>-2050</v>
      </c>
      <c r="CD67" s="21">
        <f t="shared" si="39"/>
        <v>-3181</v>
      </c>
      <c r="CE67" s="21">
        <f t="shared" si="40"/>
        <v>-3878</v>
      </c>
      <c r="CF67" s="21">
        <f t="shared" si="41"/>
        <v>5</v>
      </c>
      <c r="CG67" s="21">
        <f t="shared" si="42"/>
        <v>0</v>
      </c>
      <c r="CH67" s="21">
        <f t="shared" si="43"/>
        <v>-42</v>
      </c>
      <c r="CI67" s="21">
        <f t="shared" si="44"/>
        <v>0</v>
      </c>
      <c r="CJ67" s="21">
        <f t="shared" si="45"/>
        <v>0</v>
      </c>
      <c r="CK67" s="21">
        <f t="shared" si="46"/>
        <v>0</v>
      </c>
      <c r="CL67" s="21">
        <f t="shared" si="47"/>
        <v>0</v>
      </c>
      <c r="CM67" s="21">
        <f t="shared" si="48"/>
        <v>0</v>
      </c>
      <c r="CN67" s="21">
        <f t="shared" si="49"/>
        <v>0</v>
      </c>
      <c r="CO67" s="20"/>
    </row>
    <row r="68" spans="1:93" x14ac:dyDescent="0.7">
      <c r="A68" s="7"/>
      <c r="E68" s="8" t="s">
        <v>30</v>
      </c>
      <c r="F68" s="42">
        <v>246990</v>
      </c>
      <c r="G68" s="42">
        <v>263606</v>
      </c>
      <c r="H68" s="42">
        <v>293046</v>
      </c>
      <c r="I68" s="42">
        <v>277804</v>
      </c>
      <c r="J68" s="42">
        <v>209006</v>
      </c>
      <c r="K68" s="42">
        <v>276041</v>
      </c>
      <c r="L68" s="42">
        <v>296638</v>
      </c>
      <c r="M68" s="42">
        <v>291273</v>
      </c>
      <c r="N68" s="42">
        <v>251638</v>
      </c>
      <c r="O68" s="42">
        <v>291295</v>
      </c>
      <c r="P68" s="42">
        <v>288529</v>
      </c>
      <c r="Q68" s="42">
        <v>282363</v>
      </c>
      <c r="R68" s="42">
        <v>239153</v>
      </c>
      <c r="S68" s="42">
        <v>251519</v>
      </c>
      <c r="T68" s="42">
        <v>237629</v>
      </c>
      <c r="U68" s="42">
        <v>237835</v>
      </c>
      <c r="V68" s="42">
        <v>217352</v>
      </c>
      <c r="W68" s="42">
        <v>242033</v>
      </c>
      <c r="X68" s="42">
        <v>235711</v>
      </c>
      <c r="Y68" s="42">
        <v>241088</v>
      </c>
      <c r="Z68" s="42">
        <v>220211</v>
      </c>
      <c r="AA68" s="42">
        <v>261015</v>
      </c>
      <c r="AB68" s="42">
        <v>259734</v>
      </c>
      <c r="AC68" s="42">
        <v>261722</v>
      </c>
      <c r="AD68" s="42">
        <v>234732</v>
      </c>
      <c r="AE68" s="7"/>
      <c r="AF68" s="13"/>
      <c r="AG68" s="9"/>
      <c r="AH68" s="9"/>
      <c r="AI68" s="9"/>
      <c r="AJ68" s="9" t="s">
        <v>30</v>
      </c>
      <c r="AK68" s="21">
        <v>249294</v>
      </c>
      <c r="AL68" s="21">
        <v>266543</v>
      </c>
      <c r="AM68" s="21">
        <v>297045</v>
      </c>
      <c r="AN68" s="21">
        <v>281686</v>
      </c>
      <c r="AO68" s="21">
        <v>212694</v>
      </c>
      <c r="AP68" s="21">
        <v>280958</v>
      </c>
      <c r="AQ68" s="21">
        <v>305877</v>
      </c>
      <c r="AR68" s="21">
        <v>298883</v>
      </c>
      <c r="AS68" s="21">
        <v>258814</v>
      </c>
      <c r="AT68" s="21">
        <v>301181</v>
      </c>
      <c r="AU68" s="21">
        <v>299329</v>
      </c>
      <c r="AV68" s="21">
        <v>293350</v>
      </c>
      <c r="AW68" s="21">
        <v>257600</v>
      </c>
      <c r="AX68" s="21">
        <v>273956</v>
      </c>
      <c r="AY68" s="21">
        <v>262633</v>
      </c>
      <c r="AZ68" s="21">
        <v>265798</v>
      </c>
      <c r="BA68" s="21">
        <v>238619</v>
      </c>
      <c r="BB68" s="21">
        <v>267402</v>
      </c>
      <c r="BC68" s="21">
        <v>260475</v>
      </c>
      <c r="BD68" s="21">
        <v>260614</v>
      </c>
      <c r="BE68" s="21">
        <v>232457</v>
      </c>
      <c r="BF68" s="21">
        <v>260957</v>
      </c>
      <c r="BG68" s="21">
        <v>259694</v>
      </c>
      <c r="BH68" s="21">
        <v>261610</v>
      </c>
      <c r="BI68" s="21">
        <v>235087</v>
      </c>
      <c r="BJ68" s="14"/>
      <c r="BK68" s="16"/>
      <c r="BL68" s="9"/>
      <c r="BM68" s="9"/>
      <c r="BN68" s="9"/>
      <c r="BO68" s="9" t="s">
        <v>30</v>
      </c>
      <c r="BP68" s="21">
        <f t="shared" si="25"/>
        <v>2304</v>
      </c>
      <c r="BQ68" s="21">
        <f t="shared" si="26"/>
        <v>2937</v>
      </c>
      <c r="BR68" s="21">
        <f t="shared" si="27"/>
        <v>3999</v>
      </c>
      <c r="BS68" s="21">
        <f t="shared" si="28"/>
        <v>3882</v>
      </c>
      <c r="BT68" s="21">
        <f t="shared" si="29"/>
        <v>3688</v>
      </c>
      <c r="BU68" s="21">
        <f t="shared" si="30"/>
        <v>4917</v>
      </c>
      <c r="BV68" s="21">
        <f t="shared" si="31"/>
        <v>9239</v>
      </c>
      <c r="BW68" s="21">
        <f t="shared" si="32"/>
        <v>7610</v>
      </c>
      <c r="BX68" s="21">
        <f t="shared" si="33"/>
        <v>7176</v>
      </c>
      <c r="BY68" s="21">
        <f t="shared" si="34"/>
        <v>9886</v>
      </c>
      <c r="BZ68" s="21">
        <f t="shared" si="35"/>
        <v>10800</v>
      </c>
      <c r="CA68" s="21">
        <f t="shared" si="36"/>
        <v>10987</v>
      </c>
      <c r="CB68" s="21">
        <f t="shared" si="37"/>
        <v>18447</v>
      </c>
      <c r="CC68" s="21">
        <f t="shared" si="38"/>
        <v>22437</v>
      </c>
      <c r="CD68" s="21">
        <f t="shared" si="39"/>
        <v>25004</v>
      </c>
      <c r="CE68" s="21">
        <f t="shared" si="40"/>
        <v>27963</v>
      </c>
      <c r="CF68" s="21">
        <f t="shared" si="41"/>
        <v>21267</v>
      </c>
      <c r="CG68" s="21">
        <f t="shared" si="42"/>
        <v>25369</v>
      </c>
      <c r="CH68" s="21">
        <f t="shared" si="43"/>
        <v>24764</v>
      </c>
      <c r="CI68" s="21">
        <f t="shared" si="44"/>
        <v>19526</v>
      </c>
      <c r="CJ68" s="21">
        <f t="shared" si="45"/>
        <v>12246</v>
      </c>
      <c r="CK68" s="21">
        <f t="shared" si="46"/>
        <v>-58</v>
      </c>
      <c r="CL68" s="21">
        <f t="shared" si="47"/>
        <v>-40</v>
      </c>
      <c r="CM68" s="21">
        <f t="shared" si="48"/>
        <v>-112</v>
      </c>
      <c r="CN68" s="21">
        <f t="shared" si="49"/>
        <v>355</v>
      </c>
      <c r="CO68" s="20"/>
    </row>
    <row r="69" spans="1:93" x14ac:dyDescent="0.7">
      <c r="A69" s="7"/>
      <c r="E69" s="8" t="s">
        <v>31</v>
      </c>
      <c r="F69" s="42">
        <v>95393</v>
      </c>
      <c r="G69" s="42">
        <v>100233</v>
      </c>
      <c r="H69" s="42">
        <v>112219</v>
      </c>
      <c r="I69" s="42">
        <v>107995</v>
      </c>
      <c r="J69" s="42">
        <v>85461</v>
      </c>
      <c r="K69" s="42">
        <v>114178</v>
      </c>
      <c r="L69" s="42">
        <v>123311</v>
      </c>
      <c r="M69" s="42">
        <v>123532</v>
      </c>
      <c r="N69" s="42">
        <v>115601</v>
      </c>
      <c r="O69" s="42">
        <v>133110</v>
      </c>
      <c r="P69" s="42">
        <v>134604</v>
      </c>
      <c r="Q69" s="42">
        <v>134188</v>
      </c>
      <c r="R69" s="42">
        <v>127072</v>
      </c>
      <c r="S69" s="42">
        <v>146494</v>
      </c>
      <c r="T69" s="42">
        <v>147469</v>
      </c>
      <c r="U69" s="42">
        <v>151122</v>
      </c>
      <c r="V69" s="42">
        <v>145085</v>
      </c>
      <c r="W69" s="42">
        <v>170188</v>
      </c>
      <c r="X69" s="42">
        <v>173633</v>
      </c>
      <c r="Y69" s="42">
        <v>175079</v>
      </c>
      <c r="Z69" s="42">
        <v>166071</v>
      </c>
      <c r="AA69" s="42">
        <v>209221</v>
      </c>
      <c r="AB69" s="42">
        <v>211219</v>
      </c>
      <c r="AC69" s="42">
        <v>216844</v>
      </c>
      <c r="AD69" s="42">
        <v>200426</v>
      </c>
      <c r="AE69" s="7"/>
      <c r="AF69" s="13"/>
      <c r="AG69" s="9"/>
      <c r="AH69" s="9"/>
      <c r="AI69" s="9"/>
      <c r="AJ69" s="9" t="s">
        <v>31</v>
      </c>
      <c r="AK69" s="21">
        <v>97695</v>
      </c>
      <c r="AL69" s="21">
        <v>103088</v>
      </c>
      <c r="AM69" s="21">
        <v>116254</v>
      </c>
      <c r="AN69" s="21">
        <v>112137</v>
      </c>
      <c r="AO69" s="21">
        <v>88811</v>
      </c>
      <c r="AP69" s="21">
        <v>119318</v>
      </c>
      <c r="AQ69" s="21">
        <v>130685</v>
      </c>
      <c r="AR69" s="21">
        <v>131485</v>
      </c>
      <c r="AS69" s="21">
        <v>123291</v>
      </c>
      <c r="AT69" s="21">
        <v>142664</v>
      </c>
      <c r="AU69" s="21">
        <v>144763</v>
      </c>
      <c r="AV69" s="21">
        <v>144554</v>
      </c>
      <c r="AW69" s="21">
        <v>147288</v>
      </c>
      <c r="AX69" s="21">
        <v>167577</v>
      </c>
      <c r="AY69" s="21">
        <v>166011</v>
      </c>
      <c r="AZ69" s="21">
        <v>168829</v>
      </c>
      <c r="BA69" s="21">
        <v>163112</v>
      </c>
      <c r="BB69" s="21">
        <v>189478</v>
      </c>
      <c r="BC69" s="21">
        <v>191462</v>
      </c>
      <c r="BD69" s="21">
        <v>193930</v>
      </c>
      <c r="BE69" s="21">
        <v>184577</v>
      </c>
      <c r="BF69" s="21">
        <v>209185</v>
      </c>
      <c r="BG69" s="21">
        <v>211198</v>
      </c>
      <c r="BH69" s="21">
        <v>212385</v>
      </c>
      <c r="BI69" s="21">
        <v>199256</v>
      </c>
      <c r="BJ69" s="14"/>
      <c r="BK69" s="16"/>
      <c r="BL69" s="9"/>
      <c r="BM69" s="9"/>
      <c r="BN69" s="9"/>
      <c r="BO69" s="9" t="s">
        <v>31</v>
      </c>
      <c r="BP69" s="21">
        <f t="shared" si="25"/>
        <v>2302</v>
      </c>
      <c r="BQ69" s="21">
        <f t="shared" si="26"/>
        <v>2855</v>
      </c>
      <c r="BR69" s="21">
        <f t="shared" si="27"/>
        <v>4035</v>
      </c>
      <c r="BS69" s="21">
        <f t="shared" si="28"/>
        <v>4142</v>
      </c>
      <c r="BT69" s="21">
        <f t="shared" si="29"/>
        <v>3350</v>
      </c>
      <c r="BU69" s="21">
        <f t="shared" si="30"/>
        <v>5140</v>
      </c>
      <c r="BV69" s="21">
        <f t="shared" si="31"/>
        <v>7374</v>
      </c>
      <c r="BW69" s="21">
        <f t="shared" si="32"/>
        <v>7953</v>
      </c>
      <c r="BX69" s="21">
        <f t="shared" si="33"/>
        <v>7690</v>
      </c>
      <c r="BY69" s="21">
        <f t="shared" si="34"/>
        <v>9554</v>
      </c>
      <c r="BZ69" s="21">
        <f t="shared" si="35"/>
        <v>10159</v>
      </c>
      <c r="CA69" s="21">
        <f t="shared" si="36"/>
        <v>10366</v>
      </c>
      <c r="CB69" s="21">
        <f t="shared" si="37"/>
        <v>20216</v>
      </c>
      <c r="CC69" s="21">
        <f t="shared" si="38"/>
        <v>21083</v>
      </c>
      <c r="CD69" s="21">
        <f t="shared" si="39"/>
        <v>18542</v>
      </c>
      <c r="CE69" s="21">
        <f t="shared" si="40"/>
        <v>17707</v>
      </c>
      <c r="CF69" s="21">
        <f t="shared" si="41"/>
        <v>18027</v>
      </c>
      <c r="CG69" s="21">
        <f t="shared" si="42"/>
        <v>19290</v>
      </c>
      <c r="CH69" s="21">
        <f t="shared" si="43"/>
        <v>17829</v>
      </c>
      <c r="CI69" s="21">
        <f t="shared" si="44"/>
        <v>18851</v>
      </c>
      <c r="CJ69" s="21">
        <f t="shared" si="45"/>
        <v>18506</v>
      </c>
      <c r="CK69" s="21">
        <f t="shared" si="46"/>
        <v>-36</v>
      </c>
      <c r="CL69" s="21">
        <f t="shared" si="47"/>
        <v>-21</v>
      </c>
      <c r="CM69" s="21">
        <f t="shared" si="48"/>
        <v>-4459</v>
      </c>
      <c r="CN69" s="21">
        <f t="shared" si="49"/>
        <v>-1170</v>
      </c>
      <c r="CO69" s="20"/>
    </row>
    <row r="70" spans="1:93" x14ac:dyDescent="0.7">
      <c r="A70" s="7"/>
      <c r="E70" s="8" t="s">
        <v>32</v>
      </c>
      <c r="F70" s="42">
        <v>6702</v>
      </c>
      <c r="G70" s="42">
        <v>6125</v>
      </c>
      <c r="H70" s="42">
        <v>7478</v>
      </c>
      <c r="I70" s="42">
        <v>6504</v>
      </c>
      <c r="J70" s="42">
        <v>4640</v>
      </c>
      <c r="K70" s="42">
        <v>6177</v>
      </c>
      <c r="L70" s="42">
        <v>7120</v>
      </c>
      <c r="M70" s="42">
        <v>7419</v>
      </c>
      <c r="N70" s="42">
        <v>6400</v>
      </c>
      <c r="O70" s="42">
        <v>7424</v>
      </c>
      <c r="P70" s="42">
        <v>7685</v>
      </c>
      <c r="Q70" s="42">
        <v>8192</v>
      </c>
      <c r="R70" s="42">
        <v>7326</v>
      </c>
      <c r="S70" s="42">
        <v>8022</v>
      </c>
      <c r="T70" s="42">
        <v>7994</v>
      </c>
      <c r="U70" s="42">
        <v>8683</v>
      </c>
      <c r="V70" s="42">
        <v>8062</v>
      </c>
      <c r="W70" s="42">
        <v>9107</v>
      </c>
      <c r="X70" s="42">
        <v>9029</v>
      </c>
      <c r="Y70" s="42">
        <v>9573</v>
      </c>
      <c r="Z70" s="42">
        <v>8553</v>
      </c>
      <c r="AA70" s="42">
        <v>10220</v>
      </c>
      <c r="AB70" s="42">
        <v>10548</v>
      </c>
      <c r="AC70" s="42">
        <v>11175</v>
      </c>
      <c r="AD70" s="42">
        <v>10751</v>
      </c>
      <c r="AE70" s="7"/>
      <c r="AF70" s="13"/>
      <c r="AG70" s="9"/>
      <c r="AH70" s="9"/>
      <c r="AI70" s="9"/>
      <c r="AJ70" s="9" t="s">
        <v>32</v>
      </c>
      <c r="AK70" s="21">
        <v>6725</v>
      </c>
      <c r="AL70" s="21">
        <v>6157</v>
      </c>
      <c r="AM70" s="21">
        <v>7525</v>
      </c>
      <c r="AN70" s="21">
        <v>6548</v>
      </c>
      <c r="AO70" s="21">
        <v>4695</v>
      </c>
      <c r="AP70" s="21">
        <v>6243</v>
      </c>
      <c r="AQ70" s="21">
        <v>7271</v>
      </c>
      <c r="AR70" s="21">
        <v>7553</v>
      </c>
      <c r="AS70" s="21">
        <v>6598</v>
      </c>
      <c r="AT70" s="21">
        <v>7701</v>
      </c>
      <c r="AU70" s="21">
        <v>8002</v>
      </c>
      <c r="AV70" s="21">
        <v>8536</v>
      </c>
      <c r="AW70" s="21">
        <v>8031</v>
      </c>
      <c r="AX70" s="21">
        <v>8761</v>
      </c>
      <c r="AY70" s="21">
        <v>8698</v>
      </c>
      <c r="AZ70" s="21">
        <v>9418</v>
      </c>
      <c r="BA70" s="21">
        <v>8714</v>
      </c>
      <c r="BB70" s="21">
        <v>9809</v>
      </c>
      <c r="BC70" s="21">
        <v>9775</v>
      </c>
      <c r="BD70" s="21">
        <v>10340</v>
      </c>
      <c r="BE70" s="21">
        <v>9272</v>
      </c>
      <c r="BF70" s="21">
        <v>10347</v>
      </c>
      <c r="BG70" s="21">
        <v>10669</v>
      </c>
      <c r="BH70" s="21">
        <v>11303</v>
      </c>
      <c r="BI70" s="21">
        <v>10252</v>
      </c>
      <c r="BJ70" s="14"/>
      <c r="BK70" s="16"/>
      <c r="BL70" s="9"/>
      <c r="BM70" s="9"/>
      <c r="BN70" s="9"/>
      <c r="BO70" s="9" t="s">
        <v>32</v>
      </c>
      <c r="BP70" s="21">
        <f t="shared" si="25"/>
        <v>23</v>
      </c>
      <c r="BQ70" s="21">
        <f t="shared" si="26"/>
        <v>32</v>
      </c>
      <c r="BR70" s="21">
        <f t="shared" si="27"/>
        <v>47</v>
      </c>
      <c r="BS70" s="21">
        <f t="shared" si="28"/>
        <v>44</v>
      </c>
      <c r="BT70" s="21">
        <f t="shared" si="29"/>
        <v>55</v>
      </c>
      <c r="BU70" s="21">
        <f t="shared" si="30"/>
        <v>66</v>
      </c>
      <c r="BV70" s="21">
        <f t="shared" si="31"/>
        <v>151</v>
      </c>
      <c r="BW70" s="21">
        <f t="shared" si="32"/>
        <v>134</v>
      </c>
      <c r="BX70" s="21">
        <f t="shared" si="33"/>
        <v>198</v>
      </c>
      <c r="BY70" s="21">
        <f t="shared" si="34"/>
        <v>277</v>
      </c>
      <c r="BZ70" s="21">
        <f t="shared" si="35"/>
        <v>317</v>
      </c>
      <c r="CA70" s="21">
        <f t="shared" si="36"/>
        <v>344</v>
      </c>
      <c r="CB70" s="21">
        <f t="shared" si="37"/>
        <v>705</v>
      </c>
      <c r="CC70" s="21">
        <f t="shared" si="38"/>
        <v>739</v>
      </c>
      <c r="CD70" s="21">
        <f t="shared" si="39"/>
        <v>704</v>
      </c>
      <c r="CE70" s="21">
        <f t="shared" si="40"/>
        <v>735</v>
      </c>
      <c r="CF70" s="21">
        <f t="shared" si="41"/>
        <v>652</v>
      </c>
      <c r="CG70" s="21">
        <f t="shared" si="42"/>
        <v>702</v>
      </c>
      <c r="CH70" s="21">
        <f t="shared" si="43"/>
        <v>746</v>
      </c>
      <c r="CI70" s="21">
        <f t="shared" si="44"/>
        <v>767</v>
      </c>
      <c r="CJ70" s="21">
        <f t="shared" si="45"/>
        <v>719</v>
      </c>
      <c r="CK70" s="21">
        <f t="shared" si="46"/>
        <v>127</v>
      </c>
      <c r="CL70" s="21">
        <f t="shared" si="47"/>
        <v>121</v>
      </c>
      <c r="CM70" s="21">
        <f t="shared" si="48"/>
        <v>128</v>
      </c>
      <c r="CN70" s="21">
        <f t="shared" si="49"/>
        <v>-499</v>
      </c>
      <c r="CO70" s="20"/>
    </row>
    <row r="71" spans="1:93" x14ac:dyDescent="0.7">
      <c r="A71" s="7"/>
      <c r="E71" s="8" t="s">
        <v>33</v>
      </c>
      <c r="F71" s="42">
        <v>6702</v>
      </c>
      <c r="G71" s="42">
        <v>6125</v>
      </c>
      <c r="H71" s="42">
        <v>7478</v>
      </c>
      <c r="I71" s="42">
        <v>6504</v>
      </c>
      <c r="J71" s="42">
        <v>4640</v>
      </c>
      <c r="K71" s="42">
        <v>6177</v>
      </c>
      <c r="L71" s="42">
        <v>7120</v>
      </c>
      <c r="M71" s="42">
        <v>7419</v>
      </c>
      <c r="N71" s="42">
        <v>6400</v>
      </c>
      <c r="O71" s="42">
        <v>7424</v>
      </c>
      <c r="P71" s="42">
        <v>7685</v>
      </c>
      <c r="Q71" s="42">
        <v>8192</v>
      </c>
      <c r="R71" s="42">
        <v>7326</v>
      </c>
      <c r="S71" s="42">
        <v>8022</v>
      </c>
      <c r="T71" s="42">
        <v>7994</v>
      </c>
      <c r="U71" s="42">
        <v>8683</v>
      </c>
      <c r="V71" s="42">
        <v>8062</v>
      </c>
      <c r="W71" s="42">
        <v>9107</v>
      </c>
      <c r="X71" s="42">
        <v>9029</v>
      </c>
      <c r="Y71" s="42">
        <v>9573</v>
      </c>
      <c r="Z71" s="42">
        <v>8553</v>
      </c>
      <c r="AA71" s="42">
        <v>10220</v>
      </c>
      <c r="AB71" s="42">
        <v>10548</v>
      </c>
      <c r="AC71" s="42">
        <v>11175</v>
      </c>
      <c r="AD71" s="42">
        <v>10751</v>
      </c>
      <c r="AE71" s="7"/>
      <c r="AF71" s="13"/>
      <c r="AG71" s="9"/>
      <c r="AH71" s="9"/>
      <c r="AI71" s="9"/>
      <c r="AJ71" s="9" t="s">
        <v>33</v>
      </c>
      <c r="AK71" s="21">
        <v>6725</v>
      </c>
      <c r="AL71" s="21">
        <v>6157</v>
      </c>
      <c r="AM71" s="21">
        <v>7525</v>
      </c>
      <c r="AN71" s="21">
        <v>6548</v>
      </c>
      <c r="AO71" s="21">
        <v>4695</v>
      </c>
      <c r="AP71" s="21">
        <v>6243</v>
      </c>
      <c r="AQ71" s="21">
        <v>7271</v>
      </c>
      <c r="AR71" s="21">
        <v>7553</v>
      </c>
      <c r="AS71" s="21">
        <v>6598</v>
      </c>
      <c r="AT71" s="21">
        <v>7701</v>
      </c>
      <c r="AU71" s="21">
        <v>8002</v>
      </c>
      <c r="AV71" s="21">
        <v>8536</v>
      </c>
      <c r="AW71" s="21">
        <v>8031</v>
      </c>
      <c r="AX71" s="21">
        <v>8761</v>
      </c>
      <c r="AY71" s="21">
        <v>8698</v>
      </c>
      <c r="AZ71" s="21">
        <v>9418</v>
      </c>
      <c r="BA71" s="21">
        <v>8714</v>
      </c>
      <c r="BB71" s="21">
        <v>9809</v>
      </c>
      <c r="BC71" s="21">
        <v>9775</v>
      </c>
      <c r="BD71" s="21">
        <v>10340</v>
      </c>
      <c r="BE71" s="21">
        <v>9272</v>
      </c>
      <c r="BF71" s="21">
        <v>10347</v>
      </c>
      <c r="BG71" s="21">
        <v>10669</v>
      </c>
      <c r="BH71" s="21">
        <v>11303</v>
      </c>
      <c r="BI71" s="21">
        <v>10252</v>
      </c>
      <c r="BJ71" s="14"/>
      <c r="BK71" s="16"/>
      <c r="BL71" s="9"/>
      <c r="BM71" s="9"/>
      <c r="BN71" s="9"/>
      <c r="BO71" s="9" t="s">
        <v>33</v>
      </c>
      <c r="BP71" s="21">
        <f t="shared" si="25"/>
        <v>23</v>
      </c>
      <c r="BQ71" s="21">
        <f t="shared" si="26"/>
        <v>32</v>
      </c>
      <c r="BR71" s="21">
        <f t="shared" si="27"/>
        <v>47</v>
      </c>
      <c r="BS71" s="21">
        <f t="shared" si="28"/>
        <v>44</v>
      </c>
      <c r="BT71" s="21">
        <f t="shared" si="29"/>
        <v>55</v>
      </c>
      <c r="BU71" s="21">
        <f t="shared" si="30"/>
        <v>66</v>
      </c>
      <c r="BV71" s="21">
        <f t="shared" si="31"/>
        <v>151</v>
      </c>
      <c r="BW71" s="21">
        <f t="shared" si="32"/>
        <v>134</v>
      </c>
      <c r="BX71" s="21">
        <f t="shared" si="33"/>
        <v>198</v>
      </c>
      <c r="BY71" s="21">
        <f t="shared" si="34"/>
        <v>277</v>
      </c>
      <c r="BZ71" s="21">
        <f t="shared" si="35"/>
        <v>317</v>
      </c>
      <c r="CA71" s="21">
        <f t="shared" si="36"/>
        <v>344</v>
      </c>
      <c r="CB71" s="21">
        <f t="shared" si="37"/>
        <v>705</v>
      </c>
      <c r="CC71" s="21">
        <f t="shared" si="38"/>
        <v>739</v>
      </c>
      <c r="CD71" s="21">
        <f t="shared" si="39"/>
        <v>704</v>
      </c>
      <c r="CE71" s="21">
        <f t="shared" si="40"/>
        <v>735</v>
      </c>
      <c r="CF71" s="21">
        <f t="shared" si="41"/>
        <v>652</v>
      </c>
      <c r="CG71" s="21">
        <f t="shared" si="42"/>
        <v>702</v>
      </c>
      <c r="CH71" s="21">
        <f t="shared" si="43"/>
        <v>746</v>
      </c>
      <c r="CI71" s="21">
        <f t="shared" si="44"/>
        <v>767</v>
      </c>
      <c r="CJ71" s="21">
        <f t="shared" si="45"/>
        <v>719</v>
      </c>
      <c r="CK71" s="21">
        <f t="shared" si="46"/>
        <v>127</v>
      </c>
      <c r="CL71" s="21">
        <f t="shared" si="47"/>
        <v>121</v>
      </c>
      <c r="CM71" s="21">
        <f t="shared" si="48"/>
        <v>128</v>
      </c>
      <c r="CN71" s="21">
        <f t="shared" si="49"/>
        <v>-499</v>
      </c>
      <c r="CO71" s="20"/>
    </row>
    <row r="72" spans="1:93" x14ac:dyDescent="0.7">
      <c r="A72" s="7"/>
      <c r="E72" s="8" t="s">
        <v>34</v>
      </c>
      <c r="F72" s="42">
        <v>11440</v>
      </c>
      <c r="G72" s="42">
        <v>4406</v>
      </c>
      <c r="H72" s="42">
        <v>15926</v>
      </c>
      <c r="I72" s="42">
        <v>6189</v>
      </c>
      <c r="J72" s="42">
        <v>3423</v>
      </c>
      <c r="K72" s="42">
        <v>6426</v>
      </c>
      <c r="L72" s="42">
        <v>21445</v>
      </c>
      <c r="M72" s="42">
        <v>16887</v>
      </c>
      <c r="N72" s="42">
        <v>11806</v>
      </c>
      <c r="O72" s="42">
        <v>24541</v>
      </c>
      <c r="P72" s="42">
        <v>41554</v>
      </c>
      <c r="Q72" s="42">
        <v>20850</v>
      </c>
      <c r="R72" s="42">
        <v>15622</v>
      </c>
      <c r="S72" s="42">
        <v>26858</v>
      </c>
      <c r="T72" s="42">
        <v>37101</v>
      </c>
      <c r="U72" s="42">
        <v>21173</v>
      </c>
      <c r="V72" s="42">
        <v>17483</v>
      </c>
      <c r="W72" s="42">
        <v>29224</v>
      </c>
      <c r="X72" s="42">
        <v>45291</v>
      </c>
      <c r="Y72" s="42">
        <v>25248</v>
      </c>
      <c r="Z72" s="42">
        <v>19061</v>
      </c>
      <c r="AA72" s="42">
        <v>33476</v>
      </c>
      <c r="AB72" s="42">
        <v>47693</v>
      </c>
      <c r="AC72" s="42">
        <v>28088</v>
      </c>
      <c r="AD72" s="42">
        <v>20109</v>
      </c>
      <c r="AE72" s="7"/>
      <c r="AF72" s="13"/>
      <c r="AG72" s="9"/>
      <c r="AH72" s="9"/>
      <c r="AI72" s="9"/>
      <c r="AJ72" s="9" t="s">
        <v>34</v>
      </c>
      <c r="AK72" s="21">
        <v>11440</v>
      </c>
      <c r="AL72" s="21">
        <v>4406</v>
      </c>
      <c r="AM72" s="21">
        <v>15926</v>
      </c>
      <c r="AN72" s="21">
        <v>6188</v>
      </c>
      <c r="AO72" s="21">
        <v>3423</v>
      </c>
      <c r="AP72" s="21">
        <v>6426</v>
      </c>
      <c r="AQ72" s="21">
        <v>21444</v>
      </c>
      <c r="AR72" s="21">
        <v>16888</v>
      </c>
      <c r="AS72" s="21">
        <v>11807</v>
      </c>
      <c r="AT72" s="21">
        <v>24540</v>
      </c>
      <c r="AU72" s="21">
        <v>41554</v>
      </c>
      <c r="AV72" s="21">
        <v>20850</v>
      </c>
      <c r="AW72" s="21">
        <v>16388</v>
      </c>
      <c r="AX72" s="21">
        <v>27941</v>
      </c>
      <c r="AY72" s="21">
        <v>38281</v>
      </c>
      <c r="AZ72" s="21">
        <v>21671</v>
      </c>
      <c r="BA72" s="21">
        <v>17753</v>
      </c>
      <c r="BB72" s="21">
        <v>29447</v>
      </c>
      <c r="BC72" s="21">
        <v>45291</v>
      </c>
      <c r="BD72" s="21">
        <v>25248</v>
      </c>
      <c r="BE72" s="21">
        <v>19061</v>
      </c>
      <c r="BF72" s="21">
        <v>33476</v>
      </c>
      <c r="BG72" s="21">
        <v>47693</v>
      </c>
      <c r="BH72" s="21">
        <v>28088</v>
      </c>
      <c r="BI72" s="21">
        <v>20109</v>
      </c>
      <c r="BJ72" s="14"/>
      <c r="BK72" s="16"/>
      <c r="BL72" s="9"/>
      <c r="BM72" s="9"/>
      <c r="BN72" s="9"/>
      <c r="BO72" s="9" t="s">
        <v>34</v>
      </c>
      <c r="BP72" s="21">
        <f t="shared" si="25"/>
        <v>0</v>
      </c>
      <c r="BQ72" s="21">
        <f t="shared" si="26"/>
        <v>0</v>
      </c>
      <c r="BR72" s="21">
        <f t="shared" si="27"/>
        <v>0</v>
      </c>
      <c r="BS72" s="21">
        <f t="shared" si="28"/>
        <v>-1</v>
      </c>
      <c r="BT72" s="21">
        <f t="shared" si="29"/>
        <v>0</v>
      </c>
      <c r="BU72" s="21">
        <f t="shared" si="30"/>
        <v>0</v>
      </c>
      <c r="BV72" s="21">
        <f t="shared" si="31"/>
        <v>-1</v>
      </c>
      <c r="BW72" s="21">
        <f t="shared" si="32"/>
        <v>1</v>
      </c>
      <c r="BX72" s="21">
        <f t="shared" si="33"/>
        <v>1</v>
      </c>
      <c r="BY72" s="21">
        <f t="shared" si="34"/>
        <v>-1</v>
      </c>
      <c r="BZ72" s="21">
        <f t="shared" si="35"/>
        <v>0</v>
      </c>
      <c r="CA72" s="21">
        <f t="shared" si="36"/>
        <v>0</v>
      </c>
      <c r="CB72" s="21">
        <f t="shared" si="37"/>
        <v>766</v>
      </c>
      <c r="CC72" s="21">
        <f t="shared" si="38"/>
        <v>1083</v>
      </c>
      <c r="CD72" s="21">
        <f t="shared" si="39"/>
        <v>1180</v>
      </c>
      <c r="CE72" s="21">
        <f t="shared" si="40"/>
        <v>498</v>
      </c>
      <c r="CF72" s="21">
        <f t="shared" si="41"/>
        <v>270</v>
      </c>
      <c r="CG72" s="21">
        <f t="shared" si="42"/>
        <v>223</v>
      </c>
      <c r="CH72" s="21">
        <f t="shared" si="43"/>
        <v>0</v>
      </c>
      <c r="CI72" s="21">
        <f t="shared" si="44"/>
        <v>0</v>
      </c>
      <c r="CJ72" s="21">
        <f t="shared" si="45"/>
        <v>0</v>
      </c>
      <c r="CK72" s="21">
        <f t="shared" si="46"/>
        <v>0</v>
      </c>
      <c r="CL72" s="21">
        <f t="shared" si="47"/>
        <v>0</v>
      </c>
      <c r="CM72" s="21">
        <f t="shared" si="48"/>
        <v>0</v>
      </c>
      <c r="CN72" s="21">
        <f t="shared" si="49"/>
        <v>0</v>
      </c>
      <c r="CO72" s="20"/>
    </row>
    <row r="73" spans="1:93" x14ac:dyDescent="0.7">
      <c r="A73" s="7"/>
      <c r="E73" s="8" t="s">
        <v>35</v>
      </c>
      <c r="F73" s="42">
        <v>7840</v>
      </c>
      <c r="G73" s="42">
        <v>3352</v>
      </c>
      <c r="H73" s="42">
        <v>11433</v>
      </c>
      <c r="I73" s="42">
        <v>4655</v>
      </c>
      <c r="J73" s="42">
        <v>2802</v>
      </c>
      <c r="K73" s="42">
        <v>4923</v>
      </c>
      <c r="L73" s="42">
        <v>15306</v>
      </c>
      <c r="M73" s="42">
        <v>12282</v>
      </c>
      <c r="N73" s="42">
        <v>8798</v>
      </c>
      <c r="O73" s="42">
        <v>17380</v>
      </c>
      <c r="P73" s="42">
        <v>29785</v>
      </c>
      <c r="Q73" s="42">
        <v>15207</v>
      </c>
      <c r="R73" s="42">
        <v>11562</v>
      </c>
      <c r="S73" s="42">
        <v>19126</v>
      </c>
      <c r="T73" s="42">
        <v>26636</v>
      </c>
      <c r="U73" s="42">
        <v>15344</v>
      </c>
      <c r="V73" s="42">
        <v>12823</v>
      </c>
      <c r="W73" s="42">
        <v>20631</v>
      </c>
      <c r="X73" s="42">
        <v>32400</v>
      </c>
      <c r="Y73" s="42">
        <v>18460</v>
      </c>
      <c r="Z73" s="42">
        <v>14131</v>
      </c>
      <c r="AA73" s="42">
        <v>23822</v>
      </c>
      <c r="AB73" s="42">
        <v>34016</v>
      </c>
      <c r="AC73" s="42">
        <v>20711</v>
      </c>
      <c r="AD73" s="42">
        <v>14944</v>
      </c>
      <c r="AE73" s="7"/>
      <c r="AF73" s="13"/>
      <c r="AG73" s="9"/>
      <c r="AH73" s="9"/>
      <c r="AI73" s="9"/>
      <c r="AJ73" s="9" t="s">
        <v>35</v>
      </c>
      <c r="AK73" s="21">
        <v>7840</v>
      </c>
      <c r="AL73" s="21">
        <v>3352</v>
      </c>
      <c r="AM73" s="21">
        <v>11433</v>
      </c>
      <c r="AN73" s="21">
        <v>4655</v>
      </c>
      <c r="AO73" s="21">
        <v>2802</v>
      </c>
      <c r="AP73" s="21">
        <v>4923</v>
      </c>
      <c r="AQ73" s="21">
        <v>15306</v>
      </c>
      <c r="AR73" s="21">
        <v>12282</v>
      </c>
      <c r="AS73" s="21">
        <v>8798</v>
      </c>
      <c r="AT73" s="21">
        <v>17380</v>
      </c>
      <c r="AU73" s="21">
        <v>29785</v>
      </c>
      <c r="AV73" s="21">
        <v>15207</v>
      </c>
      <c r="AW73" s="21">
        <v>11990</v>
      </c>
      <c r="AX73" s="21">
        <v>19710</v>
      </c>
      <c r="AY73" s="21">
        <v>27281</v>
      </c>
      <c r="AZ73" s="21">
        <v>15619</v>
      </c>
      <c r="BA73" s="21">
        <v>12974</v>
      </c>
      <c r="BB73" s="21">
        <v>20752</v>
      </c>
      <c r="BC73" s="21">
        <v>32400</v>
      </c>
      <c r="BD73" s="21">
        <v>18460</v>
      </c>
      <c r="BE73" s="21">
        <v>14131</v>
      </c>
      <c r="BF73" s="21">
        <v>23822</v>
      </c>
      <c r="BG73" s="21">
        <v>34016</v>
      </c>
      <c r="BH73" s="21">
        <v>20711</v>
      </c>
      <c r="BI73" s="21">
        <v>14944</v>
      </c>
      <c r="BJ73" s="14"/>
      <c r="BK73" s="16"/>
      <c r="BL73" s="9"/>
      <c r="BM73" s="9"/>
      <c r="BN73" s="9"/>
      <c r="BO73" s="9" t="s">
        <v>35</v>
      </c>
      <c r="BP73" s="21">
        <f t="shared" si="25"/>
        <v>0</v>
      </c>
      <c r="BQ73" s="21">
        <f t="shared" si="26"/>
        <v>0</v>
      </c>
      <c r="BR73" s="21">
        <f t="shared" si="27"/>
        <v>0</v>
      </c>
      <c r="BS73" s="21">
        <f t="shared" si="28"/>
        <v>0</v>
      </c>
      <c r="BT73" s="21">
        <f t="shared" si="29"/>
        <v>0</v>
      </c>
      <c r="BU73" s="21">
        <f t="shared" si="30"/>
        <v>0</v>
      </c>
      <c r="BV73" s="21">
        <f t="shared" si="31"/>
        <v>0</v>
      </c>
      <c r="BW73" s="21">
        <f t="shared" si="32"/>
        <v>0</v>
      </c>
      <c r="BX73" s="21">
        <f t="shared" si="33"/>
        <v>0</v>
      </c>
      <c r="BY73" s="21">
        <f t="shared" si="34"/>
        <v>0</v>
      </c>
      <c r="BZ73" s="21">
        <f t="shared" si="35"/>
        <v>0</v>
      </c>
      <c r="CA73" s="21">
        <f t="shared" si="36"/>
        <v>0</v>
      </c>
      <c r="CB73" s="21">
        <f t="shared" si="37"/>
        <v>428</v>
      </c>
      <c r="CC73" s="21">
        <f t="shared" si="38"/>
        <v>584</v>
      </c>
      <c r="CD73" s="21">
        <f t="shared" si="39"/>
        <v>645</v>
      </c>
      <c r="CE73" s="21">
        <f t="shared" si="40"/>
        <v>275</v>
      </c>
      <c r="CF73" s="21">
        <f t="shared" si="41"/>
        <v>151</v>
      </c>
      <c r="CG73" s="21">
        <f t="shared" si="42"/>
        <v>121</v>
      </c>
      <c r="CH73" s="21">
        <f t="shared" si="43"/>
        <v>0</v>
      </c>
      <c r="CI73" s="21">
        <f t="shared" si="44"/>
        <v>0</v>
      </c>
      <c r="CJ73" s="21">
        <f t="shared" si="45"/>
        <v>0</v>
      </c>
      <c r="CK73" s="21">
        <f t="shared" si="46"/>
        <v>0</v>
      </c>
      <c r="CL73" s="21">
        <f t="shared" si="47"/>
        <v>0</v>
      </c>
      <c r="CM73" s="21">
        <f t="shared" si="48"/>
        <v>0</v>
      </c>
      <c r="CN73" s="21">
        <f t="shared" si="49"/>
        <v>0</v>
      </c>
      <c r="CO73" s="20"/>
    </row>
    <row r="74" spans="1:93" x14ac:dyDescent="0.7">
      <c r="A74" s="7"/>
      <c r="E74" s="8" t="s">
        <v>36</v>
      </c>
      <c r="F74" s="42">
        <v>3600</v>
      </c>
      <c r="G74" s="42">
        <v>1054</v>
      </c>
      <c r="H74" s="42">
        <v>4493</v>
      </c>
      <c r="I74" s="42">
        <v>1534</v>
      </c>
      <c r="J74" s="42">
        <v>621</v>
      </c>
      <c r="K74" s="42">
        <v>1503</v>
      </c>
      <c r="L74" s="42">
        <v>6139</v>
      </c>
      <c r="M74" s="42">
        <v>4605</v>
      </c>
      <c r="N74" s="42">
        <v>3008</v>
      </c>
      <c r="O74" s="42">
        <v>7161</v>
      </c>
      <c r="P74" s="42">
        <v>11769</v>
      </c>
      <c r="Q74" s="42">
        <v>5643</v>
      </c>
      <c r="R74" s="42">
        <v>4060</v>
      </c>
      <c r="S74" s="42">
        <v>7642</v>
      </c>
      <c r="T74" s="42">
        <v>10395</v>
      </c>
      <c r="U74" s="42">
        <v>5819</v>
      </c>
      <c r="V74" s="42">
        <v>4676</v>
      </c>
      <c r="W74" s="42">
        <v>8553</v>
      </c>
      <c r="X74" s="42">
        <v>12890</v>
      </c>
      <c r="Y74" s="42">
        <v>6788</v>
      </c>
      <c r="Z74" s="42">
        <v>4929</v>
      </c>
      <c r="AA74" s="42">
        <v>9654</v>
      </c>
      <c r="AB74" s="42">
        <v>13677</v>
      </c>
      <c r="AC74" s="42">
        <v>7377</v>
      </c>
      <c r="AD74" s="42">
        <v>5165</v>
      </c>
      <c r="AE74" s="7"/>
      <c r="AF74" s="13"/>
      <c r="AG74" s="9"/>
      <c r="AH74" s="9"/>
      <c r="AI74" s="9"/>
      <c r="AJ74" s="9" t="s">
        <v>36</v>
      </c>
      <c r="AK74" s="21">
        <v>3600</v>
      </c>
      <c r="AL74" s="21">
        <v>1054</v>
      </c>
      <c r="AM74" s="21">
        <v>4493</v>
      </c>
      <c r="AN74" s="21">
        <v>1534</v>
      </c>
      <c r="AO74" s="21">
        <v>621</v>
      </c>
      <c r="AP74" s="21">
        <v>1503</v>
      </c>
      <c r="AQ74" s="21">
        <v>6139</v>
      </c>
      <c r="AR74" s="21">
        <v>4605</v>
      </c>
      <c r="AS74" s="21">
        <v>3008</v>
      </c>
      <c r="AT74" s="21">
        <v>7161</v>
      </c>
      <c r="AU74" s="21">
        <v>11769</v>
      </c>
      <c r="AV74" s="21">
        <v>5643</v>
      </c>
      <c r="AW74" s="21">
        <v>4404</v>
      </c>
      <c r="AX74" s="21">
        <v>8170</v>
      </c>
      <c r="AY74" s="21">
        <v>10955</v>
      </c>
      <c r="AZ74" s="21">
        <v>6049</v>
      </c>
      <c r="BA74" s="21">
        <v>4797</v>
      </c>
      <c r="BB74" s="21">
        <v>8661</v>
      </c>
      <c r="BC74" s="21">
        <v>12890</v>
      </c>
      <c r="BD74" s="21">
        <v>6788</v>
      </c>
      <c r="BE74" s="21">
        <v>4929</v>
      </c>
      <c r="BF74" s="21">
        <v>9654</v>
      </c>
      <c r="BG74" s="21">
        <v>13677</v>
      </c>
      <c r="BH74" s="21">
        <v>7377</v>
      </c>
      <c r="BI74" s="21">
        <v>5165</v>
      </c>
      <c r="BJ74" s="14"/>
      <c r="BK74" s="16"/>
      <c r="BL74" s="9"/>
      <c r="BM74" s="9"/>
      <c r="BN74" s="9"/>
      <c r="BO74" s="9" t="s">
        <v>36</v>
      </c>
      <c r="BP74" s="21">
        <f t="shared" si="25"/>
        <v>0</v>
      </c>
      <c r="BQ74" s="21">
        <f t="shared" si="26"/>
        <v>0</v>
      </c>
      <c r="BR74" s="21">
        <f t="shared" si="27"/>
        <v>0</v>
      </c>
      <c r="BS74" s="21">
        <f t="shared" si="28"/>
        <v>0</v>
      </c>
      <c r="BT74" s="21">
        <f t="shared" si="29"/>
        <v>0</v>
      </c>
      <c r="BU74" s="21">
        <f t="shared" si="30"/>
        <v>0</v>
      </c>
      <c r="BV74" s="21">
        <f t="shared" si="31"/>
        <v>0</v>
      </c>
      <c r="BW74" s="21">
        <f t="shared" si="32"/>
        <v>0</v>
      </c>
      <c r="BX74" s="21">
        <f t="shared" si="33"/>
        <v>0</v>
      </c>
      <c r="BY74" s="21">
        <f t="shared" si="34"/>
        <v>0</v>
      </c>
      <c r="BZ74" s="21">
        <f t="shared" si="35"/>
        <v>0</v>
      </c>
      <c r="CA74" s="21">
        <f t="shared" si="36"/>
        <v>0</v>
      </c>
      <c r="CB74" s="21">
        <f t="shared" si="37"/>
        <v>344</v>
      </c>
      <c r="CC74" s="21">
        <f t="shared" si="38"/>
        <v>528</v>
      </c>
      <c r="CD74" s="21">
        <f t="shared" si="39"/>
        <v>560</v>
      </c>
      <c r="CE74" s="21">
        <f t="shared" si="40"/>
        <v>230</v>
      </c>
      <c r="CF74" s="21">
        <f t="shared" si="41"/>
        <v>121</v>
      </c>
      <c r="CG74" s="21">
        <f t="shared" si="42"/>
        <v>108</v>
      </c>
      <c r="CH74" s="21">
        <f t="shared" si="43"/>
        <v>0</v>
      </c>
      <c r="CI74" s="21">
        <f t="shared" si="44"/>
        <v>0</v>
      </c>
      <c r="CJ74" s="21">
        <f t="shared" si="45"/>
        <v>0</v>
      </c>
      <c r="CK74" s="21">
        <f t="shared" si="46"/>
        <v>0</v>
      </c>
      <c r="CL74" s="21">
        <f t="shared" si="47"/>
        <v>0</v>
      </c>
      <c r="CM74" s="21">
        <f t="shared" si="48"/>
        <v>0</v>
      </c>
      <c r="CN74" s="21">
        <f t="shared" si="49"/>
        <v>0</v>
      </c>
      <c r="CO74" s="20"/>
    </row>
    <row r="75" spans="1:93" x14ac:dyDescent="0.7">
      <c r="A75" s="7"/>
      <c r="D75" s="8" t="s">
        <v>38</v>
      </c>
      <c r="E75" s="8" t="s">
        <v>27</v>
      </c>
      <c r="F75" s="42">
        <v>74902</v>
      </c>
      <c r="G75" s="42">
        <v>78604</v>
      </c>
      <c r="H75" s="42">
        <v>87031</v>
      </c>
      <c r="I75" s="42">
        <v>96798</v>
      </c>
      <c r="J75" s="42">
        <v>86516</v>
      </c>
      <c r="K75" s="42">
        <v>93478</v>
      </c>
      <c r="L75" s="42">
        <v>98969</v>
      </c>
      <c r="M75" s="42">
        <v>105939</v>
      </c>
      <c r="N75" s="42">
        <v>95229</v>
      </c>
      <c r="O75" s="42">
        <v>102564</v>
      </c>
      <c r="P75" s="42">
        <v>101293</v>
      </c>
      <c r="Q75" s="42">
        <v>108351</v>
      </c>
      <c r="R75" s="42">
        <v>104686</v>
      </c>
      <c r="S75" s="42">
        <v>115007</v>
      </c>
      <c r="T75" s="42">
        <v>112574</v>
      </c>
      <c r="U75" s="42">
        <v>115043</v>
      </c>
      <c r="V75" s="42">
        <v>107090</v>
      </c>
      <c r="W75" s="42">
        <v>122653</v>
      </c>
      <c r="X75" s="42">
        <v>122674</v>
      </c>
      <c r="Y75" s="42">
        <v>133268</v>
      </c>
      <c r="Z75" s="42">
        <v>124770</v>
      </c>
      <c r="AA75" s="42">
        <v>87341</v>
      </c>
      <c r="AB75" s="42">
        <v>85030</v>
      </c>
      <c r="AC75" s="42">
        <v>97763</v>
      </c>
      <c r="AD75" s="42">
        <v>93888</v>
      </c>
      <c r="AE75" s="7"/>
      <c r="AF75" s="13"/>
      <c r="AG75" s="9"/>
      <c r="AH75" s="9"/>
      <c r="AI75" s="9" t="s">
        <v>38</v>
      </c>
      <c r="AJ75" s="9" t="s">
        <v>27</v>
      </c>
      <c r="AK75" s="21">
        <v>70183</v>
      </c>
      <c r="AL75" s="21">
        <v>72666</v>
      </c>
      <c r="AM75" s="21">
        <v>78751</v>
      </c>
      <c r="AN75" s="21">
        <v>88537</v>
      </c>
      <c r="AO75" s="21">
        <v>79897</v>
      </c>
      <c r="AP75" s="21">
        <v>83098</v>
      </c>
      <c r="AQ75" s="21">
        <v>85424</v>
      </c>
      <c r="AR75" s="21">
        <v>89944</v>
      </c>
      <c r="AS75" s="21">
        <v>82932</v>
      </c>
      <c r="AT75" s="21">
        <v>86048</v>
      </c>
      <c r="AU75" s="21">
        <v>83266</v>
      </c>
      <c r="AV75" s="21">
        <v>89496</v>
      </c>
      <c r="AW75" s="21">
        <v>82628</v>
      </c>
      <c r="AX75" s="21">
        <v>89994</v>
      </c>
      <c r="AY75" s="21">
        <v>87350</v>
      </c>
      <c r="AZ75" s="21">
        <v>88725</v>
      </c>
      <c r="BA75" s="21">
        <v>81916</v>
      </c>
      <c r="BB75" s="21">
        <v>93055</v>
      </c>
      <c r="BC75" s="21">
        <v>92010</v>
      </c>
      <c r="BD75" s="21">
        <v>102126</v>
      </c>
      <c r="BE75" s="21">
        <v>92749</v>
      </c>
      <c r="BF75" s="21">
        <v>95408</v>
      </c>
      <c r="BG75" s="21">
        <v>93280</v>
      </c>
      <c r="BH75" s="21">
        <v>103474</v>
      </c>
      <c r="BI75" s="21">
        <v>96435</v>
      </c>
      <c r="BJ75" s="14"/>
      <c r="BK75" s="16"/>
      <c r="BL75" s="9"/>
      <c r="BM75" s="9"/>
      <c r="BN75" s="9" t="s">
        <v>38</v>
      </c>
      <c r="BO75" s="9" t="s">
        <v>27</v>
      </c>
      <c r="BP75" s="21">
        <f t="shared" si="25"/>
        <v>-4719</v>
      </c>
      <c r="BQ75" s="21">
        <f t="shared" si="26"/>
        <v>-5938</v>
      </c>
      <c r="BR75" s="21">
        <f t="shared" si="27"/>
        <v>-8280</v>
      </c>
      <c r="BS75" s="21">
        <f t="shared" si="28"/>
        <v>-8261</v>
      </c>
      <c r="BT75" s="21">
        <f t="shared" si="29"/>
        <v>-6619</v>
      </c>
      <c r="BU75" s="21">
        <f t="shared" si="30"/>
        <v>-10380</v>
      </c>
      <c r="BV75" s="21">
        <f t="shared" si="31"/>
        <v>-13545</v>
      </c>
      <c r="BW75" s="21">
        <f t="shared" si="32"/>
        <v>-15995</v>
      </c>
      <c r="BX75" s="21">
        <f t="shared" si="33"/>
        <v>-12297</v>
      </c>
      <c r="BY75" s="21">
        <f t="shared" si="34"/>
        <v>-16516</v>
      </c>
      <c r="BZ75" s="21">
        <f t="shared" si="35"/>
        <v>-18027</v>
      </c>
      <c r="CA75" s="21">
        <f t="shared" si="36"/>
        <v>-18855</v>
      </c>
      <c r="CB75" s="21">
        <f t="shared" si="37"/>
        <v>-22058</v>
      </c>
      <c r="CC75" s="21">
        <f t="shared" si="38"/>
        <v>-25013</v>
      </c>
      <c r="CD75" s="21">
        <f t="shared" si="39"/>
        <v>-25224</v>
      </c>
      <c r="CE75" s="21">
        <f t="shared" si="40"/>
        <v>-26318</v>
      </c>
      <c r="CF75" s="21">
        <f t="shared" si="41"/>
        <v>-25174</v>
      </c>
      <c r="CG75" s="21">
        <f t="shared" si="42"/>
        <v>-29598</v>
      </c>
      <c r="CH75" s="21">
        <f t="shared" si="43"/>
        <v>-30664</v>
      </c>
      <c r="CI75" s="21">
        <f t="shared" si="44"/>
        <v>-31142</v>
      </c>
      <c r="CJ75" s="21">
        <f t="shared" si="45"/>
        <v>-32021</v>
      </c>
      <c r="CK75" s="21">
        <f t="shared" si="46"/>
        <v>8067</v>
      </c>
      <c r="CL75" s="21">
        <f t="shared" si="47"/>
        <v>8250</v>
      </c>
      <c r="CM75" s="21">
        <f t="shared" si="48"/>
        <v>5711</v>
      </c>
      <c r="CN75" s="21">
        <f t="shared" si="49"/>
        <v>2547</v>
      </c>
      <c r="CO75" s="20"/>
    </row>
    <row r="76" spans="1:93" x14ac:dyDescent="0.7">
      <c r="A76" s="7"/>
      <c r="E76" s="8" t="s">
        <v>28</v>
      </c>
      <c r="F76" s="42">
        <v>70429</v>
      </c>
      <c r="G76" s="42">
        <v>75191</v>
      </c>
      <c r="H76" s="42">
        <v>83177</v>
      </c>
      <c r="I76" s="42">
        <v>92688</v>
      </c>
      <c r="J76" s="42">
        <v>82965</v>
      </c>
      <c r="K76" s="42">
        <v>89817</v>
      </c>
      <c r="L76" s="42">
        <v>95103</v>
      </c>
      <c r="M76" s="42">
        <v>101747</v>
      </c>
      <c r="N76" s="42">
        <v>91325</v>
      </c>
      <c r="O76" s="42">
        <v>98282</v>
      </c>
      <c r="P76" s="42">
        <v>97157</v>
      </c>
      <c r="Q76" s="42">
        <v>103852</v>
      </c>
      <c r="R76" s="42">
        <v>100215</v>
      </c>
      <c r="S76" s="42">
        <v>110181</v>
      </c>
      <c r="T76" s="42">
        <v>107875</v>
      </c>
      <c r="U76" s="42">
        <v>110136</v>
      </c>
      <c r="V76" s="42">
        <v>102597</v>
      </c>
      <c r="W76" s="42">
        <v>117627</v>
      </c>
      <c r="X76" s="42">
        <v>117750</v>
      </c>
      <c r="Y76" s="42">
        <v>127818</v>
      </c>
      <c r="Z76" s="42">
        <v>119502</v>
      </c>
      <c r="AA76" s="42">
        <v>82751</v>
      </c>
      <c r="AB76" s="42">
        <v>80523</v>
      </c>
      <c r="AC76" s="42">
        <v>92590</v>
      </c>
      <c r="AD76" s="42">
        <v>88441</v>
      </c>
      <c r="AE76" s="7"/>
      <c r="AF76" s="13"/>
      <c r="AG76" s="9"/>
      <c r="AH76" s="9"/>
      <c r="AI76" s="9"/>
      <c r="AJ76" s="9" t="s">
        <v>28</v>
      </c>
      <c r="AK76" s="21">
        <v>65732</v>
      </c>
      <c r="AL76" s="21">
        <v>69284</v>
      </c>
      <c r="AM76" s="21">
        <v>74944</v>
      </c>
      <c r="AN76" s="21">
        <v>84470</v>
      </c>
      <c r="AO76" s="21">
        <v>76378</v>
      </c>
      <c r="AP76" s="21">
        <v>79492</v>
      </c>
      <c r="AQ76" s="21">
        <v>81626</v>
      </c>
      <c r="AR76" s="21">
        <v>85886</v>
      </c>
      <c r="AS76" s="21">
        <v>78747</v>
      </c>
      <c r="AT76" s="21">
        <v>81460</v>
      </c>
      <c r="AU76" s="21">
        <v>78857</v>
      </c>
      <c r="AV76" s="21">
        <v>84739</v>
      </c>
      <c r="AW76" s="21">
        <v>78226</v>
      </c>
      <c r="AX76" s="21">
        <v>85225</v>
      </c>
      <c r="AY76" s="21">
        <v>82702</v>
      </c>
      <c r="AZ76" s="21">
        <v>83890</v>
      </c>
      <c r="BA76" s="21">
        <v>77475</v>
      </c>
      <c r="BB76" s="21">
        <v>88063</v>
      </c>
      <c r="BC76" s="21">
        <v>87085</v>
      </c>
      <c r="BD76" s="21">
        <v>96622</v>
      </c>
      <c r="BE76" s="21">
        <v>87453</v>
      </c>
      <c r="BF76" s="21">
        <v>90137</v>
      </c>
      <c r="BG76" s="21">
        <v>88081</v>
      </c>
      <c r="BH76" s="21">
        <v>97528</v>
      </c>
      <c r="BI76" s="21">
        <v>90607</v>
      </c>
      <c r="BJ76" s="14"/>
      <c r="BK76" s="16"/>
      <c r="BL76" s="9"/>
      <c r="BM76" s="9"/>
      <c r="BN76" s="9"/>
      <c r="BO76" s="9" t="s">
        <v>28</v>
      </c>
      <c r="BP76" s="21">
        <f t="shared" si="25"/>
        <v>-4697</v>
      </c>
      <c r="BQ76" s="21">
        <f t="shared" si="26"/>
        <v>-5907</v>
      </c>
      <c r="BR76" s="21">
        <f t="shared" si="27"/>
        <v>-8233</v>
      </c>
      <c r="BS76" s="21">
        <f t="shared" si="28"/>
        <v>-8218</v>
      </c>
      <c r="BT76" s="21">
        <f t="shared" si="29"/>
        <v>-6587</v>
      </c>
      <c r="BU76" s="21">
        <f t="shared" si="30"/>
        <v>-10325</v>
      </c>
      <c r="BV76" s="21">
        <f t="shared" si="31"/>
        <v>-13477</v>
      </c>
      <c r="BW76" s="21">
        <f t="shared" si="32"/>
        <v>-15861</v>
      </c>
      <c r="BX76" s="21">
        <f t="shared" si="33"/>
        <v>-12578</v>
      </c>
      <c r="BY76" s="21">
        <f t="shared" si="34"/>
        <v>-16822</v>
      </c>
      <c r="BZ76" s="21">
        <f t="shared" si="35"/>
        <v>-18300</v>
      </c>
      <c r="CA76" s="21">
        <f t="shared" si="36"/>
        <v>-19113</v>
      </c>
      <c r="CB76" s="21">
        <f t="shared" si="37"/>
        <v>-21989</v>
      </c>
      <c r="CC76" s="21">
        <f t="shared" si="38"/>
        <v>-24956</v>
      </c>
      <c r="CD76" s="21">
        <f t="shared" si="39"/>
        <v>-25173</v>
      </c>
      <c r="CE76" s="21">
        <f t="shared" si="40"/>
        <v>-26246</v>
      </c>
      <c r="CF76" s="21">
        <f t="shared" si="41"/>
        <v>-25122</v>
      </c>
      <c r="CG76" s="21">
        <f t="shared" si="42"/>
        <v>-29564</v>
      </c>
      <c r="CH76" s="21">
        <f t="shared" si="43"/>
        <v>-30665</v>
      </c>
      <c r="CI76" s="21">
        <f t="shared" si="44"/>
        <v>-31196</v>
      </c>
      <c r="CJ76" s="21">
        <f t="shared" si="45"/>
        <v>-32049</v>
      </c>
      <c r="CK76" s="21">
        <f t="shared" si="46"/>
        <v>7386</v>
      </c>
      <c r="CL76" s="21">
        <f t="shared" si="47"/>
        <v>7558</v>
      </c>
      <c r="CM76" s="21">
        <f t="shared" si="48"/>
        <v>4938</v>
      </c>
      <c r="CN76" s="21">
        <f t="shared" si="49"/>
        <v>2166</v>
      </c>
      <c r="CO76" s="20"/>
    </row>
    <row r="77" spans="1:93" x14ac:dyDescent="0.7">
      <c r="A77" s="7"/>
      <c r="E77" s="8" t="s">
        <v>29</v>
      </c>
      <c r="F77" s="42">
        <v>1081</v>
      </c>
      <c r="G77" s="42">
        <v>1103</v>
      </c>
      <c r="H77" s="42">
        <v>1137</v>
      </c>
      <c r="I77" s="42">
        <v>1186</v>
      </c>
      <c r="J77" s="42">
        <v>1061</v>
      </c>
      <c r="K77" s="42">
        <v>1022</v>
      </c>
      <c r="L77" s="42">
        <v>991</v>
      </c>
      <c r="M77" s="42">
        <v>979</v>
      </c>
      <c r="N77" s="42">
        <v>870</v>
      </c>
      <c r="O77" s="42">
        <v>921</v>
      </c>
      <c r="P77" s="42">
        <v>891</v>
      </c>
      <c r="Q77" s="42">
        <v>963</v>
      </c>
      <c r="R77" s="42">
        <v>897</v>
      </c>
      <c r="S77" s="42">
        <v>1067</v>
      </c>
      <c r="T77" s="42">
        <v>1197</v>
      </c>
      <c r="U77" s="42">
        <v>1323</v>
      </c>
      <c r="V77" s="42">
        <v>548</v>
      </c>
      <c r="W77" s="42">
        <v>565</v>
      </c>
      <c r="X77" s="42">
        <v>530</v>
      </c>
      <c r="Y77" s="42">
        <v>523</v>
      </c>
      <c r="Z77" s="42">
        <v>479</v>
      </c>
      <c r="AA77" s="42">
        <v>474</v>
      </c>
      <c r="AB77" s="42">
        <v>432</v>
      </c>
      <c r="AC77" s="42">
        <v>429</v>
      </c>
      <c r="AD77" s="42">
        <v>379</v>
      </c>
      <c r="AE77" s="7"/>
      <c r="AF77" s="13"/>
      <c r="AG77" s="9"/>
      <c r="AH77" s="9"/>
      <c r="AI77" s="9"/>
      <c r="AJ77" s="9" t="s">
        <v>29</v>
      </c>
      <c r="AK77" s="21">
        <v>1078</v>
      </c>
      <c r="AL77" s="21">
        <v>1100</v>
      </c>
      <c r="AM77" s="21">
        <v>1133</v>
      </c>
      <c r="AN77" s="21">
        <v>1183</v>
      </c>
      <c r="AO77" s="21">
        <v>1060</v>
      </c>
      <c r="AP77" s="21">
        <v>1021</v>
      </c>
      <c r="AQ77" s="21">
        <v>995</v>
      </c>
      <c r="AR77" s="21">
        <v>974</v>
      </c>
      <c r="AS77" s="21">
        <v>837</v>
      </c>
      <c r="AT77" s="21">
        <v>824</v>
      </c>
      <c r="AU77" s="21">
        <v>754</v>
      </c>
      <c r="AV77" s="21">
        <v>775</v>
      </c>
      <c r="AW77" s="21">
        <v>685</v>
      </c>
      <c r="AX77" s="21">
        <v>694</v>
      </c>
      <c r="AY77" s="21">
        <v>630</v>
      </c>
      <c r="AZ77" s="21">
        <v>630</v>
      </c>
      <c r="BA77" s="21">
        <v>548</v>
      </c>
      <c r="BB77" s="21">
        <v>568</v>
      </c>
      <c r="BC77" s="21">
        <v>530</v>
      </c>
      <c r="BD77" s="21">
        <v>523</v>
      </c>
      <c r="BE77" s="21">
        <v>479</v>
      </c>
      <c r="BF77" s="21">
        <v>474</v>
      </c>
      <c r="BG77" s="21">
        <v>432</v>
      </c>
      <c r="BH77" s="21">
        <v>429</v>
      </c>
      <c r="BI77" s="21">
        <v>379</v>
      </c>
      <c r="BJ77" s="14"/>
      <c r="BK77" s="16"/>
      <c r="BL77" s="9"/>
      <c r="BM77" s="9"/>
      <c r="BN77" s="9"/>
      <c r="BO77" s="9" t="s">
        <v>29</v>
      </c>
      <c r="BP77" s="21">
        <f t="shared" si="25"/>
        <v>-3</v>
      </c>
      <c r="BQ77" s="21">
        <f t="shared" si="26"/>
        <v>-3</v>
      </c>
      <c r="BR77" s="21">
        <f t="shared" si="27"/>
        <v>-4</v>
      </c>
      <c r="BS77" s="21">
        <f t="shared" si="28"/>
        <v>-3</v>
      </c>
      <c r="BT77" s="21">
        <f t="shared" si="29"/>
        <v>-1</v>
      </c>
      <c r="BU77" s="21">
        <f t="shared" si="30"/>
        <v>-1</v>
      </c>
      <c r="BV77" s="21">
        <f t="shared" si="31"/>
        <v>4</v>
      </c>
      <c r="BW77" s="21">
        <f t="shared" si="32"/>
        <v>-5</v>
      </c>
      <c r="BX77" s="21">
        <f t="shared" si="33"/>
        <v>-33</v>
      </c>
      <c r="BY77" s="21">
        <f t="shared" si="34"/>
        <v>-97</v>
      </c>
      <c r="BZ77" s="21">
        <f t="shared" si="35"/>
        <v>-137</v>
      </c>
      <c r="CA77" s="21">
        <f t="shared" si="36"/>
        <v>-188</v>
      </c>
      <c r="CB77" s="21">
        <f t="shared" si="37"/>
        <v>-212</v>
      </c>
      <c r="CC77" s="21">
        <f t="shared" si="38"/>
        <v>-373</v>
      </c>
      <c r="CD77" s="21">
        <f t="shared" si="39"/>
        <v>-567</v>
      </c>
      <c r="CE77" s="21">
        <f t="shared" si="40"/>
        <v>-693</v>
      </c>
      <c r="CF77" s="21">
        <f t="shared" si="41"/>
        <v>0</v>
      </c>
      <c r="CG77" s="21">
        <f t="shared" si="42"/>
        <v>3</v>
      </c>
      <c r="CH77" s="21">
        <f t="shared" si="43"/>
        <v>0</v>
      </c>
      <c r="CI77" s="21">
        <f t="shared" si="44"/>
        <v>0</v>
      </c>
      <c r="CJ77" s="21">
        <f t="shared" si="45"/>
        <v>0</v>
      </c>
      <c r="CK77" s="21">
        <f t="shared" si="46"/>
        <v>0</v>
      </c>
      <c r="CL77" s="21">
        <f t="shared" si="47"/>
        <v>0</v>
      </c>
      <c r="CM77" s="21">
        <f t="shared" si="48"/>
        <v>0</v>
      </c>
      <c r="CN77" s="21">
        <f t="shared" si="49"/>
        <v>0</v>
      </c>
      <c r="CO77" s="20"/>
    </row>
    <row r="78" spans="1:93" x14ac:dyDescent="0.7">
      <c r="A78" s="7"/>
      <c r="E78" s="8" t="s">
        <v>30</v>
      </c>
      <c r="F78" s="42">
        <v>50343</v>
      </c>
      <c r="G78" s="42">
        <v>53272</v>
      </c>
      <c r="H78" s="42">
        <v>58246</v>
      </c>
      <c r="I78" s="42">
        <v>65250</v>
      </c>
      <c r="J78" s="42">
        <v>57884</v>
      </c>
      <c r="K78" s="42">
        <v>60713</v>
      </c>
      <c r="L78" s="42">
        <v>63818</v>
      </c>
      <c r="M78" s="42">
        <v>70422</v>
      </c>
      <c r="N78" s="42">
        <v>61373</v>
      </c>
      <c r="O78" s="42">
        <v>66818</v>
      </c>
      <c r="P78" s="42">
        <v>65982</v>
      </c>
      <c r="Q78" s="42">
        <v>71276</v>
      </c>
      <c r="R78" s="42">
        <v>65308</v>
      </c>
      <c r="S78" s="42">
        <v>70034</v>
      </c>
      <c r="T78" s="42">
        <v>67456</v>
      </c>
      <c r="U78" s="42">
        <v>68822</v>
      </c>
      <c r="V78" s="42">
        <v>64104</v>
      </c>
      <c r="W78" s="42">
        <v>72747</v>
      </c>
      <c r="X78" s="42">
        <v>72192</v>
      </c>
      <c r="Y78" s="42">
        <v>79106</v>
      </c>
      <c r="Z78" s="42">
        <v>72366</v>
      </c>
      <c r="AA78" s="42">
        <v>52999</v>
      </c>
      <c r="AB78" s="42">
        <v>50848</v>
      </c>
      <c r="AC78" s="42">
        <v>56065</v>
      </c>
      <c r="AD78" s="42">
        <v>50972</v>
      </c>
      <c r="AE78" s="7"/>
      <c r="AF78" s="13"/>
      <c r="AG78" s="9"/>
      <c r="AH78" s="9"/>
      <c r="AI78" s="9"/>
      <c r="AJ78" s="9" t="s">
        <v>30</v>
      </c>
      <c r="AK78" s="21">
        <v>47989</v>
      </c>
      <c r="AL78" s="21">
        <v>50266</v>
      </c>
      <c r="AM78" s="21">
        <v>54130</v>
      </c>
      <c r="AN78" s="21">
        <v>61261</v>
      </c>
      <c r="AO78" s="21">
        <v>54620</v>
      </c>
      <c r="AP78" s="21">
        <v>55720</v>
      </c>
      <c r="AQ78" s="21">
        <v>57313</v>
      </c>
      <c r="AR78" s="21">
        <v>62676</v>
      </c>
      <c r="AS78" s="21">
        <v>55390</v>
      </c>
      <c r="AT78" s="21">
        <v>58930</v>
      </c>
      <c r="AU78" s="21">
        <v>57671</v>
      </c>
      <c r="AV78" s="21">
        <v>62692</v>
      </c>
      <c r="AW78" s="21">
        <v>55203</v>
      </c>
      <c r="AX78" s="21">
        <v>58868</v>
      </c>
      <c r="AY78" s="21">
        <v>56589</v>
      </c>
      <c r="AZ78" s="21">
        <v>57427</v>
      </c>
      <c r="BA78" s="21">
        <v>51694</v>
      </c>
      <c r="BB78" s="21">
        <v>58086</v>
      </c>
      <c r="BC78" s="21">
        <v>56734</v>
      </c>
      <c r="BD78" s="21">
        <v>63363</v>
      </c>
      <c r="BE78" s="21">
        <v>55674</v>
      </c>
      <c r="BF78" s="21">
        <v>56305</v>
      </c>
      <c r="BG78" s="21">
        <v>54309</v>
      </c>
      <c r="BH78" s="21">
        <v>60010</v>
      </c>
      <c r="BI78" s="21">
        <v>53138</v>
      </c>
      <c r="BJ78" s="14"/>
      <c r="BK78" s="16"/>
      <c r="BL78" s="9"/>
      <c r="BM78" s="9"/>
      <c r="BN78" s="9"/>
      <c r="BO78" s="9" t="s">
        <v>30</v>
      </c>
      <c r="BP78" s="21">
        <f t="shared" si="25"/>
        <v>-2354</v>
      </c>
      <c r="BQ78" s="21">
        <f t="shared" si="26"/>
        <v>-3006</v>
      </c>
      <c r="BR78" s="21">
        <f t="shared" si="27"/>
        <v>-4116</v>
      </c>
      <c r="BS78" s="21">
        <f t="shared" si="28"/>
        <v>-3989</v>
      </c>
      <c r="BT78" s="21">
        <f t="shared" si="29"/>
        <v>-3264</v>
      </c>
      <c r="BU78" s="21">
        <f t="shared" si="30"/>
        <v>-4993</v>
      </c>
      <c r="BV78" s="21">
        <f t="shared" si="31"/>
        <v>-6505</v>
      </c>
      <c r="BW78" s="21">
        <f t="shared" si="32"/>
        <v>-7746</v>
      </c>
      <c r="BX78" s="21">
        <f t="shared" si="33"/>
        <v>-5983</v>
      </c>
      <c r="BY78" s="21">
        <f t="shared" si="34"/>
        <v>-7888</v>
      </c>
      <c r="BZ78" s="21">
        <f t="shared" si="35"/>
        <v>-8311</v>
      </c>
      <c r="CA78" s="21">
        <f t="shared" si="36"/>
        <v>-8584</v>
      </c>
      <c r="CB78" s="21">
        <f t="shared" si="37"/>
        <v>-10105</v>
      </c>
      <c r="CC78" s="21">
        <f t="shared" si="38"/>
        <v>-11166</v>
      </c>
      <c r="CD78" s="21">
        <f t="shared" si="39"/>
        <v>-10867</v>
      </c>
      <c r="CE78" s="21">
        <f t="shared" si="40"/>
        <v>-11395</v>
      </c>
      <c r="CF78" s="21">
        <f t="shared" si="41"/>
        <v>-12410</v>
      </c>
      <c r="CG78" s="21">
        <f t="shared" si="42"/>
        <v>-14661</v>
      </c>
      <c r="CH78" s="21">
        <f t="shared" si="43"/>
        <v>-15458</v>
      </c>
      <c r="CI78" s="21">
        <f t="shared" si="44"/>
        <v>-15743</v>
      </c>
      <c r="CJ78" s="21">
        <f t="shared" si="45"/>
        <v>-16692</v>
      </c>
      <c r="CK78" s="21">
        <f t="shared" si="46"/>
        <v>3306</v>
      </c>
      <c r="CL78" s="21">
        <f t="shared" si="47"/>
        <v>3461</v>
      </c>
      <c r="CM78" s="21">
        <f t="shared" si="48"/>
        <v>3945</v>
      </c>
      <c r="CN78" s="21">
        <f t="shared" si="49"/>
        <v>2166</v>
      </c>
      <c r="CO78" s="20"/>
    </row>
    <row r="79" spans="1:93" x14ac:dyDescent="0.7">
      <c r="A79" s="7"/>
      <c r="E79" s="8" t="s">
        <v>31</v>
      </c>
      <c r="F79" s="42">
        <v>19005</v>
      </c>
      <c r="G79" s="42">
        <v>20816</v>
      </c>
      <c r="H79" s="42">
        <v>23794</v>
      </c>
      <c r="I79" s="42">
        <v>26252</v>
      </c>
      <c r="J79" s="42">
        <v>24020</v>
      </c>
      <c r="K79" s="42">
        <v>28082</v>
      </c>
      <c r="L79" s="42">
        <v>30294</v>
      </c>
      <c r="M79" s="42">
        <v>30346</v>
      </c>
      <c r="N79" s="42">
        <v>29082</v>
      </c>
      <c r="O79" s="42">
        <v>30543</v>
      </c>
      <c r="P79" s="42">
        <v>30284</v>
      </c>
      <c r="Q79" s="42">
        <v>31613</v>
      </c>
      <c r="R79" s="42">
        <v>34010</v>
      </c>
      <c r="S79" s="42">
        <v>38994</v>
      </c>
      <c r="T79" s="42">
        <v>39042</v>
      </c>
      <c r="U79" s="42">
        <v>39798</v>
      </c>
      <c r="V79" s="42">
        <v>38010</v>
      </c>
      <c r="W79" s="42">
        <v>44358</v>
      </c>
      <c r="X79" s="42">
        <v>45028</v>
      </c>
      <c r="Y79" s="42">
        <v>48190</v>
      </c>
      <c r="Z79" s="42">
        <v>46657</v>
      </c>
      <c r="AA79" s="42">
        <v>29279</v>
      </c>
      <c r="AB79" s="42">
        <v>29243</v>
      </c>
      <c r="AC79" s="42">
        <v>36096</v>
      </c>
      <c r="AD79" s="42">
        <v>37090</v>
      </c>
      <c r="AE79" s="7"/>
      <c r="AF79" s="13"/>
      <c r="AG79" s="9"/>
      <c r="AH79" s="9"/>
      <c r="AI79" s="9"/>
      <c r="AJ79" s="9" t="s">
        <v>31</v>
      </c>
      <c r="AK79" s="21">
        <v>16665</v>
      </c>
      <c r="AL79" s="21">
        <v>17918</v>
      </c>
      <c r="AM79" s="21">
        <v>19680</v>
      </c>
      <c r="AN79" s="21">
        <v>22026</v>
      </c>
      <c r="AO79" s="21">
        <v>20698</v>
      </c>
      <c r="AP79" s="21">
        <v>22751</v>
      </c>
      <c r="AQ79" s="21">
        <v>23319</v>
      </c>
      <c r="AR79" s="21">
        <v>22235</v>
      </c>
      <c r="AS79" s="21">
        <v>22521</v>
      </c>
      <c r="AT79" s="21">
        <v>21706</v>
      </c>
      <c r="AU79" s="21">
        <v>20432</v>
      </c>
      <c r="AV79" s="21">
        <v>21273</v>
      </c>
      <c r="AW79" s="21">
        <v>21857</v>
      </c>
      <c r="AX79" s="21">
        <v>25074</v>
      </c>
      <c r="AY79" s="21">
        <v>25044</v>
      </c>
      <c r="AZ79" s="21">
        <v>25676</v>
      </c>
      <c r="BA79" s="21">
        <v>25007</v>
      </c>
      <c r="BB79" s="21">
        <v>29281</v>
      </c>
      <c r="BC79" s="21">
        <v>29821</v>
      </c>
      <c r="BD79" s="21">
        <v>32736</v>
      </c>
      <c r="BE79" s="21">
        <v>31300</v>
      </c>
      <c r="BF79" s="21">
        <v>33359</v>
      </c>
      <c r="BG79" s="21">
        <v>33340</v>
      </c>
      <c r="BH79" s="21">
        <v>37088</v>
      </c>
      <c r="BI79" s="21">
        <v>37090</v>
      </c>
      <c r="BJ79" s="14"/>
      <c r="BK79" s="16"/>
      <c r="BL79" s="9"/>
      <c r="BM79" s="9"/>
      <c r="BN79" s="9"/>
      <c r="BO79" s="9" t="s">
        <v>31</v>
      </c>
      <c r="BP79" s="21">
        <f t="shared" si="25"/>
        <v>-2340</v>
      </c>
      <c r="BQ79" s="21">
        <f t="shared" si="26"/>
        <v>-2898</v>
      </c>
      <c r="BR79" s="21">
        <f t="shared" si="27"/>
        <v>-4114</v>
      </c>
      <c r="BS79" s="21">
        <f t="shared" si="28"/>
        <v>-4226</v>
      </c>
      <c r="BT79" s="21">
        <f t="shared" si="29"/>
        <v>-3322</v>
      </c>
      <c r="BU79" s="21">
        <f t="shared" si="30"/>
        <v>-5331</v>
      </c>
      <c r="BV79" s="21">
        <f t="shared" si="31"/>
        <v>-6975</v>
      </c>
      <c r="BW79" s="21">
        <f t="shared" si="32"/>
        <v>-8111</v>
      </c>
      <c r="BX79" s="21">
        <f t="shared" si="33"/>
        <v>-6561</v>
      </c>
      <c r="BY79" s="21">
        <f t="shared" si="34"/>
        <v>-8837</v>
      </c>
      <c r="BZ79" s="21">
        <f t="shared" si="35"/>
        <v>-9852</v>
      </c>
      <c r="CA79" s="21">
        <f t="shared" si="36"/>
        <v>-10340</v>
      </c>
      <c r="CB79" s="21">
        <f t="shared" si="37"/>
        <v>-12153</v>
      </c>
      <c r="CC79" s="21">
        <f t="shared" si="38"/>
        <v>-13920</v>
      </c>
      <c r="CD79" s="21">
        <f t="shared" si="39"/>
        <v>-13998</v>
      </c>
      <c r="CE79" s="21">
        <f t="shared" si="40"/>
        <v>-14122</v>
      </c>
      <c r="CF79" s="21">
        <f t="shared" si="41"/>
        <v>-13003</v>
      </c>
      <c r="CG79" s="21">
        <f t="shared" si="42"/>
        <v>-15077</v>
      </c>
      <c r="CH79" s="21">
        <f t="shared" si="43"/>
        <v>-15207</v>
      </c>
      <c r="CI79" s="21">
        <f t="shared" si="44"/>
        <v>-15454</v>
      </c>
      <c r="CJ79" s="21">
        <f t="shared" si="45"/>
        <v>-15357</v>
      </c>
      <c r="CK79" s="21">
        <f t="shared" si="46"/>
        <v>4080</v>
      </c>
      <c r="CL79" s="21">
        <f t="shared" si="47"/>
        <v>4097</v>
      </c>
      <c r="CM79" s="21">
        <f t="shared" si="48"/>
        <v>992</v>
      </c>
      <c r="CN79" s="21">
        <f t="shared" si="49"/>
        <v>0</v>
      </c>
      <c r="CO79" s="20"/>
    </row>
    <row r="80" spans="1:93" x14ac:dyDescent="0.7">
      <c r="A80" s="7"/>
      <c r="E80" s="8" t="s">
        <v>32</v>
      </c>
      <c r="F80" s="42">
        <v>4473</v>
      </c>
      <c r="G80" s="42">
        <v>3413</v>
      </c>
      <c r="H80" s="42">
        <v>3854</v>
      </c>
      <c r="I80" s="42">
        <v>4110</v>
      </c>
      <c r="J80" s="42">
        <v>3551</v>
      </c>
      <c r="K80" s="42">
        <v>3661</v>
      </c>
      <c r="L80" s="42">
        <v>3866</v>
      </c>
      <c r="M80" s="42">
        <v>4192</v>
      </c>
      <c r="N80" s="42">
        <v>3904</v>
      </c>
      <c r="O80" s="42">
        <v>4282</v>
      </c>
      <c r="P80" s="42">
        <v>4136</v>
      </c>
      <c r="Q80" s="42">
        <v>4499</v>
      </c>
      <c r="R80" s="42">
        <v>4471</v>
      </c>
      <c r="S80" s="42">
        <v>4805</v>
      </c>
      <c r="T80" s="42">
        <v>4699</v>
      </c>
      <c r="U80" s="42">
        <v>5010</v>
      </c>
      <c r="V80" s="42">
        <v>4565</v>
      </c>
      <c r="W80" s="42">
        <v>5061</v>
      </c>
      <c r="X80" s="42">
        <v>4924</v>
      </c>
      <c r="Y80" s="42">
        <v>5450</v>
      </c>
      <c r="Z80" s="42">
        <v>5268</v>
      </c>
      <c r="AA80" s="42">
        <v>4589</v>
      </c>
      <c r="AB80" s="42">
        <v>4507</v>
      </c>
      <c r="AC80" s="42">
        <v>5173</v>
      </c>
      <c r="AD80" s="42">
        <v>5448</v>
      </c>
      <c r="AE80" s="7"/>
      <c r="AF80" s="13"/>
      <c r="AG80" s="9"/>
      <c r="AH80" s="9"/>
      <c r="AI80" s="9"/>
      <c r="AJ80" s="9" t="s">
        <v>32</v>
      </c>
      <c r="AK80" s="21">
        <v>4451</v>
      </c>
      <c r="AL80" s="21">
        <v>3381</v>
      </c>
      <c r="AM80" s="21">
        <v>3807</v>
      </c>
      <c r="AN80" s="21">
        <v>4067</v>
      </c>
      <c r="AO80" s="21">
        <v>3519</v>
      </c>
      <c r="AP80" s="21">
        <v>3606</v>
      </c>
      <c r="AQ80" s="21">
        <v>3797</v>
      </c>
      <c r="AR80" s="21">
        <v>4058</v>
      </c>
      <c r="AS80" s="21">
        <v>4185</v>
      </c>
      <c r="AT80" s="21">
        <v>4587</v>
      </c>
      <c r="AU80" s="21">
        <v>4408</v>
      </c>
      <c r="AV80" s="21">
        <v>4756</v>
      </c>
      <c r="AW80" s="21">
        <v>4411</v>
      </c>
      <c r="AX80" s="21">
        <v>4744</v>
      </c>
      <c r="AY80" s="21">
        <v>4643</v>
      </c>
      <c r="AZ80" s="21">
        <v>4956</v>
      </c>
      <c r="BA80" s="21">
        <v>4520</v>
      </c>
      <c r="BB80" s="21">
        <v>5015</v>
      </c>
      <c r="BC80" s="21">
        <v>4926</v>
      </c>
      <c r="BD80" s="21">
        <v>5503</v>
      </c>
      <c r="BE80" s="21">
        <v>5296</v>
      </c>
      <c r="BF80" s="21">
        <v>5271</v>
      </c>
      <c r="BG80" s="21">
        <v>5199</v>
      </c>
      <c r="BH80" s="21">
        <v>5946</v>
      </c>
      <c r="BI80" s="21">
        <v>5828</v>
      </c>
      <c r="BJ80" s="14"/>
      <c r="BK80" s="16"/>
      <c r="BL80" s="9"/>
      <c r="BM80" s="9"/>
      <c r="BN80" s="9"/>
      <c r="BO80" s="9" t="s">
        <v>32</v>
      </c>
      <c r="BP80" s="21">
        <f t="shared" si="25"/>
        <v>-22</v>
      </c>
      <c r="BQ80" s="21">
        <f t="shared" si="26"/>
        <v>-32</v>
      </c>
      <c r="BR80" s="21">
        <f t="shared" si="27"/>
        <v>-47</v>
      </c>
      <c r="BS80" s="21">
        <f t="shared" si="28"/>
        <v>-43</v>
      </c>
      <c r="BT80" s="21">
        <f t="shared" si="29"/>
        <v>-32</v>
      </c>
      <c r="BU80" s="21">
        <f t="shared" si="30"/>
        <v>-55</v>
      </c>
      <c r="BV80" s="21">
        <f t="shared" si="31"/>
        <v>-69</v>
      </c>
      <c r="BW80" s="21">
        <f t="shared" si="32"/>
        <v>-134</v>
      </c>
      <c r="BX80" s="21">
        <f t="shared" si="33"/>
        <v>281</v>
      </c>
      <c r="BY80" s="21">
        <f t="shared" si="34"/>
        <v>305</v>
      </c>
      <c r="BZ80" s="21">
        <f t="shared" si="35"/>
        <v>272</v>
      </c>
      <c r="CA80" s="21">
        <f t="shared" si="36"/>
        <v>257</v>
      </c>
      <c r="CB80" s="21">
        <f t="shared" si="37"/>
        <v>-60</v>
      </c>
      <c r="CC80" s="21">
        <f t="shared" si="38"/>
        <v>-61</v>
      </c>
      <c r="CD80" s="21">
        <f t="shared" si="39"/>
        <v>-56</v>
      </c>
      <c r="CE80" s="21">
        <f t="shared" si="40"/>
        <v>-54</v>
      </c>
      <c r="CF80" s="21">
        <f t="shared" si="41"/>
        <v>-45</v>
      </c>
      <c r="CG80" s="21">
        <f t="shared" si="42"/>
        <v>-46</v>
      </c>
      <c r="CH80" s="21">
        <f t="shared" si="43"/>
        <v>2</v>
      </c>
      <c r="CI80" s="21">
        <f t="shared" si="44"/>
        <v>53</v>
      </c>
      <c r="CJ80" s="21">
        <f t="shared" si="45"/>
        <v>28</v>
      </c>
      <c r="CK80" s="21">
        <f t="shared" si="46"/>
        <v>682</v>
      </c>
      <c r="CL80" s="21">
        <f t="shared" si="47"/>
        <v>692</v>
      </c>
      <c r="CM80" s="21">
        <f t="shared" si="48"/>
        <v>773</v>
      </c>
      <c r="CN80" s="21">
        <f t="shared" si="49"/>
        <v>380</v>
      </c>
      <c r="CO80" s="20"/>
    </row>
    <row r="81" spans="1:93" x14ac:dyDescent="0.7">
      <c r="A81" s="7"/>
      <c r="E81" s="8" t="s">
        <v>33</v>
      </c>
      <c r="F81" s="42">
        <v>4473</v>
      </c>
      <c r="G81" s="42">
        <v>3413</v>
      </c>
      <c r="H81" s="42">
        <v>3854</v>
      </c>
      <c r="I81" s="42">
        <v>4110</v>
      </c>
      <c r="J81" s="42">
        <v>3551</v>
      </c>
      <c r="K81" s="42">
        <v>3661</v>
      </c>
      <c r="L81" s="42">
        <v>3866</v>
      </c>
      <c r="M81" s="42">
        <v>4192</v>
      </c>
      <c r="N81" s="42">
        <v>3904</v>
      </c>
      <c r="O81" s="42">
        <v>4282</v>
      </c>
      <c r="P81" s="42">
        <v>4136</v>
      </c>
      <c r="Q81" s="42">
        <v>4499</v>
      </c>
      <c r="R81" s="42">
        <v>4471</v>
      </c>
      <c r="S81" s="42">
        <v>4805</v>
      </c>
      <c r="T81" s="42">
        <v>4699</v>
      </c>
      <c r="U81" s="42">
        <v>5010</v>
      </c>
      <c r="V81" s="42">
        <v>4565</v>
      </c>
      <c r="W81" s="42">
        <v>5061</v>
      </c>
      <c r="X81" s="42">
        <v>4924</v>
      </c>
      <c r="Y81" s="42">
        <v>5450</v>
      </c>
      <c r="Z81" s="42">
        <v>5268</v>
      </c>
      <c r="AA81" s="42">
        <v>4589</v>
      </c>
      <c r="AB81" s="42">
        <v>4507</v>
      </c>
      <c r="AC81" s="42">
        <v>5173</v>
      </c>
      <c r="AD81" s="42">
        <v>5448</v>
      </c>
      <c r="AE81" s="7"/>
      <c r="AF81" s="13"/>
      <c r="AG81" s="9"/>
      <c r="AH81" s="9"/>
      <c r="AI81" s="9"/>
      <c r="AJ81" s="9" t="s">
        <v>33</v>
      </c>
      <c r="AK81" s="21">
        <v>4451</v>
      </c>
      <c r="AL81" s="21">
        <v>3381</v>
      </c>
      <c r="AM81" s="21">
        <v>3807</v>
      </c>
      <c r="AN81" s="21">
        <v>4067</v>
      </c>
      <c r="AO81" s="21">
        <v>3519</v>
      </c>
      <c r="AP81" s="21">
        <v>3606</v>
      </c>
      <c r="AQ81" s="21">
        <v>3797</v>
      </c>
      <c r="AR81" s="21">
        <v>4058</v>
      </c>
      <c r="AS81" s="21">
        <v>4185</v>
      </c>
      <c r="AT81" s="21">
        <v>4587</v>
      </c>
      <c r="AU81" s="21">
        <v>4408</v>
      </c>
      <c r="AV81" s="21">
        <v>4756</v>
      </c>
      <c r="AW81" s="21">
        <v>4411</v>
      </c>
      <c r="AX81" s="21">
        <v>4744</v>
      </c>
      <c r="AY81" s="21">
        <v>4643</v>
      </c>
      <c r="AZ81" s="21">
        <v>4956</v>
      </c>
      <c r="BA81" s="21">
        <v>4520</v>
      </c>
      <c r="BB81" s="21">
        <v>5015</v>
      </c>
      <c r="BC81" s="21">
        <v>4926</v>
      </c>
      <c r="BD81" s="21">
        <v>5503</v>
      </c>
      <c r="BE81" s="21">
        <v>5296</v>
      </c>
      <c r="BF81" s="21">
        <v>5271</v>
      </c>
      <c r="BG81" s="21">
        <v>5199</v>
      </c>
      <c r="BH81" s="21">
        <v>5946</v>
      </c>
      <c r="BI81" s="21">
        <v>5828</v>
      </c>
      <c r="BJ81" s="14"/>
      <c r="BK81" s="16"/>
      <c r="BL81" s="9"/>
      <c r="BM81" s="9"/>
      <c r="BN81" s="9"/>
      <c r="BO81" s="9" t="s">
        <v>33</v>
      </c>
      <c r="BP81" s="21">
        <f t="shared" si="25"/>
        <v>-22</v>
      </c>
      <c r="BQ81" s="21">
        <f t="shared" si="26"/>
        <v>-32</v>
      </c>
      <c r="BR81" s="21">
        <f t="shared" si="27"/>
        <v>-47</v>
      </c>
      <c r="BS81" s="21">
        <f t="shared" si="28"/>
        <v>-43</v>
      </c>
      <c r="BT81" s="21">
        <f t="shared" si="29"/>
        <v>-32</v>
      </c>
      <c r="BU81" s="21">
        <f t="shared" si="30"/>
        <v>-55</v>
      </c>
      <c r="BV81" s="21">
        <f t="shared" si="31"/>
        <v>-69</v>
      </c>
      <c r="BW81" s="21">
        <f t="shared" si="32"/>
        <v>-134</v>
      </c>
      <c r="BX81" s="21">
        <f t="shared" si="33"/>
        <v>281</v>
      </c>
      <c r="BY81" s="21">
        <f t="shared" si="34"/>
        <v>305</v>
      </c>
      <c r="BZ81" s="21">
        <f t="shared" si="35"/>
        <v>272</v>
      </c>
      <c r="CA81" s="21">
        <f t="shared" si="36"/>
        <v>257</v>
      </c>
      <c r="CB81" s="21">
        <f t="shared" si="37"/>
        <v>-60</v>
      </c>
      <c r="CC81" s="21">
        <f t="shared" si="38"/>
        <v>-61</v>
      </c>
      <c r="CD81" s="21">
        <f t="shared" si="39"/>
        <v>-56</v>
      </c>
      <c r="CE81" s="21">
        <f t="shared" si="40"/>
        <v>-54</v>
      </c>
      <c r="CF81" s="21">
        <f t="shared" si="41"/>
        <v>-45</v>
      </c>
      <c r="CG81" s="21">
        <f t="shared" si="42"/>
        <v>-46</v>
      </c>
      <c r="CH81" s="21">
        <f t="shared" si="43"/>
        <v>2</v>
      </c>
      <c r="CI81" s="21">
        <f t="shared" si="44"/>
        <v>53</v>
      </c>
      <c r="CJ81" s="21">
        <f t="shared" si="45"/>
        <v>28</v>
      </c>
      <c r="CK81" s="21">
        <f t="shared" si="46"/>
        <v>682</v>
      </c>
      <c r="CL81" s="21">
        <f t="shared" si="47"/>
        <v>692</v>
      </c>
      <c r="CM81" s="21">
        <f t="shared" si="48"/>
        <v>773</v>
      </c>
      <c r="CN81" s="21">
        <f t="shared" si="49"/>
        <v>380</v>
      </c>
      <c r="CO81" s="20"/>
    </row>
    <row r="82" spans="1:93" x14ac:dyDescent="0.7">
      <c r="A82" s="7"/>
      <c r="E82" s="8" t="s">
        <v>34</v>
      </c>
      <c r="F82" s="42">
        <v>3812</v>
      </c>
      <c r="G82" s="42">
        <v>3360</v>
      </c>
      <c r="H82" s="42">
        <v>3934</v>
      </c>
      <c r="I82" s="42">
        <v>3739</v>
      </c>
      <c r="J82" s="42">
        <v>2836</v>
      </c>
      <c r="K82" s="42">
        <v>3193</v>
      </c>
      <c r="L82" s="42">
        <v>3968</v>
      </c>
      <c r="M82" s="42">
        <v>4685</v>
      </c>
      <c r="N82" s="42">
        <v>4063</v>
      </c>
      <c r="O82" s="42">
        <v>5186</v>
      </c>
      <c r="P82" s="42">
        <v>6404</v>
      </c>
      <c r="Q82" s="42">
        <v>4298</v>
      </c>
      <c r="R82" s="42">
        <v>4024</v>
      </c>
      <c r="S82" s="42">
        <v>6435</v>
      </c>
      <c r="T82" s="42">
        <v>8239</v>
      </c>
      <c r="U82" s="42">
        <v>4342</v>
      </c>
      <c r="V82" s="42">
        <v>3296</v>
      </c>
      <c r="W82" s="42">
        <v>5039</v>
      </c>
      <c r="X82" s="42">
        <v>7099</v>
      </c>
      <c r="Y82" s="42">
        <v>6554</v>
      </c>
      <c r="Z82" s="42">
        <v>6227</v>
      </c>
      <c r="AA82" s="42">
        <v>7578</v>
      </c>
      <c r="AB82" s="42">
        <v>7925</v>
      </c>
      <c r="AC82" s="42">
        <v>6752</v>
      </c>
      <c r="AD82" s="42">
        <v>5998</v>
      </c>
      <c r="AE82" s="7"/>
      <c r="AF82" s="13"/>
      <c r="AG82" s="9"/>
      <c r="AH82" s="9"/>
      <c r="AI82" s="9"/>
      <c r="AJ82" s="9" t="s">
        <v>34</v>
      </c>
      <c r="AK82" s="21">
        <v>3812</v>
      </c>
      <c r="AL82" s="21">
        <v>3359</v>
      </c>
      <c r="AM82" s="21">
        <v>3934</v>
      </c>
      <c r="AN82" s="21">
        <v>3739</v>
      </c>
      <c r="AO82" s="21">
        <v>2836</v>
      </c>
      <c r="AP82" s="21">
        <v>3194</v>
      </c>
      <c r="AQ82" s="21">
        <v>3968</v>
      </c>
      <c r="AR82" s="21">
        <v>4685</v>
      </c>
      <c r="AS82" s="21">
        <v>4063</v>
      </c>
      <c r="AT82" s="21">
        <v>5185</v>
      </c>
      <c r="AU82" s="21">
        <v>6405</v>
      </c>
      <c r="AV82" s="21">
        <v>4298</v>
      </c>
      <c r="AW82" s="21">
        <v>3258</v>
      </c>
      <c r="AX82" s="21">
        <v>5353</v>
      </c>
      <c r="AY82" s="21">
        <v>7061</v>
      </c>
      <c r="AZ82" s="21">
        <v>3845</v>
      </c>
      <c r="BA82" s="21">
        <v>3026</v>
      </c>
      <c r="BB82" s="21">
        <v>4816</v>
      </c>
      <c r="BC82" s="21">
        <v>7099</v>
      </c>
      <c r="BD82" s="21">
        <v>6554</v>
      </c>
      <c r="BE82" s="21">
        <v>6227</v>
      </c>
      <c r="BF82" s="21">
        <v>7578</v>
      </c>
      <c r="BG82" s="21">
        <v>7925</v>
      </c>
      <c r="BH82" s="21">
        <v>6752</v>
      </c>
      <c r="BI82" s="21">
        <v>5998</v>
      </c>
      <c r="BJ82" s="14"/>
      <c r="BK82" s="16"/>
      <c r="BL82" s="9"/>
      <c r="BM82" s="9"/>
      <c r="BN82" s="9"/>
      <c r="BO82" s="9" t="s">
        <v>34</v>
      </c>
      <c r="BP82" s="21">
        <f t="shared" si="25"/>
        <v>0</v>
      </c>
      <c r="BQ82" s="21">
        <f t="shared" si="26"/>
        <v>-1</v>
      </c>
      <c r="BR82" s="21">
        <f t="shared" si="27"/>
        <v>0</v>
      </c>
      <c r="BS82" s="21">
        <f t="shared" si="28"/>
        <v>0</v>
      </c>
      <c r="BT82" s="21">
        <f t="shared" si="29"/>
        <v>0</v>
      </c>
      <c r="BU82" s="21">
        <f t="shared" si="30"/>
        <v>1</v>
      </c>
      <c r="BV82" s="21">
        <f t="shared" si="31"/>
        <v>0</v>
      </c>
      <c r="BW82" s="21">
        <f t="shared" si="32"/>
        <v>0</v>
      </c>
      <c r="BX82" s="21">
        <f t="shared" si="33"/>
        <v>0</v>
      </c>
      <c r="BY82" s="21">
        <f t="shared" si="34"/>
        <v>-1</v>
      </c>
      <c r="BZ82" s="21">
        <f t="shared" si="35"/>
        <v>1</v>
      </c>
      <c r="CA82" s="21">
        <f t="shared" si="36"/>
        <v>0</v>
      </c>
      <c r="CB82" s="21">
        <f t="shared" si="37"/>
        <v>-766</v>
      </c>
      <c r="CC82" s="21">
        <f t="shared" si="38"/>
        <v>-1082</v>
      </c>
      <c r="CD82" s="21">
        <f t="shared" si="39"/>
        <v>-1178</v>
      </c>
      <c r="CE82" s="21">
        <f t="shared" si="40"/>
        <v>-497</v>
      </c>
      <c r="CF82" s="21">
        <f t="shared" si="41"/>
        <v>-270</v>
      </c>
      <c r="CG82" s="21">
        <f t="shared" si="42"/>
        <v>-223</v>
      </c>
      <c r="CH82" s="21">
        <f t="shared" si="43"/>
        <v>0</v>
      </c>
      <c r="CI82" s="21">
        <f t="shared" si="44"/>
        <v>0</v>
      </c>
      <c r="CJ82" s="21">
        <f t="shared" si="45"/>
        <v>0</v>
      </c>
      <c r="CK82" s="21">
        <f t="shared" si="46"/>
        <v>0</v>
      </c>
      <c r="CL82" s="21">
        <f t="shared" si="47"/>
        <v>0</v>
      </c>
      <c r="CM82" s="21">
        <f t="shared" si="48"/>
        <v>0</v>
      </c>
      <c r="CN82" s="21">
        <f t="shared" si="49"/>
        <v>0</v>
      </c>
      <c r="CO82" s="20"/>
    </row>
    <row r="83" spans="1:93" x14ac:dyDescent="0.7">
      <c r="A83" s="7"/>
      <c r="E83" s="8" t="s">
        <v>35</v>
      </c>
      <c r="F83" s="42">
        <v>2093</v>
      </c>
      <c r="G83" s="42">
        <v>1972</v>
      </c>
      <c r="H83" s="42">
        <v>2215</v>
      </c>
      <c r="I83" s="42">
        <v>2192</v>
      </c>
      <c r="J83" s="42">
        <v>1521</v>
      </c>
      <c r="K83" s="42">
        <v>1689</v>
      </c>
      <c r="L83" s="42">
        <v>2029</v>
      </c>
      <c r="M83" s="42">
        <v>2771</v>
      </c>
      <c r="N83" s="42">
        <v>2418</v>
      </c>
      <c r="O83" s="42">
        <v>2874</v>
      </c>
      <c r="P83" s="42">
        <v>3480</v>
      </c>
      <c r="Q83" s="42">
        <v>2512</v>
      </c>
      <c r="R83" s="42">
        <v>2341</v>
      </c>
      <c r="S83" s="42">
        <v>3617</v>
      </c>
      <c r="T83" s="42">
        <v>4690</v>
      </c>
      <c r="U83" s="42">
        <v>2505</v>
      </c>
      <c r="V83" s="42">
        <v>1934</v>
      </c>
      <c r="W83" s="42">
        <v>2859</v>
      </c>
      <c r="X83" s="42">
        <v>4101</v>
      </c>
      <c r="Y83" s="42">
        <v>4062</v>
      </c>
      <c r="Z83" s="42">
        <v>3904</v>
      </c>
      <c r="AA83" s="42">
        <v>4684</v>
      </c>
      <c r="AB83" s="42">
        <v>4685</v>
      </c>
      <c r="AC83" s="42">
        <v>4366</v>
      </c>
      <c r="AD83" s="42">
        <v>3864</v>
      </c>
      <c r="AE83" s="7"/>
      <c r="AF83" s="13"/>
      <c r="AG83" s="9"/>
      <c r="AH83" s="9"/>
      <c r="AI83" s="9"/>
      <c r="AJ83" s="9" t="s">
        <v>35</v>
      </c>
      <c r="AK83" s="21">
        <v>2093</v>
      </c>
      <c r="AL83" s="21">
        <v>1972</v>
      </c>
      <c r="AM83" s="21">
        <v>2215</v>
      </c>
      <c r="AN83" s="21">
        <v>2192</v>
      </c>
      <c r="AO83" s="21">
        <v>1521</v>
      </c>
      <c r="AP83" s="21">
        <v>1689</v>
      </c>
      <c r="AQ83" s="21">
        <v>2029</v>
      </c>
      <c r="AR83" s="21">
        <v>2771</v>
      </c>
      <c r="AS83" s="21">
        <v>2418</v>
      </c>
      <c r="AT83" s="21">
        <v>2874</v>
      </c>
      <c r="AU83" s="21">
        <v>3480</v>
      </c>
      <c r="AV83" s="21">
        <v>2512</v>
      </c>
      <c r="AW83" s="21">
        <v>1913</v>
      </c>
      <c r="AX83" s="21">
        <v>3033</v>
      </c>
      <c r="AY83" s="21">
        <v>4046</v>
      </c>
      <c r="AZ83" s="21">
        <v>2231</v>
      </c>
      <c r="BA83" s="21">
        <v>1782</v>
      </c>
      <c r="BB83" s="21">
        <v>2738</v>
      </c>
      <c r="BC83" s="21">
        <v>4101</v>
      </c>
      <c r="BD83" s="21">
        <v>4062</v>
      </c>
      <c r="BE83" s="21">
        <v>3904</v>
      </c>
      <c r="BF83" s="21">
        <v>4684</v>
      </c>
      <c r="BG83" s="21">
        <v>4685</v>
      </c>
      <c r="BH83" s="21">
        <v>4366</v>
      </c>
      <c r="BI83" s="21">
        <v>3864</v>
      </c>
      <c r="BJ83" s="14"/>
      <c r="BK83" s="16"/>
      <c r="BL83" s="9"/>
      <c r="BM83" s="9"/>
      <c r="BN83" s="9"/>
      <c r="BO83" s="9" t="s">
        <v>35</v>
      </c>
      <c r="BP83" s="21">
        <f t="shared" si="25"/>
        <v>0</v>
      </c>
      <c r="BQ83" s="21">
        <f t="shared" si="26"/>
        <v>0</v>
      </c>
      <c r="BR83" s="21">
        <f t="shared" si="27"/>
        <v>0</v>
      </c>
      <c r="BS83" s="21">
        <f t="shared" si="28"/>
        <v>0</v>
      </c>
      <c r="BT83" s="21">
        <f t="shared" si="29"/>
        <v>0</v>
      </c>
      <c r="BU83" s="21">
        <f t="shared" si="30"/>
        <v>0</v>
      </c>
      <c r="BV83" s="21">
        <f t="shared" si="31"/>
        <v>0</v>
      </c>
      <c r="BW83" s="21">
        <f t="shared" si="32"/>
        <v>0</v>
      </c>
      <c r="BX83" s="21">
        <f t="shared" si="33"/>
        <v>0</v>
      </c>
      <c r="BY83" s="21">
        <f t="shared" si="34"/>
        <v>0</v>
      </c>
      <c r="BZ83" s="21">
        <f t="shared" si="35"/>
        <v>0</v>
      </c>
      <c r="CA83" s="21">
        <f t="shared" si="36"/>
        <v>0</v>
      </c>
      <c r="CB83" s="21">
        <f t="shared" si="37"/>
        <v>-428</v>
      </c>
      <c r="CC83" s="21">
        <f t="shared" si="38"/>
        <v>-584</v>
      </c>
      <c r="CD83" s="21">
        <f t="shared" si="39"/>
        <v>-644</v>
      </c>
      <c r="CE83" s="21">
        <f t="shared" si="40"/>
        <v>-274</v>
      </c>
      <c r="CF83" s="21">
        <f t="shared" si="41"/>
        <v>-152</v>
      </c>
      <c r="CG83" s="21">
        <f t="shared" si="42"/>
        <v>-121</v>
      </c>
      <c r="CH83" s="21">
        <f t="shared" si="43"/>
        <v>0</v>
      </c>
      <c r="CI83" s="21">
        <f t="shared" si="44"/>
        <v>0</v>
      </c>
      <c r="CJ83" s="21">
        <f t="shared" si="45"/>
        <v>0</v>
      </c>
      <c r="CK83" s="21">
        <f t="shared" si="46"/>
        <v>0</v>
      </c>
      <c r="CL83" s="21">
        <f t="shared" si="47"/>
        <v>0</v>
      </c>
      <c r="CM83" s="21">
        <f t="shared" si="48"/>
        <v>0</v>
      </c>
      <c r="CN83" s="21">
        <f t="shared" si="49"/>
        <v>0</v>
      </c>
      <c r="CO83" s="20"/>
    </row>
    <row r="84" spans="1:93" x14ac:dyDescent="0.7">
      <c r="A84" s="7"/>
      <c r="E84" s="8" t="s">
        <v>36</v>
      </c>
      <c r="F84" s="42">
        <v>1719</v>
      </c>
      <c r="G84" s="42">
        <v>1388</v>
      </c>
      <c r="H84" s="42">
        <v>1719</v>
      </c>
      <c r="I84" s="42">
        <v>1547</v>
      </c>
      <c r="J84" s="42">
        <v>1315</v>
      </c>
      <c r="K84" s="42">
        <v>1504</v>
      </c>
      <c r="L84" s="42">
        <v>1939</v>
      </c>
      <c r="M84" s="42">
        <v>1914</v>
      </c>
      <c r="N84" s="42">
        <v>1645</v>
      </c>
      <c r="O84" s="42">
        <v>2312</v>
      </c>
      <c r="P84" s="42">
        <v>2924</v>
      </c>
      <c r="Q84" s="42">
        <v>1786</v>
      </c>
      <c r="R84" s="42">
        <v>1683</v>
      </c>
      <c r="S84" s="42">
        <v>2908</v>
      </c>
      <c r="T84" s="42">
        <v>3619</v>
      </c>
      <c r="U84" s="42">
        <v>1847</v>
      </c>
      <c r="V84" s="42">
        <v>1346</v>
      </c>
      <c r="W84" s="42">
        <v>2220</v>
      </c>
      <c r="X84" s="42">
        <v>2998</v>
      </c>
      <c r="Y84" s="42">
        <v>2493</v>
      </c>
      <c r="Z84" s="42">
        <v>2323</v>
      </c>
      <c r="AA84" s="42">
        <v>2895</v>
      </c>
      <c r="AB84" s="42">
        <v>3240</v>
      </c>
      <c r="AC84" s="42">
        <v>2386</v>
      </c>
      <c r="AD84" s="42">
        <v>2135</v>
      </c>
      <c r="AE84" s="7"/>
      <c r="AF84" s="13"/>
      <c r="AG84" s="9"/>
      <c r="AH84" s="9"/>
      <c r="AI84" s="9"/>
      <c r="AJ84" s="9" t="s">
        <v>36</v>
      </c>
      <c r="AK84" s="21">
        <v>1719</v>
      </c>
      <c r="AL84" s="21">
        <v>1388</v>
      </c>
      <c r="AM84" s="21">
        <v>1719</v>
      </c>
      <c r="AN84" s="21">
        <v>1547</v>
      </c>
      <c r="AO84" s="21">
        <v>1315</v>
      </c>
      <c r="AP84" s="21">
        <v>1504</v>
      </c>
      <c r="AQ84" s="21">
        <v>1939</v>
      </c>
      <c r="AR84" s="21">
        <v>1914</v>
      </c>
      <c r="AS84" s="21">
        <v>1645</v>
      </c>
      <c r="AT84" s="21">
        <v>2312</v>
      </c>
      <c r="AU84" s="21">
        <v>2924</v>
      </c>
      <c r="AV84" s="21">
        <v>1786</v>
      </c>
      <c r="AW84" s="21">
        <v>1338</v>
      </c>
      <c r="AX84" s="21">
        <v>2380</v>
      </c>
      <c r="AY84" s="21">
        <v>3059</v>
      </c>
      <c r="AZ84" s="21">
        <v>1616</v>
      </c>
      <c r="BA84" s="21">
        <v>1225</v>
      </c>
      <c r="BB84" s="21">
        <v>2112</v>
      </c>
      <c r="BC84" s="21">
        <v>2998</v>
      </c>
      <c r="BD84" s="21">
        <v>2493</v>
      </c>
      <c r="BE84" s="21">
        <v>2323</v>
      </c>
      <c r="BF84" s="21">
        <v>2895</v>
      </c>
      <c r="BG84" s="21">
        <v>3240</v>
      </c>
      <c r="BH84" s="21">
        <v>2386</v>
      </c>
      <c r="BI84" s="21">
        <v>2135</v>
      </c>
      <c r="BJ84" s="14"/>
      <c r="BK84" s="16"/>
      <c r="BL84" s="9"/>
      <c r="BM84" s="9"/>
      <c r="BN84" s="9"/>
      <c r="BO84" s="9" t="s">
        <v>36</v>
      </c>
      <c r="BP84" s="21">
        <f t="shared" si="25"/>
        <v>0</v>
      </c>
      <c r="BQ84" s="21">
        <f t="shared" si="26"/>
        <v>0</v>
      </c>
      <c r="BR84" s="21">
        <f t="shared" si="27"/>
        <v>0</v>
      </c>
      <c r="BS84" s="21">
        <f t="shared" si="28"/>
        <v>0</v>
      </c>
      <c r="BT84" s="21">
        <f t="shared" si="29"/>
        <v>0</v>
      </c>
      <c r="BU84" s="21">
        <f t="shared" si="30"/>
        <v>0</v>
      </c>
      <c r="BV84" s="21">
        <f t="shared" si="31"/>
        <v>0</v>
      </c>
      <c r="BW84" s="21">
        <f t="shared" si="32"/>
        <v>0</v>
      </c>
      <c r="BX84" s="21">
        <f t="shared" si="33"/>
        <v>0</v>
      </c>
      <c r="BY84" s="21">
        <f t="shared" si="34"/>
        <v>0</v>
      </c>
      <c r="BZ84" s="21">
        <f t="shared" si="35"/>
        <v>0</v>
      </c>
      <c r="CA84" s="21">
        <f t="shared" si="36"/>
        <v>0</v>
      </c>
      <c r="CB84" s="21">
        <f t="shared" si="37"/>
        <v>-345</v>
      </c>
      <c r="CC84" s="21">
        <f t="shared" si="38"/>
        <v>-528</v>
      </c>
      <c r="CD84" s="21">
        <f t="shared" si="39"/>
        <v>-560</v>
      </c>
      <c r="CE84" s="21">
        <f t="shared" si="40"/>
        <v>-231</v>
      </c>
      <c r="CF84" s="21">
        <f t="shared" si="41"/>
        <v>-121</v>
      </c>
      <c r="CG84" s="21">
        <f t="shared" si="42"/>
        <v>-108</v>
      </c>
      <c r="CH84" s="21">
        <f t="shared" si="43"/>
        <v>0</v>
      </c>
      <c r="CI84" s="21">
        <f t="shared" si="44"/>
        <v>0</v>
      </c>
      <c r="CJ84" s="21">
        <f t="shared" si="45"/>
        <v>0</v>
      </c>
      <c r="CK84" s="21">
        <f t="shared" si="46"/>
        <v>0</v>
      </c>
      <c r="CL84" s="21">
        <f t="shared" si="47"/>
        <v>0</v>
      </c>
      <c r="CM84" s="21">
        <f t="shared" si="48"/>
        <v>0</v>
      </c>
      <c r="CN84" s="21">
        <f t="shared" si="49"/>
        <v>0</v>
      </c>
      <c r="CO84" s="20"/>
    </row>
    <row r="85" spans="1:93" x14ac:dyDescent="0.7">
      <c r="A85" s="7"/>
      <c r="D85" s="8" t="s">
        <v>39</v>
      </c>
      <c r="E85" s="8" t="s">
        <v>27</v>
      </c>
      <c r="F85" s="42">
        <v>21213</v>
      </c>
      <c r="G85" s="42">
        <v>19047</v>
      </c>
      <c r="H85" s="42">
        <v>23866</v>
      </c>
      <c r="I85" s="42">
        <v>20319</v>
      </c>
      <c r="J85" s="42">
        <v>16919</v>
      </c>
      <c r="K85" s="42">
        <v>23857</v>
      </c>
      <c r="L85" s="42">
        <v>26334</v>
      </c>
      <c r="M85" s="42">
        <v>25107</v>
      </c>
      <c r="N85" s="42">
        <v>23238</v>
      </c>
      <c r="O85" s="42">
        <v>26959</v>
      </c>
      <c r="P85" s="42">
        <v>26060</v>
      </c>
      <c r="Q85" s="42">
        <v>29251</v>
      </c>
      <c r="R85" s="42">
        <v>40590</v>
      </c>
      <c r="S85" s="42">
        <v>42911</v>
      </c>
      <c r="T85" s="42">
        <v>40388</v>
      </c>
      <c r="U85" s="42">
        <v>39653</v>
      </c>
      <c r="V85" s="42">
        <v>35431</v>
      </c>
      <c r="W85" s="42">
        <v>38915</v>
      </c>
      <c r="X85" s="42">
        <v>37286</v>
      </c>
      <c r="Y85" s="42">
        <v>27224</v>
      </c>
      <c r="Z85" s="42">
        <v>26338</v>
      </c>
      <c r="AA85" s="42">
        <v>29958</v>
      </c>
      <c r="AB85" s="42">
        <v>29792</v>
      </c>
      <c r="AC85" s="42">
        <v>26983</v>
      </c>
      <c r="AD85" s="42">
        <v>21714</v>
      </c>
      <c r="AE85" s="7"/>
      <c r="AF85" s="13"/>
      <c r="AG85" s="9"/>
      <c r="AH85" s="9"/>
      <c r="AI85" s="9" t="s">
        <v>39</v>
      </c>
      <c r="AJ85" s="9" t="s">
        <v>27</v>
      </c>
      <c r="AK85" s="21">
        <v>21301</v>
      </c>
      <c r="AL85" s="21">
        <v>19158</v>
      </c>
      <c r="AM85" s="21">
        <v>24061</v>
      </c>
      <c r="AN85" s="21">
        <v>20508</v>
      </c>
      <c r="AO85" s="21">
        <v>17093</v>
      </c>
      <c r="AP85" s="21">
        <v>23992</v>
      </c>
      <c r="AQ85" s="21">
        <v>26750</v>
      </c>
      <c r="AR85" s="21">
        <v>25401</v>
      </c>
      <c r="AS85" s="21">
        <v>20576</v>
      </c>
      <c r="AT85" s="21">
        <v>24172</v>
      </c>
      <c r="AU85" s="21">
        <v>23473</v>
      </c>
      <c r="AV85" s="21">
        <v>26098</v>
      </c>
      <c r="AW85" s="21">
        <v>23563</v>
      </c>
      <c r="AX85" s="21">
        <v>25085</v>
      </c>
      <c r="AY85" s="21">
        <v>23788</v>
      </c>
      <c r="AZ85" s="21">
        <v>23593</v>
      </c>
      <c r="BA85" s="21">
        <v>21259</v>
      </c>
      <c r="BB85" s="21">
        <v>23556</v>
      </c>
      <c r="BC85" s="21">
        <v>22705</v>
      </c>
      <c r="BD85" s="21">
        <v>20805</v>
      </c>
      <c r="BE85" s="21">
        <v>19752</v>
      </c>
      <c r="BF85" s="21">
        <v>21858</v>
      </c>
      <c r="BG85" s="21">
        <v>21482</v>
      </c>
      <c r="BH85" s="21">
        <v>21079</v>
      </c>
      <c r="BI85" s="21">
        <v>20491</v>
      </c>
      <c r="BJ85" s="14"/>
      <c r="BK85" s="16"/>
      <c r="BL85" s="9"/>
      <c r="BM85" s="9"/>
      <c r="BN85" s="9" t="s">
        <v>39</v>
      </c>
      <c r="BO85" s="9" t="s">
        <v>27</v>
      </c>
      <c r="BP85" s="21">
        <f t="shared" si="25"/>
        <v>88</v>
      </c>
      <c r="BQ85" s="21">
        <f t="shared" si="26"/>
        <v>111</v>
      </c>
      <c r="BR85" s="21">
        <f t="shared" si="27"/>
        <v>195</v>
      </c>
      <c r="BS85" s="21">
        <f t="shared" si="28"/>
        <v>189</v>
      </c>
      <c r="BT85" s="21">
        <f t="shared" si="29"/>
        <v>174</v>
      </c>
      <c r="BU85" s="21">
        <f t="shared" si="30"/>
        <v>135</v>
      </c>
      <c r="BV85" s="21">
        <f t="shared" si="31"/>
        <v>416</v>
      </c>
      <c r="BW85" s="21">
        <f t="shared" si="32"/>
        <v>294</v>
      </c>
      <c r="BX85" s="21">
        <f t="shared" si="33"/>
        <v>-2662</v>
      </c>
      <c r="BY85" s="21">
        <f t="shared" si="34"/>
        <v>-2787</v>
      </c>
      <c r="BZ85" s="21">
        <f t="shared" si="35"/>
        <v>-2587</v>
      </c>
      <c r="CA85" s="21">
        <f t="shared" si="36"/>
        <v>-3153</v>
      </c>
      <c r="CB85" s="21">
        <f t="shared" si="37"/>
        <v>-17027</v>
      </c>
      <c r="CC85" s="21">
        <f t="shared" si="38"/>
        <v>-17826</v>
      </c>
      <c r="CD85" s="21">
        <f t="shared" si="39"/>
        <v>-16600</v>
      </c>
      <c r="CE85" s="21">
        <f t="shared" si="40"/>
        <v>-16060</v>
      </c>
      <c r="CF85" s="21">
        <f t="shared" si="41"/>
        <v>-14172</v>
      </c>
      <c r="CG85" s="21">
        <f t="shared" si="42"/>
        <v>-15359</v>
      </c>
      <c r="CH85" s="21">
        <f t="shared" si="43"/>
        <v>-14581</v>
      </c>
      <c r="CI85" s="21">
        <f t="shared" si="44"/>
        <v>-6419</v>
      </c>
      <c r="CJ85" s="21">
        <f t="shared" si="45"/>
        <v>-6586</v>
      </c>
      <c r="CK85" s="21">
        <f t="shared" si="46"/>
        <v>-8100</v>
      </c>
      <c r="CL85" s="21">
        <f t="shared" si="47"/>
        <v>-8310</v>
      </c>
      <c r="CM85" s="21">
        <f t="shared" si="48"/>
        <v>-5904</v>
      </c>
      <c r="CN85" s="21">
        <f t="shared" si="49"/>
        <v>-1223</v>
      </c>
      <c r="CO85" s="20"/>
    </row>
    <row r="86" spans="1:93" x14ac:dyDescent="0.7">
      <c r="A86" s="7"/>
      <c r="E86" s="8" t="s">
        <v>28</v>
      </c>
      <c r="F86" s="42">
        <v>20631</v>
      </c>
      <c r="G86" s="42">
        <v>18595</v>
      </c>
      <c r="H86" s="42">
        <v>23266</v>
      </c>
      <c r="I86" s="42">
        <v>19841</v>
      </c>
      <c r="J86" s="42">
        <v>16502</v>
      </c>
      <c r="K86" s="42">
        <v>23239</v>
      </c>
      <c r="L86" s="42">
        <v>25441</v>
      </c>
      <c r="M86" s="42">
        <v>24069</v>
      </c>
      <c r="N86" s="42">
        <v>22269</v>
      </c>
      <c r="O86" s="42">
        <v>25790</v>
      </c>
      <c r="P86" s="42">
        <v>24905</v>
      </c>
      <c r="Q86" s="42">
        <v>28069</v>
      </c>
      <c r="R86" s="42">
        <v>39412</v>
      </c>
      <c r="S86" s="42">
        <v>41662</v>
      </c>
      <c r="T86" s="42">
        <v>39188</v>
      </c>
      <c r="U86" s="42">
        <v>38406</v>
      </c>
      <c r="V86" s="42">
        <v>34313</v>
      </c>
      <c r="W86" s="42">
        <v>37693</v>
      </c>
      <c r="X86" s="42">
        <v>36116</v>
      </c>
      <c r="Y86" s="42">
        <v>25884</v>
      </c>
      <c r="Z86" s="42">
        <v>25094</v>
      </c>
      <c r="AA86" s="42">
        <v>28608</v>
      </c>
      <c r="AB86" s="42">
        <v>28443</v>
      </c>
      <c r="AC86" s="42">
        <v>25548</v>
      </c>
      <c r="AD86" s="42">
        <v>21240</v>
      </c>
      <c r="AE86" s="7"/>
      <c r="AF86" s="13"/>
      <c r="AG86" s="9"/>
      <c r="AH86" s="9"/>
      <c r="AI86" s="9"/>
      <c r="AJ86" s="9" t="s">
        <v>28</v>
      </c>
      <c r="AK86" s="21">
        <v>20719</v>
      </c>
      <c r="AL86" s="21">
        <v>18706</v>
      </c>
      <c r="AM86" s="21">
        <v>23461</v>
      </c>
      <c r="AN86" s="21">
        <v>20031</v>
      </c>
      <c r="AO86" s="21">
        <v>16674</v>
      </c>
      <c r="AP86" s="21">
        <v>23374</v>
      </c>
      <c r="AQ86" s="21">
        <v>25853</v>
      </c>
      <c r="AR86" s="21">
        <v>24363</v>
      </c>
      <c r="AS86" s="21">
        <v>20085</v>
      </c>
      <c r="AT86" s="21">
        <v>23586</v>
      </c>
      <c r="AU86" s="21">
        <v>22907</v>
      </c>
      <c r="AV86" s="21">
        <v>25525</v>
      </c>
      <c r="AW86" s="21">
        <v>23036</v>
      </c>
      <c r="AX86" s="21">
        <v>24524</v>
      </c>
      <c r="AY86" s="21">
        <v>23243</v>
      </c>
      <c r="AZ86" s="21">
        <v>23015</v>
      </c>
      <c r="BA86" s="21">
        <v>20738</v>
      </c>
      <c r="BB86" s="21">
        <v>22984</v>
      </c>
      <c r="BC86" s="21">
        <v>22150</v>
      </c>
      <c r="BD86" s="21">
        <v>20285</v>
      </c>
      <c r="BE86" s="21">
        <v>19255</v>
      </c>
      <c r="BF86" s="21">
        <v>21316</v>
      </c>
      <c r="BG86" s="21">
        <v>20946</v>
      </c>
      <c r="BH86" s="21">
        <v>20546</v>
      </c>
      <c r="BI86" s="21">
        <v>19966</v>
      </c>
      <c r="BJ86" s="14"/>
      <c r="BK86" s="16"/>
      <c r="BL86" s="9"/>
      <c r="BM86" s="9"/>
      <c r="BN86" s="9"/>
      <c r="BO86" s="9" t="s">
        <v>28</v>
      </c>
      <c r="BP86" s="21">
        <f t="shared" si="25"/>
        <v>88</v>
      </c>
      <c r="BQ86" s="21">
        <f t="shared" si="26"/>
        <v>111</v>
      </c>
      <c r="BR86" s="21">
        <f t="shared" si="27"/>
        <v>195</v>
      </c>
      <c r="BS86" s="21">
        <f t="shared" si="28"/>
        <v>190</v>
      </c>
      <c r="BT86" s="21">
        <f t="shared" si="29"/>
        <v>172</v>
      </c>
      <c r="BU86" s="21">
        <f t="shared" si="30"/>
        <v>135</v>
      </c>
      <c r="BV86" s="21">
        <f t="shared" si="31"/>
        <v>412</v>
      </c>
      <c r="BW86" s="21">
        <f t="shared" si="32"/>
        <v>294</v>
      </c>
      <c r="BX86" s="21">
        <f t="shared" si="33"/>
        <v>-2184</v>
      </c>
      <c r="BY86" s="21">
        <f t="shared" si="34"/>
        <v>-2204</v>
      </c>
      <c r="BZ86" s="21">
        <f t="shared" si="35"/>
        <v>-1998</v>
      </c>
      <c r="CA86" s="21">
        <f t="shared" si="36"/>
        <v>-2544</v>
      </c>
      <c r="CB86" s="21">
        <f t="shared" si="37"/>
        <v>-16376</v>
      </c>
      <c r="CC86" s="21">
        <f t="shared" si="38"/>
        <v>-17138</v>
      </c>
      <c r="CD86" s="21">
        <f t="shared" si="39"/>
        <v>-15945</v>
      </c>
      <c r="CE86" s="21">
        <f t="shared" si="40"/>
        <v>-15391</v>
      </c>
      <c r="CF86" s="21">
        <f t="shared" si="41"/>
        <v>-13575</v>
      </c>
      <c r="CG86" s="21">
        <f t="shared" si="42"/>
        <v>-14709</v>
      </c>
      <c r="CH86" s="21">
        <f t="shared" si="43"/>
        <v>-13966</v>
      </c>
      <c r="CI86" s="21">
        <f t="shared" si="44"/>
        <v>-5599</v>
      </c>
      <c r="CJ86" s="21">
        <f t="shared" si="45"/>
        <v>-5839</v>
      </c>
      <c r="CK86" s="21">
        <f t="shared" si="46"/>
        <v>-7292</v>
      </c>
      <c r="CL86" s="21">
        <f t="shared" si="47"/>
        <v>-7497</v>
      </c>
      <c r="CM86" s="21">
        <f t="shared" si="48"/>
        <v>-5002</v>
      </c>
      <c r="CN86" s="21">
        <f t="shared" si="49"/>
        <v>-1274</v>
      </c>
      <c r="CO86" s="20"/>
    </row>
    <row r="87" spans="1:93" x14ac:dyDescent="0.7">
      <c r="A87" s="7"/>
      <c r="E87" s="8" t="s">
        <v>29</v>
      </c>
      <c r="F87" s="42">
        <v>416</v>
      </c>
      <c r="G87" s="42">
        <v>361</v>
      </c>
      <c r="H87" s="42">
        <v>412</v>
      </c>
      <c r="I87" s="42">
        <v>338</v>
      </c>
      <c r="J87" s="42">
        <v>274</v>
      </c>
      <c r="K87" s="42">
        <v>343</v>
      </c>
      <c r="L87" s="42">
        <v>343</v>
      </c>
      <c r="M87" s="42">
        <v>295</v>
      </c>
      <c r="N87" s="42">
        <v>271</v>
      </c>
      <c r="O87" s="42">
        <v>315</v>
      </c>
      <c r="P87" s="42">
        <v>299</v>
      </c>
      <c r="Q87" s="42">
        <v>283</v>
      </c>
      <c r="R87" s="42">
        <v>265</v>
      </c>
      <c r="S87" s="42">
        <v>306</v>
      </c>
      <c r="T87" s="42">
        <v>333</v>
      </c>
      <c r="U87" s="42">
        <v>356</v>
      </c>
      <c r="V87" s="42">
        <v>143</v>
      </c>
      <c r="W87" s="42">
        <v>143</v>
      </c>
      <c r="X87" s="42">
        <v>130</v>
      </c>
      <c r="Y87" s="42">
        <v>107</v>
      </c>
      <c r="Z87" s="42">
        <v>98</v>
      </c>
      <c r="AA87" s="42">
        <v>101</v>
      </c>
      <c r="AB87" s="42">
        <v>90</v>
      </c>
      <c r="AC87" s="42">
        <v>80</v>
      </c>
      <c r="AD87" s="42">
        <v>70</v>
      </c>
      <c r="AE87" s="7"/>
      <c r="AF87" s="13"/>
      <c r="AG87" s="9"/>
      <c r="AH87" s="9"/>
      <c r="AI87" s="9"/>
      <c r="AJ87" s="9" t="s">
        <v>29</v>
      </c>
      <c r="AK87" s="21">
        <v>416</v>
      </c>
      <c r="AL87" s="21">
        <v>361</v>
      </c>
      <c r="AM87" s="21">
        <v>412</v>
      </c>
      <c r="AN87" s="21">
        <v>338</v>
      </c>
      <c r="AO87" s="21">
        <v>277</v>
      </c>
      <c r="AP87" s="21">
        <v>344</v>
      </c>
      <c r="AQ87" s="21">
        <v>347</v>
      </c>
      <c r="AR87" s="21">
        <v>295</v>
      </c>
      <c r="AS87" s="21">
        <v>263</v>
      </c>
      <c r="AT87" s="21">
        <v>281</v>
      </c>
      <c r="AU87" s="21">
        <v>247</v>
      </c>
      <c r="AV87" s="21">
        <v>216</v>
      </c>
      <c r="AW87" s="21">
        <v>187</v>
      </c>
      <c r="AX87" s="21">
        <v>185</v>
      </c>
      <c r="AY87" s="21">
        <v>165</v>
      </c>
      <c r="AZ87" s="21">
        <v>162</v>
      </c>
      <c r="BA87" s="21">
        <v>138</v>
      </c>
      <c r="BB87" s="21">
        <v>140</v>
      </c>
      <c r="BC87" s="21">
        <v>128</v>
      </c>
      <c r="BD87" s="21">
        <v>107</v>
      </c>
      <c r="BE87" s="21">
        <v>98</v>
      </c>
      <c r="BF87" s="21">
        <v>101</v>
      </c>
      <c r="BG87" s="21">
        <v>90</v>
      </c>
      <c r="BH87" s="21">
        <v>80</v>
      </c>
      <c r="BI87" s="21">
        <v>70</v>
      </c>
      <c r="BJ87" s="14"/>
      <c r="BK87" s="16"/>
      <c r="BL87" s="9"/>
      <c r="BM87" s="9"/>
      <c r="BN87" s="9"/>
      <c r="BO87" s="9" t="s">
        <v>29</v>
      </c>
      <c r="BP87" s="21">
        <f t="shared" si="25"/>
        <v>0</v>
      </c>
      <c r="BQ87" s="21">
        <f t="shared" si="26"/>
        <v>0</v>
      </c>
      <c r="BR87" s="21">
        <f t="shared" si="27"/>
        <v>0</v>
      </c>
      <c r="BS87" s="21">
        <f t="shared" si="28"/>
        <v>0</v>
      </c>
      <c r="BT87" s="21">
        <f t="shared" si="29"/>
        <v>3</v>
      </c>
      <c r="BU87" s="21">
        <f t="shared" si="30"/>
        <v>1</v>
      </c>
      <c r="BV87" s="21">
        <f t="shared" si="31"/>
        <v>4</v>
      </c>
      <c r="BW87" s="21">
        <f t="shared" si="32"/>
        <v>0</v>
      </c>
      <c r="BX87" s="21">
        <f t="shared" si="33"/>
        <v>-8</v>
      </c>
      <c r="BY87" s="21">
        <f t="shared" si="34"/>
        <v>-34</v>
      </c>
      <c r="BZ87" s="21">
        <f t="shared" si="35"/>
        <v>-52</v>
      </c>
      <c r="CA87" s="21">
        <f t="shared" si="36"/>
        <v>-67</v>
      </c>
      <c r="CB87" s="21">
        <f t="shared" si="37"/>
        <v>-78</v>
      </c>
      <c r="CC87" s="21">
        <f t="shared" si="38"/>
        <v>-121</v>
      </c>
      <c r="CD87" s="21">
        <f t="shared" si="39"/>
        <v>-168</v>
      </c>
      <c r="CE87" s="21">
        <f t="shared" si="40"/>
        <v>-194</v>
      </c>
      <c r="CF87" s="21">
        <f t="shared" si="41"/>
        <v>-5</v>
      </c>
      <c r="CG87" s="21">
        <f t="shared" si="42"/>
        <v>-3</v>
      </c>
      <c r="CH87" s="21">
        <f t="shared" si="43"/>
        <v>-2</v>
      </c>
      <c r="CI87" s="21">
        <f t="shared" si="44"/>
        <v>0</v>
      </c>
      <c r="CJ87" s="21">
        <f t="shared" si="45"/>
        <v>0</v>
      </c>
      <c r="CK87" s="21">
        <f t="shared" si="46"/>
        <v>0</v>
      </c>
      <c r="CL87" s="21">
        <f t="shared" si="47"/>
        <v>0</v>
      </c>
      <c r="CM87" s="21">
        <f t="shared" si="48"/>
        <v>0</v>
      </c>
      <c r="CN87" s="21">
        <f t="shared" si="49"/>
        <v>0</v>
      </c>
      <c r="CO87" s="20"/>
    </row>
    <row r="88" spans="1:93" x14ac:dyDescent="0.7">
      <c r="A88" s="7"/>
      <c r="E88" s="8" t="s">
        <v>30</v>
      </c>
      <c r="F88" s="42">
        <v>15446</v>
      </c>
      <c r="G88" s="42">
        <v>13930</v>
      </c>
      <c r="H88" s="42">
        <v>17489</v>
      </c>
      <c r="I88" s="42">
        <v>14607</v>
      </c>
      <c r="J88" s="42">
        <v>11682</v>
      </c>
      <c r="K88" s="42">
        <v>16547</v>
      </c>
      <c r="L88" s="42">
        <v>18113</v>
      </c>
      <c r="M88" s="42">
        <v>16720</v>
      </c>
      <c r="N88" s="42">
        <v>15143</v>
      </c>
      <c r="O88" s="42">
        <v>17547</v>
      </c>
      <c r="P88" s="42">
        <v>16810</v>
      </c>
      <c r="Q88" s="42">
        <v>17367</v>
      </c>
      <c r="R88" s="42">
        <v>20787</v>
      </c>
      <c r="S88" s="42">
        <v>22614</v>
      </c>
      <c r="T88" s="42">
        <v>22085</v>
      </c>
      <c r="U88" s="42">
        <v>22833</v>
      </c>
      <c r="V88" s="42">
        <v>21541</v>
      </c>
      <c r="W88" s="42">
        <v>24747</v>
      </c>
      <c r="X88" s="42">
        <v>24851</v>
      </c>
      <c r="Y88" s="42">
        <v>14312</v>
      </c>
      <c r="Z88" s="42">
        <v>14029</v>
      </c>
      <c r="AA88" s="42">
        <v>15687</v>
      </c>
      <c r="AB88" s="42">
        <v>15481</v>
      </c>
      <c r="AC88" s="42">
        <v>15187</v>
      </c>
      <c r="AD88" s="42">
        <v>13284</v>
      </c>
      <c r="AE88" s="7"/>
      <c r="AF88" s="13"/>
      <c r="AG88" s="9"/>
      <c r="AH88" s="9"/>
      <c r="AI88" s="9"/>
      <c r="AJ88" s="9" t="s">
        <v>30</v>
      </c>
      <c r="AK88" s="21">
        <v>15496</v>
      </c>
      <c r="AL88" s="21">
        <v>13998</v>
      </c>
      <c r="AM88" s="21">
        <v>17606</v>
      </c>
      <c r="AN88" s="21">
        <v>14713</v>
      </c>
      <c r="AO88" s="21">
        <v>11800</v>
      </c>
      <c r="AP88" s="21">
        <v>16611</v>
      </c>
      <c r="AQ88" s="21">
        <v>18375</v>
      </c>
      <c r="AR88" s="21">
        <v>16860</v>
      </c>
      <c r="AS88" s="21">
        <v>14289</v>
      </c>
      <c r="AT88" s="21">
        <v>16785</v>
      </c>
      <c r="AU88" s="21">
        <v>16166</v>
      </c>
      <c r="AV88" s="21">
        <v>16547</v>
      </c>
      <c r="AW88" s="21">
        <v>14363</v>
      </c>
      <c r="AX88" s="21">
        <v>15097</v>
      </c>
      <c r="AY88" s="21">
        <v>14302</v>
      </c>
      <c r="AZ88" s="21">
        <v>14301</v>
      </c>
      <c r="BA88" s="21">
        <v>12684</v>
      </c>
      <c r="BB88" s="21">
        <v>14040</v>
      </c>
      <c r="BC88" s="21">
        <v>13507</v>
      </c>
      <c r="BD88" s="21">
        <v>12111</v>
      </c>
      <c r="BE88" s="21">
        <v>11340</v>
      </c>
      <c r="BF88" s="21">
        <v>12438</v>
      </c>
      <c r="BG88" s="21">
        <v>12059</v>
      </c>
      <c r="BH88" s="21">
        <v>11354</v>
      </c>
      <c r="BI88" s="21">
        <v>10840</v>
      </c>
      <c r="BJ88" s="14"/>
      <c r="BK88" s="16"/>
      <c r="BL88" s="9"/>
      <c r="BM88" s="9"/>
      <c r="BN88" s="9"/>
      <c r="BO88" s="9" t="s">
        <v>30</v>
      </c>
      <c r="BP88" s="21">
        <f t="shared" si="25"/>
        <v>50</v>
      </c>
      <c r="BQ88" s="21">
        <f t="shared" si="26"/>
        <v>68</v>
      </c>
      <c r="BR88" s="21">
        <f t="shared" si="27"/>
        <v>117</v>
      </c>
      <c r="BS88" s="21">
        <f t="shared" si="28"/>
        <v>106</v>
      </c>
      <c r="BT88" s="21">
        <f t="shared" si="29"/>
        <v>118</v>
      </c>
      <c r="BU88" s="21">
        <f t="shared" si="30"/>
        <v>64</v>
      </c>
      <c r="BV88" s="21">
        <f t="shared" si="31"/>
        <v>262</v>
      </c>
      <c r="BW88" s="21">
        <f t="shared" si="32"/>
        <v>140</v>
      </c>
      <c r="BX88" s="21">
        <f t="shared" si="33"/>
        <v>-854</v>
      </c>
      <c r="BY88" s="21">
        <f t="shared" si="34"/>
        <v>-762</v>
      </c>
      <c r="BZ88" s="21">
        <f t="shared" si="35"/>
        <v>-644</v>
      </c>
      <c r="CA88" s="21">
        <f t="shared" si="36"/>
        <v>-820</v>
      </c>
      <c r="CB88" s="21">
        <f t="shared" si="37"/>
        <v>-6424</v>
      </c>
      <c r="CC88" s="21">
        <f t="shared" si="38"/>
        <v>-7517</v>
      </c>
      <c r="CD88" s="21">
        <f t="shared" si="39"/>
        <v>-7783</v>
      </c>
      <c r="CE88" s="21">
        <f t="shared" si="40"/>
        <v>-8532</v>
      </c>
      <c r="CF88" s="21">
        <f t="shared" si="41"/>
        <v>-8857</v>
      </c>
      <c r="CG88" s="21">
        <f t="shared" si="42"/>
        <v>-10707</v>
      </c>
      <c r="CH88" s="21">
        <f t="shared" si="43"/>
        <v>-11344</v>
      </c>
      <c r="CI88" s="21">
        <f t="shared" si="44"/>
        <v>-2201</v>
      </c>
      <c r="CJ88" s="21">
        <f t="shared" si="45"/>
        <v>-2689</v>
      </c>
      <c r="CK88" s="21">
        <f t="shared" si="46"/>
        <v>-3249</v>
      </c>
      <c r="CL88" s="21">
        <f t="shared" si="47"/>
        <v>-3422</v>
      </c>
      <c r="CM88" s="21">
        <f t="shared" si="48"/>
        <v>-3833</v>
      </c>
      <c r="CN88" s="21">
        <f t="shared" si="49"/>
        <v>-2444</v>
      </c>
      <c r="CO88" s="20"/>
    </row>
    <row r="89" spans="1:93" x14ac:dyDescent="0.7">
      <c r="A89" s="7"/>
      <c r="E89" s="8" t="s">
        <v>31</v>
      </c>
      <c r="F89" s="42">
        <v>4769</v>
      </c>
      <c r="G89" s="42">
        <v>4304</v>
      </c>
      <c r="H89" s="42">
        <v>5365</v>
      </c>
      <c r="I89" s="42">
        <v>4896</v>
      </c>
      <c r="J89" s="42">
        <v>4546</v>
      </c>
      <c r="K89" s="42">
        <v>6349</v>
      </c>
      <c r="L89" s="42">
        <v>6985</v>
      </c>
      <c r="M89" s="42">
        <v>7054</v>
      </c>
      <c r="N89" s="42">
        <v>6855</v>
      </c>
      <c r="O89" s="42">
        <v>7928</v>
      </c>
      <c r="P89" s="42">
        <v>7796</v>
      </c>
      <c r="Q89" s="42">
        <v>10419</v>
      </c>
      <c r="R89" s="42">
        <v>18360</v>
      </c>
      <c r="S89" s="42">
        <v>19096</v>
      </c>
      <c r="T89" s="42">
        <v>17185</v>
      </c>
      <c r="U89" s="42">
        <v>15567</v>
      </c>
      <c r="V89" s="42">
        <v>13025</v>
      </c>
      <c r="W89" s="42">
        <v>13074</v>
      </c>
      <c r="X89" s="42">
        <v>11136</v>
      </c>
      <c r="Y89" s="42">
        <v>11464</v>
      </c>
      <c r="Z89" s="42">
        <v>10966</v>
      </c>
      <c r="AA89" s="42">
        <v>12821</v>
      </c>
      <c r="AB89" s="42">
        <v>12872</v>
      </c>
      <c r="AC89" s="42">
        <v>10281</v>
      </c>
      <c r="AD89" s="42">
        <v>7885</v>
      </c>
      <c r="AE89" s="7"/>
      <c r="AF89" s="13"/>
      <c r="AG89" s="9"/>
      <c r="AH89" s="9"/>
      <c r="AI89" s="9"/>
      <c r="AJ89" s="9" t="s">
        <v>31</v>
      </c>
      <c r="AK89" s="21">
        <v>4807</v>
      </c>
      <c r="AL89" s="21">
        <v>4346</v>
      </c>
      <c r="AM89" s="21">
        <v>5443</v>
      </c>
      <c r="AN89" s="21">
        <v>4980</v>
      </c>
      <c r="AO89" s="21">
        <v>4597</v>
      </c>
      <c r="AP89" s="21">
        <v>6419</v>
      </c>
      <c r="AQ89" s="21">
        <v>7130</v>
      </c>
      <c r="AR89" s="21">
        <v>7208</v>
      </c>
      <c r="AS89" s="21">
        <v>5533</v>
      </c>
      <c r="AT89" s="21">
        <v>6520</v>
      </c>
      <c r="AU89" s="21">
        <v>6494</v>
      </c>
      <c r="AV89" s="21">
        <v>8761</v>
      </c>
      <c r="AW89" s="21">
        <v>8586</v>
      </c>
      <c r="AX89" s="21">
        <v>9381</v>
      </c>
      <c r="AY89" s="21">
        <v>8910</v>
      </c>
      <c r="AZ89" s="21">
        <v>8672</v>
      </c>
      <c r="BA89" s="21">
        <v>8003</v>
      </c>
      <c r="BB89" s="21">
        <v>8862</v>
      </c>
      <c r="BC89" s="21">
        <v>8516</v>
      </c>
      <c r="BD89" s="21">
        <v>8067</v>
      </c>
      <c r="BE89" s="21">
        <v>7817</v>
      </c>
      <c r="BF89" s="21">
        <v>8777</v>
      </c>
      <c r="BG89" s="21">
        <v>8796</v>
      </c>
      <c r="BH89" s="21">
        <v>9112</v>
      </c>
      <c r="BI89" s="21">
        <v>9055</v>
      </c>
      <c r="BJ89" s="14"/>
      <c r="BK89" s="16"/>
      <c r="BL89" s="9"/>
      <c r="BM89" s="9"/>
      <c r="BN89" s="9"/>
      <c r="BO89" s="9" t="s">
        <v>31</v>
      </c>
      <c r="BP89" s="21">
        <f t="shared" si="25"/>
        <v>38</v>
      </c>
      <c r="BQ89" s="21">
        <f t="shared" si="26"/>
        <v>42</v>
      </c>
      <c r="BR89" s="21">
        <f t="shared" si="27"/>
        <v>78</v>
      </c>
      <c r="BS89" s="21">
        <f t="shared" si="28"/>
        <v>84</v>
      </c>
      <c r="BT89" s="21">
        <f t="shared" si="29"/>
        <v>51</v>
      </c>
      <c r="BU89" s="21">
        <f t="shared" si="30"/>
        <v>70</v>
      </c>
      <c r="BV89" s="21">
        <f t="shared" si="31"/>
        <v>145</v>
      </c>
      <c r="BW89" s="21">
        <f t="shared" si="32"/>
        <v>154</v>
      </c>
      <c r="BX89" s="21">
        <f t="shared" si="33"/>
        <v>-1322</v>
      </c>
      <c r="BY89" s="21">
        <f t="shared" si="34"/>
        <v>-1408</v>
      </c>
      <c r="BZ89" s="21">
        <f t="shared" si="35"/>
        <v>-1302</v>
      </c>
      <c r="CA89" s="21">
        <f t="shared" si="36"/>
        <v>-1658</v>
      </c>
      <c r="CB89" s="21">
        <f t="shared" si="37"/>
        <v>-9774</v>
      </c>
      <c r="CC89" s="21">
        <f t="shared" si="38"/>
        <v>-9715</v>
      </c>
      <c r="CD89" s="21">
        <f t="shared" si="39"/>
        <v>-8275</v>
      </c>
      <c r="CE89" s="21">
        <f t="shared" si="40"/>
        <v>-6895</v>
      </c>
      <c r="CF89" s="21">
        <f t="shared" si="41"/>
        <v>-5022</v>
      </c>
      <c r="CG89" s="21">
        <f t="shared" si="42"/>
        <v>-4212</v>
      </c>
      <c r="CH89" s="21">
        <f t="shared" si="43"/>
        <v>-2620</v>
      </c>
      <c r="CI89" s="21">
        <f t="shared" si="44"/>
        <v>-3397</v>
      </c>
      <c r="CJ89" s="21">
        <f t="shared" si="45"/>
        <v>-3149</v>
      </c>
      <c r="CK89" s="21">
        <f t="shared" si="46"/>
        <v>-4044</v>
      </c>
      <c r="CL89" s="21">
        <f t="shared" si="47"/>
        <v>-4076</v>
      </c>
      <c r="CM89" s="21">
        <f t="shared" si="48"/>
        <v>-1169</v>
      </c>
      <c r="CN89" s="21">
        <f t="shared" si="49"/>
        <v>1170</v>
      </c>
      <c r="CO89" s="20"/>
    </row>
    <row r="90" spans="1:93" x14ac:dyDescent="0.7">
      <c r="A90" s="7"/>
      <c r="E90" s="8" t="s">
        <v>32</v>
      </c>
      <c r="F90" s="42">
        <v>582</v>
      </c>
      <c r="G90" s="42">
        <v>452</v>
      </c>
      <c r="H90" s="42">
        <v>600</v>
      </c>
      <c r="I90" s="42">
        <v>478</v>
      </c>
      <c r="J90" s="42">
        <v>417</v>
      </c>
      <c r="K90" s="42">
        <v>618</v>
      </c>
      <c r="L90" s="42">
        <v>893</v>
      </c>
      <c r="M90" s="42">
        <v>1038</v>
      </c>
      <c r="N90" s="42">
        <v>969</v>
      </c>
      <c r="O90" s="42">
        <v>1169</v>
      </c>
      <c r="P90" s="42">
        <v>1155</v>
      </c>
      <c r="Q90" s="42">
        <v>1182</v>
      </c>
      <c r="R90" s="42">
        <v>1178</v>
      </c>
      <c r="S90" s="42">
        <v>1246</v>
      </c>
      <c r="T90" s="42">
        <v>1199</v>
      </c>
      <c r="U90" s="42">
        <v>1256</v>
      </c>
      <c r="V90" s="42">
        <v>1125</v>
      </c>
      <c r="W90" s="42">
        <v>1224</v>
      </c>
      <c r="X90" s="42">
        <v>1169</v>
      </c>
      <c r="Y90" s="42">
        <v>1340</v>
      </c>
      <c r="Z90" s="42">
        <v>1244</v>
      </c>
      <c r="AA90" s="42">
        <v>1350</v>
      </c>
      <c r="AB90" s="42">
        <v>1349</v>
      </c>
      <c r="AC90" s="42">
        <v>1435</v>
      </c>
      <c r="AD90" s="42">
        <v>474</v>
      </c>
      <c r="AE90" s="7"/>
      <c r="AF90" s="13"/>
      <c r="AG90" s="9"/>
      <c r="AH90" s="9"/>
      <c r="AI90" s="9"/>
      <c r="AJ90" s="9" t="s">
        <v>32</v>
      </c>
      <c r="AK90" s="21">
        <v>582</v>
      </c>
      <c r="AL90" s="21">
        <v>452</v>
      </c>
      <c r="AM90" s="21">
        <v>600</v>
      </c>
      <c r="AN90" s="21">
        <v>478</v>
      </c>
      <c r="AO90" s="21">
        <v>419</v>
      </c>
      <c r="AP90" s="21">
        <v>618</v>
      </c>
      <c r="AQ90" s="21">
        <v>896</v>
      </c>
      <c r="AR90" s="21">
        <v>1038</v>
      </c>
      <c r="AS90" s="21">
        <v>490</v>
      </c>
      <c r="AT90" s="21">
        <v>586</v>
      </c>
      <c r="AU90" s="21">
        <v>566</v>
      </c>
      <c r="AV90" s="21">
        <v>573</v>
      </c>
      <c r="AW90" s="21">
        <v>527</v>
      </c>
      <c r="AX90" s="21">
        <v>561</v>
      </c>
      <c r="AY90" s="21">
        <v>544</v>
      </c>
      <c r="AZ90" s="21">
        <v>576</v>
      </c>
      <c r="BA90" s="21">
        <v>520</v>
      </c>
      <c r="BB90" s="21">
        <v>571</v>
      </c>
      <c r="BC90" s="21">
        <v>555</v>
      </c>
      <c r="BD90" s="21">
        <v>519</v>
      </c>
      <c r="BE90" s="21">
        <v>497</v>
      </c>
      <c r="BF90" s="21">
        <v>542</v>
      </c>
      <c r="BG90" s="21">
        <v>537</v>
      </c>
      <c r="BH90" s="21">
        <v>533</v>
      </c>
      <c r="BI90" s="21">
        <v>525</v>
      </c>
      <c r="BJ90" s="14"/>
      <c r="BK90" s="16"/>
      <c r="BL90" s="9"/>
      <c r="BM90" s="9"/>
      <c r="BN90" s="9"/>
      <c r="BO90" s="9" t="s">
        <v>32</v>
      </c>
      <c r="BP90" s="21">
        <f t="shared" si="25"/>
        <v>0</v>
      </c>
      <c r="BQ90" s="21">
        <f t="shared" si="26"/>
        <v>0</v>
      </c>
      <c r="BR90" s="21">
        <f t="shared" si="27"/>
        <v>0</v>
      </c>
      <c r="BS90" s="21">
        <f t="shared" si="28"/>
        <v>0</v>
      </c>
      <c r="BT90" s="21">
        <f t="shared" si="29"/>
        <v>2</v>
      </c>
      <c r="BU90" s="21">
        <f t="shared" si="30"/>
        <v>0</v>
      </c>
      <c r="BV90" s="21">
        <f t="shared" si="31"/>
        <v>3</v>
      </c>
      <c r="BW90" s="21">
        <f t="shared" si="32"/>
        <v>0</v>
      </c>
      <c r="BX90" s="21">
        <f t="shared" si="33"/>
        <v>-479</v>
      </c>
      <c r="BY90" s="21">
        <f t="shared" si="34"/>
        <v>-583</v>
      </c>
      <c r="BZ90" s="21">
        <f t="shared" si="35"/>
        <v>-589</v>
      </c>
      <c r="CA90" s="21">
        <f t="shared" si="36"/>
        <v>-609</v>
      </c>
      <c r="CB90" s="21">
        <f t="shared" si="37"/>
        <v>-651</v>
      </c>
      <c r="CC90" s="21">
        <f t="shared" si="38"/>
        <v>-685</v>
      </c>
      <c r="CD90" s="21">
        <f t="shared" si="39"/>
        <v>-655</v>
      </c>
      <c r="CE90" s="21">
        <f t="shared" si="40"/>
        <v>-680</v>
      </c>
      <c r="CF90" s="21">
        <f t="shared" si="41"/>
        <v>-605</v>
      </c>
      <c r="CG90" s="21">
        <f t="shared" si="42"/>
        <v>-653</v>
      </c>
      <c r="CH90" s="21">
        <f t="shared" si="43"/>
        <v>-614</v>
      </c>
      <c r="CI90" s="21">
        <f t="shared" si="44"/>
        <v>-821</v>
      </c>
      <c r="CJ90" s="21">
        <f t="shared" si="45"/>
        <v>-747</v>
      </c>
      <c r="CK90" s="21">
        <f t="shared" si="46"/>
        <v>-808</v>
      </c>
      <c r="CL90" s="21">
        <f t="shared" si="47"/>
        <v>-812</v>
      </c>
      <c r="CM90" s="21">
        <f t="shared" si="48"/>
        <v>-902</v>
      </c>
      <c r="CN90" s="21">
        <f t="shared" si="49"/>
        <v>51</v>
      </c>
      <c r="CO90" s="20"/>
    </row>
    <row r="91" spans="1:93" x14ac:dyDescent="0.7">
      <c r="A91" s="7"/>
      <c r="E91" s="8" t="s">
        <v>33</v>
      </c>
      <c r="F91" s="42">
        <v>582</v>
      </c>
      <c r="G91" s="42">
        <v>452</v>
      </c>
      <c r="H91" s="42">
        <v>600</v>
      </c>
      <c r="I91" s="42">
        <v>478</v>
      </c>
      <c r="J91" s="42">
        <v>417</v>
      </c>
      <c r="K91" s="42">
        <v>618</v>
      </c>
      <c r="L91" s="42">
        <v>893</v>
      </c>
      <c r="M91" s="42">
        <v>1038</v>
      </c>
      <c r="N91" s="42">
        <v>969</v>
      </c>
      <c r="O91" s="42">
        <v>1169</v>
      </c>
      <c r="P91" s="42">
        <v>1155</v>
      </c>
      <c r="Q91" s="42">
        <v>1182</v>
      </c>
      <c r="R91" s="42">
        <v>1178</v>
      </c>
      <c r="S91" s="42">
        <v>1246</v>
      </c>
      <c r="T91" s="42">
        <v>1199</v>
      </c>
      <c r="U91" s="42">
        <v>1256</v>
      </c>
      <c r="V91" s="42">
        <v>1125</v>
      </c>
      <c r="W91" s="42">
        <v>1224</v>
      </c>
      <c r="X91" s="42">
        <v>1169</v>
      </c>
      <c r="Y91" s="42">
        <v>1340</v>
      </c>
      <c r="Z91" s="42">
        <v>1244</v>
      </c>
      <c r="AA91" s="42">
        <v>1350</v>
      </c>
      <c r="AB91" s="42">
        <v>1349</v>
      </c>
      <c r="AC91" s="42">
        <v>1435</v>
      </c>
      <c r="AD91" s="42">
        <v>474</v>
      </c>
      <c r="AE91" s="7"/>
      <c r="AF91" s="13"/>
      <c r="AG91" s="9"/>
      <c r="AH91" s="9"/>
      <c r="AI91" s="9"/>
      <c r="AJ91" s="9" t="s">
        <v>33</v>
      </c>
      <c r="AK91" s="21">
        <v>582</v>
      </c>
      <c r="AL91" s="21">
        <v>452</v>
      </c>
      <c r="AM91" s="21">
        <v>600</v>
      </c>
      <c r="AN91" s="21">
        <v>478</v>
      </c>
      <c r="AO91" s="21">
        <v>419</v>
      </c>
      <c r="AP91" s="21">
        <v>618</v>
      </c>
      <c r="AQ91" s="21">
        <v>896</v>
      </c>
      <c r="AR91" s="21">
        <v>1038</v>
      </c>
      <c r="AS91" s="21">
        <v>490</v>
      </c>
      <c r="AT91" s="21">
        <v>586</v>
      </c>
      <c r="AU91" s="21">
        <v>566</v>
      </c>
      <c r="AV91" s="21">
        <v>573</v>
      </c>
      <c r="AW91" s="21">
        <v>527</v>
      </c>
      <c r="AX91" s="21">
        <v>561</v>
      </c>
      <c r="AY91" s="21">
        <v>544</v>
      </c>
      <c r="AZ91" s="21">
        <v>576</v>
      </c>
      <c r="BA91" s="21">
        <v>520</v>
      </c>
      <c r="BB91" s="21">
        <v>571</v>
      </c>
      <c r="BC91" s="21">
        <v>555</v>
      </c>
      <c r="BD91" s="21">
        <v>519</v>
      </c>
      <c r="BE91" s="21">
        <v>497</v>
      </c>
      <c r="BF91" s="21">
        <v>542</v>
      </c>
      <c r="BG91" s="21">
        <v>537</v>
      </c>
      <c r="BH91" s="21">
        <v>533</v>
      </c>
      <c r="BI91" s="21">
        <v>525</v>
      </c>
      <c r="BJ91" s="14"/>
      <c r="BK91" s="16"/>
      <c r="BL91" s="9"/>
      <c r="BM91" s="9"/>
      <c r="BN91" s="9"/>
      <c r="BO91" s="9" t="s">
        <v>33</v>
      </c>
      <c r="BP91" s="21">
        <f t="shared" si="25"/>
        <v>0</v>
      </c>
      <c r="BQ91" s="21">
        <f t="shared" si="26"/>
        <v>0</v>
      </c>
      <c r="BR91" s="21">
        <f t="shared" si="27"/>
        <v>0</v>
      </c>
      <c r="BS91" s="21">
        <f t="shared" si="28"/>
        <v>0</v>
      </c>
      <c r="BT91" s="21">
        <f t="shared" si="29"/>
        <v>2</v>
      </c>
      <c r="BU91" s="21">
        <f t="shared" si="30"/>
        <v>0</v>
      </c>
      <c r="BV91" s="21">
        <f t="shared" si="31"/>
        <v>3</v>
      </c>
      <c r="BW91" s="21">
        <f t="shared" si="32"/>
        <v>0</v>
      </c>
      <c r="BX91" s="21">
        <f t="shared" si="33"/>
        <v>-479</v>
      </c>
      <c r="BY91" s="21">
        <f t="shared" si="34"/>
        <v>-583</v>
      </c>
      <c r="BZ91" s="21">
        <f t="shared" si="35"/>
        <v>-589</v>
      </c>
      <c r="CA91" s="21">
        <f t="shared" si="36"/>
        <v>-609</v>
      </c>
      <c r="CB91" s="21">
        <f t="shared" si="37"/>
        <v>-651</v>
      </c>
      <c r="CC91" s="21">
        <f t="shared" si="38"/>
        <v>-685</v>
      </c>
      <c r="CD91" s="21">
        <f t="shared" si="39"/>
        <v>-655</v>
      </c>
      <c r="CE91" s="21">
        <f t="shared" si="40"/>
        <v>-680</v>
      </c>
      <c r="CF91" s="21">
        <f t="shared" si="41"/>
        <v>-605</v>
      </c>
      <c r="CG91" s="21">
        <f t="shared" si="42"/>
        <v>-653</v>
      </c>
      <c r="CH91" s="21">
        <f t="shared" si="43"/>
        <v>-614</v>
      </c>
      <c r="CI91" s="21">
        <f t="shared" si="44"/>
        <v>-821</v>
      </c>
      <c r="CJ91" s="21">
        <f t="shared" si="45"/>
        <v>-747</v>
      </c>
      <c r="CK91" s="21">
        <f t="shared" si="46"/>
        <v>-808</v>
      </c>
      <c r="CL91" s="21">
        <f t="shared" si="47"/>
        <v>-812</v>
      </c>
      <c r="CM91" s="21">
        <f t="shared" si="48"/>
        <v>-902</v>
      </c>
      <c r="CN91" s="21">
        <f t="shared" si="49"/>
        <v>51</v>
      </c>
      <c r="CO91" s="20"/>
    </row>
    <row r="92" spans="1:93" x14ac:dyDescent="0.7">
      <c r="A92" s="7"/>
      <c r="E92" s="8" t="s">
        <v>34</v>
      </c>
      <c r="F92" s="43" t="s">
        <v>40</v>
      </c>
      <c r="G92" s="43" t="s">
        <v>40</v>
      </c>
      <c r="H92" s="43" t="s">
        <v>40</v>
      </c>
      <c r="I92" s="43" t="s">
        <v>40</v>
      </c>
      <c r="J92" s="43" t="s">
        <v>40</v>
      </c>
      <c r="K92" s="43" t="s">
        <v>40</v>
      </c>
      <c r="L92" s="43" t="s">
        <v>40</v>
      </c>
      <c r="M92" s="43" t="s">
        <v>40</v>
      </c>
      <c r="N92" s="43" t="s">
        <v>40</v>
      </c>
      <c r="O92" s="43" t="s">
        <v>40</v>
      </c>
      <c r="P92" s="43" t="s">
        <v>40</v>
      </c>
      <c r="Q92" s="43" t="s">
        <v>40</v>
      </c>
      <c r="R92" s="43" t="s">
        <v>40</v>
      </c>
      <c r="S92" s="42">
        <v>0</v>
      </c>
      <c r="T92" s="42">
        <v>0</v>
      </c>
      <c r="U92" s="42">
        <v>0</v>
      </c>
      <c r="V92" s="42">
        <v>0</v>
      </c>
      <c r="W92" s="42">
        <v>0</v>
      </c>
      <c r="X92" s="43" t="s">
        <v>40</v>
      </c>
      <c r="Y92" s="43" t="s">
        <v>40</v>
      </c>
      <c r="Z92" s="43" t="s">
        <v>40</v>
      </c>
      <c r="AA92" s="43" t="s">
        <v>40</v>
      </c>
      <c r="AB92" s="43" t="s">
        <v>40</v>
      </c>
      <c r="AC92" s="43" t="s">
        <v>40</v>
      </c>
      <c r="AD92" s="43" t="s">
        <v>40</v>
      </c>
      <c r="AE92" s="7"/>
      <c r="AF92" s="13"/>
      <c r="AG92" s="9"/>
      <c r="AH92" s="9"/>
      <c r="AI92" s="9"/>
      <c r="AJ92" s="9" t="s">
        <v>34</v>
      </c>
      <c r="AK92" s="43" t="s">
        <v>40</v>
      </c>
      <c r="AL92" s="43" t="s">
        <v>40</v>
      </c>
      <c r="AM92" s="43" t="s">
        <v>40</v>
      </c>
      <c r="AN92" s="43" t="s">
        <v>40</v>
      </c>
      <c r="AO92" s="43" t="s">
        <v>40</v>
      </c>
      <c r="AP92" s="43" t="s">
        <v>40</v>
      </c>
      <c r="AQ92" s="43" t="s">
        <v>40</v>
      </c>
      <c r="AR92" s="43" t="s">
        <v>40</v>
      </c>
      <c r="AS92" s="43" t="s">
        <v>40</v>
      </c>
      <c r="AT92" s="43" t="s">
        <v>40</v>
      </c>
      <c r="AU92" s="43" t="s">
        <v>40</v>
      </c>
      <c r="AV92" s="43" t="s">
        <v>40</v>
      </c>
      <c r="AW92" s="43" t="s">
        <v>40</v>
      </c>
      <c r="AX92" s="43" t="s">
        <v>40</v>
      </c>
      <c r="AY92" s="43" t="s">
        <v>40</v>
      </c>
      <c r="AZ92" s="43" t="s">
        <v>40</v>
      </c>
      <c r="BA92" s="43" t="s">
        <v>40</v>
      </c>
      <c r="BB92" s="43" t="s">
        <v>40</v>
      </c>
      <c r="BC92" s="43" t="s">
        <v>40</v>
      </c>
      <c r="BD92" s="43" t="s">
        <v>40</v>
      </c>
      <c r="BE92" s="43" t="s">
        <v>40</v>
      </c>
      <c r="BF92" s="43" t="s">
        <v>40</v>
      </c>
      <c r="BG92" s="43" t="s">
        <v>40</v>
      </c>
      <c r="BH92" s="43" t="s">
        <v>40</v>
      </c>
      <c r="BI92" s="43" t="s">
        <v>40</v>
      </c>
      <c r="BJ92" s="14"/>
      <c r="BK92" s="16"/>
      <c r="BL92" s="9"/>
      <c r="BM92" s="9"/>
      <c r="BN92" s="9"/>
      <c r="BO92" s="9" t="s">
        <v>34</v>
      </c>
      <c r="BP92" s="43" t="s">
        <v>40</v>
      </c>
      <c r="BQ92" s="43" t="s">
        <v>40</v>
      </c>
      <c r="BR92" s="43" t="s">
        <v>40</v>
      </c>
      <c r="BS92" s="43" t="s">
        <v>40</v>
      </c>
      <c r="BT92" s="43" t="s">
        <v>40</v>
      </c>
      <c r="BU92" s="43" t="s">
        <v>40</v>
      </c>
      <c r="BV92" s="43" t="s">
        <v>40</v>
      </c>
      <c r="BW92" s="43" t="s">
        <v>40</v>
      </c>
      <c r="BX92" s="43" t="s">
        <v>40</v>
      </c>
      <c r="BY92" s="43" t="s">
        <v>40</v>
      </c>
      <c r="BZ92" s="43" t="s">
        <v>40</v>
      </c>
      <c r="CA92" s="43" t="s">
        <v>40</v>
      </c>
      <c r="CB92" s="43" t="s">
        <v>40</v>
      </c>
      <c r="CC92" s="43" t="s">
        <v>40</v>
      </c>
      <c r="CD92" s="43" t="s">
        <v>40</v>
      </c>
      <c r="CE92" s="43" t="s">
        <v>40</v>
      </c>
      <c r="CF92" s="43" t="s">
        <v>40</v>
      </c>
      <c r="CG92" s="43" t="s">
        <v>40</v>
      </c>
      <c r="CH92" s="43" t="s">
        <v>40</v>
      </c>
      <c r="CI92" s="43" t="s">
        <v>40</v>
      </c>
      <c r="CJ92" s="43" t="s">
        <v>40</v>
      </c>
      <c r="CK92" s="43" t="s">
        <v>40</v>
      </c>
      <c r="CL92" s="43" t="s">
        <v>40</v>
      </c>
      <c r="CM92" s="43" t="s">
        <v>40</v>
      </c>
      <c r="CN92" s="43" t="s">
        <v>40</v>
      </c>
      <c r="CO92" s="20"/>
    </row>
    <row r="93" spans="1:93" x14ac:dyDescent="0.7">
      <c r="A93" s="7"/>
      <c r="E93" s="8" t="s">
        <v>35</v>
      </c>
      <c r="F93" s="43" t="s">
        <v>40</v>
      </c>
      <c r="G93" s="43" t="s">
        <v>40</v>
      </c>
      <c r="H93" s="43" t="s">
        <v>40</v>
      </c>
      <c r="I93" s="43" t="s">
        <v>40</v>
      </c>
      <c r="J93" s="43" t="s">
        <v>40</v>
      </c>
      <c r="K93" s="43" t="s">
        <v>40</v>
      </c>
      <c r="L93" s="43" t="s">
        <v>40</v>
      </c>
      <c r="M93" s="43" t="s">
        <v>40</v>
      </c>
      <c r="N93" s="43" t="s">
        <v>40</v>
      </c>
      <c r="O93" s="43" t="s">
        <v>40</v>
      </c>
      <c r="P93" s="43" t="s">
        <v>40</v>
      </c>
      <c r="Q93" s="43" t="s">
        <v>40</v>
      </c>
      <c r="R93" s="43" t="s">
        <v>40</v>
      </c>
      <c r="S93" s="42">
        <v>0</v>
      </c>
      <c r="T93" s="42">
        <v>0</v>
      </c>
      <c r="U93" s="42">
        <v>0</v>
      </c>
      <c r="V93" s="42">
        <v>0</v>
      </c>
      <c r="W93" s="42">
        <v>0</v>
      </c>
      <c r="X93" s="43" t="s">
        <v>40</v>
      </c>
      <c r="Y93" s="43" t="s">
        <v>40</v>
      </c>
      <c r="Z93" s="43" t="s">
        <v>40</v>
      </c>
      <c r="AA93" s="43" t="s">
        <v>40</v>
      </c>
      <c r="AB93" s="43" t="s">
        <v>40</v>
      </c>
      <c r="AC93" s="43" t="s">
        <v>40</v>
      </c>
      <c r="AD93" s="43" t="s">
        <v>40</v>
      </c>
      <c r="AE93" s="7"/>
      <c r="AF93" s="13"/>
      <c r="AG93" s="9"/>
      <c r="AH93" s="9"/>
      <c r="AI93" s="9"/>
      <c r="AJ93" s="9" t="s">
        <v>35</v>
      </c>
      <c r="AK93" s="43" t="s">
        <v>40</v>
      </c>
      <c r="AL93" s="43" t="s">
        <v>40</v>
      </c>
      <c r="AM93" s="43" t="s">
        <v>40</v>
      </c>
      <c r="AN93" s="43" t="s">
        <v>40</v>
      </c>
      <c r="AO93" s="43" t="s">
        <v>40</v>
      </c>
      <c r="AP93" s="43" t="s">
        <v>40</v>
      </c>
      <c r="AQ93" s="43" t="s">
        <v>40</v>
      </c>
      <c r="AR93" s="43" t="s">
        <v>40</v>
      </c>
      <c r="AS93" s="43" t="s">
        <v>40</v>
      </c>
      <c r="AT93" s="43" t="s">
        <v>40</v>
      </c>
      <c r="AU93" s="43" t="s">
        <v>40</v>
      </c>
      <c r="AV93" s="43" t="s">
        <v>40</v>
      </c>
      <c r="AW93" s="43" t="s">
        <v>40</v>
      </c>
      <c r="AX93" s="43" t="s">
        <v>40</v>
      </c>
      <c r="AY93" s="43" t="s">
        <v>40</v>
      </c>
      <c r="AZ93" s="43" t="s">
        <v>40</v>
      </c>
      <c r="BA93" s="43" t="s">
        <v>40</v>
      </c>
      <c r="BB93" s="43" t="s">
        <v>40</v>
      </c>
      <c r="BC93" s="43" t="s">
        <v>40</v>
      </c>
      <c r="BD93" s="43" t="s">
        <v>40</v>
      </c>
      <c r="BE93" s="43" t="s">
        <v>40</v>
      </c>
      <c r="BF93" s="43" t="s">
        <v>40</v>
      </c>
      <c r="BG93" s="43" t="s">
        <v>40</v>
      </c>
      <c r="BH93" s="43" t="s">
        <v>40</v>
      </c>
      <c r="BI93" s="43" t="s">
        <v>40</v>
      </c>
      <c r="BJ93" s="14"/>
      <c r="BK93" s="16"/>
      <c r="BL93" s="9"/>
      <c r="BM93" s="9"/>
      <c r="BN93" s="9"/>
      <c r="BO93" s="9" t="s">
        <v>35</v>
      </c>
      <c r="BP93" s="43" t="s">
        <v>40</v>
      </c>
      <c r="BQ93" s="43" t="s">
        <v>40</v>
      </c>
      <c r="BR93" s="43" t="s">
        <v>40</v>
      </c>
      <c r="BS93" s="43" t="s">
        <v>40</v>
      </c>
      <c r="BT93" s="43" t="s">
        <v>40</v>
      </c>
      <c r="BU93" s="43" t="s">
        <v>40</v>
      </c>
      <c r="BV93" s="43" t="s">
        <v>40</v>
      </c>
      <c r="BW93" s="43" t="s">
        <v>40</v>
      </c>
      <c r="BX93" s="43" t="s">
        <v>40</v>
      </c>
      <c r="BY93" s="43" t="s">
        <v>40</v>
      </c>
      <c r="BZ93" s="43" t="s">
        <v>40</v>
      </c>
      <c r="CA93" s="43" t="s">
        <v>40</v>
      </c>
      <c r="CB93" s="43" t="s">
        <v>40</v>
      </c>
      <c r="CC93" s="43" t="s">
        <v>40</v>
      </c>
      <c r="CD93" s="43" t="s">
        <v>40</v>
      </c>
      <c r="CE93" s="43" t="s">
        <v>40</v>
      </c>
      <c r="CF93" s="43" t="s">
        <v>40</v>
      </c>
      <c r="CG93" s="43" t="s">
        <v>40</v>
      </c>
      <c r="CH93" s="43" t="s">
        <v>40</v>
      </c>
      <c r="CI93" s="43" t="s">
        <v>40</v>
      </c>
      <c r="CJ93" s="43" t="s">
        <v>40</v>
      </c>
      <c r="CK93" s="43" t="s">
        <v>40</v>
      </c>
      <c r="CL93" s="43" t="s">
        <v>40</v>
      </c>
      <c r="CM93" s="43" t="s">
        <v>40</v>
      </c>
      <c r="CN93" s="43" t="s">
        <v>40</v>
      </c>
      <c r="CO93" s="20"/>
    </row>
    <row r="94" spans="1:93" x14ac:dyDescent="0.7">
      <c r="A94" s="7"/>
      <c r="E94" s="8" t="s">
        <v>36</v>
      </c>
      <c r="F94" s="43" t="s">
        <v>40</v>
      </c>
      <c r="G94" s="43" t="s">
        <v>40</v>
      </c>
      <c r="H94" s="43" t="s">
        <v>40</v>
      </c>
      <c r="I94" s="43" t="s">
        <v>40</v>
      </c>
      <c r="J94" s="43" t="s">
        <v>40</v>
      </c>
      <c r="K94" s="43" t="s">
        <v>40</v>
      </c>
      <c r="L94" s="43" t="s">
        <v>40</v>
      </c>
      <c r="M94" s="43" t="s">
        <v>40</v>
      </c>
      <c r="N94" s="43" t="s">
        <v>40</v>
      </c>
      <c r="O94" s="43" t="s">
        <v>40</v>
      </c>
      <c r="P94" s="43" t="s">
        <v>40</v>
      </c>
      <c r="Q94" s="43" t="s">
        <v>40</v>
      </c>
      <c r="R94" s="43" t="s">
        <v>40</v>
      </c>
      <c r="S94" s="42">
        <v>0</v>
      </c>
      <c r="T94" s="42">
        <v>0</v>
      </c>
      <c r="U94" s="42">
        <v>0</v>
      </c>
      <c r="V94" s="42">
        <v>0</v>
      </c>
      <c r="W94" s="42">
        <v>0</v>
      </c>
      <c r="X94" s="43" t="s">
        <v>40</v>
      </c>
      <c r="Y94" s="43" t="s">
        <v>40</v>
      </c>
      <c r="Z94" s="43" t="s">
        <v>40</v>
      </c>
      <c r="AA94" s="43" t="s">
        <v>40</v>
      </c>
      <c r="AB94" s="43" t="s">
        <v>40</v>
      </c>
      <c r="AC94" s="43" t="s">
        <v>40</v>
      </c>
      <c r="AD94" s="43" t="s">
        <v>40</v>
      </c>
      <c r="AE94" s="7"/>
      <c r="AF94" s="13"/>
      <c r="AG94" s="9"/>
      <c r="AH94" s="9"/>
      <c r="AI94" s="9"/>
      <c r="AJ94" s="9" t="s">
        <v>36</v>
      </c>
      <c r="AK94" s="43" t="s">
        <v>40</v>
      </c>
      <c r="AL94" s="43" t="s">
        <v>40</v>
      </c>
      <c r="AM94" s="43" t="s">
        <v>40</v>
      </c>
      <c r="AN94" s="43" t="s">
        <v>40</v>
      </c>
      <c r="AO94" s="43" t="s">
        <v>40</v>
      </c>
      <c r="AP94" s="43" t="s">
        <v>40</v>
      </c>
      <c r="AQ94" s="43" t="s">
        <v>40</v>
      </c>
      <c r="AR94" s="43" t="s">
        <v>40</v>
      </c>
      <c r="AS94" s="43" t="s">
        <v>40</v>
      </c>
      <c r="AT94" s="43" t="s">
        <v>40</v>
      </c>
      <c r="AU94" s="43" t="s">
        <v>40</v>
      </c>
      <c r="AV94" s="43" t="s">
        <v>40</v>
      </c>
      <c r="AW94" s="43" t="s">
        <v>40</v>
      </c>
      <c r="AX94" s="43" t="s">
        <v>40</v>
      </c>
      <c r="AY94" s="43" t="s">
        <v>40</v>
      </c>
      <c r="AZ94" s="43" t="s">
        <v>40</v>
      </c>
      <c r="BA94" s="43" t="s">
        <v>40</v>
      </c>
      <c r="BB94" s="43" t="s">
        <v>40</v>
      </c>
      <c r="BC94" s="43" t="s">
        <v>40</v>
      </c>
      <c r="BD94" s="43" t="s">
        <v>40</v>
      </c>
      <c r="BE94" s="43" t="s">
        <v>40</v>
      </c>
      <c r="BF94" s="43" t="s">
        <v>40</v>
      </c>
      <c r="BG94" s="43" t="s">
        <v>40</v>
      </c>
      <c r="BH94" s="43" t="s">
        <v>40</v>
      </c>
      <c r="BI94" s="43" t="s">
        <v>40</v>
      </c>
      <c r="BJ94" s="14"/>
      <c r="BK94" s="16"/>
      <c r="BL94" s="9"/>
      <c r="BM94" s="9"/>
      <c r="BN94" s="9"/>
      <c r="BO94" s="9" t="s">
        <v>36</v>
      </c>
      <c r="BP94" s="43" t="s">
        <v>40</v>
      </c>
      <c r="BQ94" s="43" t="s">
        <v>40</v>
      </c>
      <c r="BR94" s="43" t="s">
        <v>40</v>
      </c>
      <c r="BS94" s="43" t="s">
        <v>40</v>
      </c>
      <c r="BT94" s="43" t="s">
        <v>40</v>
      </c>
      <c r="BU94" s="43" t="s">
        <v>40</v>
      </c>
      <c r="BV94" s="43" t="s">
        <v>40</v>
      </c>
      <c r="BW94" s="43" t="s">
        <v>40</v>
      </c>
      <c r="BX94" s="43" t="s">
        <v>40</v>
      </c>
      <c r="BY94" s="43" t="s">
        <v>40</v>
      </c>
      <c r="BZ94" s="43" t="s">
        <v>40</v>
      </c>
      <c r="CA94" s="43" t="s">
        <v>40</v>
      </c>
      <c r="CB94" s="43" t="s">
        <v>40</v>
      </c>
      <c r="CC94" s="43" t="s">
        <v>40</v>
      </c>
      <c r="CD94" s="43" t="s">
        <v>40</v>
      </c>
      <c r="CE94" s="43" t="s">
        <v>40</v>
      </c>
      <c r="CF94" s="43" t="s">
        <v>40</v>
      </c>
      <c r="CG94" s="43" t="s">
        <v>40</v>
      </c>
      <c r="CH94" s="43" t="s">
        <v>40</v>
      </c>
      <c r="CI94" s="43" t="s">
        <v>40</v>
      </c>
      <c r="CJ94" s="43" t="s">
        <v>40</v>
      </c>
      <c r="CK94" s="43" t="s">
        <v>40</v>
      </c>
      <c r="CL94" s="43" t="s">
        <v>40</v>
      </c>
      <c r="CM94" s="43" t="s">
        <v>40</v>
      </c>
      <c r="CN94" s="43" t="s">
        <v>40</v>
      </c>
      <c r="CO94" s="20"/>
    </row>
    <row r="95" spans="1:93" x14ac:dyDescent="0.7">
      <c r="A95" s="7"/>
      <c r="D95" s="8" t="s">
        <v>41</v>
      </c>
      <c r="E95" s="8" t="s">
        <v>27</v>
      </c>
      <c r="F95" s="42">
        <v>8904</v>
      </c>
      <c r="G95" s="42">
        <v>8126</v>
      </c>
      <c r="H95" s="42">
        <v>9472</v>
      </c>
      <c r="I95" s="42">
        <v>8621</v>
      </c>
      <c r="J95" s="42">
        <v>6378</v>
      </c>
      <c r="K95" s="42">
        <v>8103</v>
      </c>
      <c r="L95" s="42">
        <v>8827</v>
      </c>
      <c r="M95" s="42">
        <v>8525</v>
      </c>
      <c r="N95" s="42">
        <v>7623</v>
      </c>
      <c r="O95" s="42">
        <v>9289</v>
      </c>
      <c r="P95" s="42">
        <v>9064</v>
      </c>
      <c r="Q95" s="42">
        <v>8671</v>
      </c>
      <c r="R95" s="42">
        <v>8047</v>
      </c>
      <c r="S95" s="42">
        <v>9073</v>
      </c>
      <c r="T95" s="42">
        <v>8470</v>
      </c>
      <c r="U95" s="42">
        <v>7980</v>
      </c>
      <c r="V95" s="42">
        <v>7258</v>
      </c>
      <c r="W95" s="42">
        <v>8445</v>
      </c>
      <c r="X95" s="42">
        <v>7848</v>
      </c>
      <c r="Y95" s="42">
        <v>7139</v>
      </c>
      <c r="Z95" s="42">
        <v>6166</v>
      </c>
      <c r="AA95" s="42">
        <v>7075</v>
      </c>
      <c r="AB95" s="42">
        <v>6871</v>
      </c>
      <c r="AC95" s="42">
        <v>6658</v>
      </c>
      <c r="AD95" s="42">
        <v>5696</v>
      </c>
      <c r="AE95" s="7"/>
      <c r="AF95" s="13"/>
      <c r="AG95" s="9"/>
      <c r="AH95" s="9"/>
      <c r="AI95" s="9" t="s">
        <v>41</v>
      </c>
      <c r="AJ95" s="9" t="s">
        <v>27</v>
      </c>
      <c r="AK95" s="21">
        <v>8905</v>
      </c>
      <c r="AL95" s="21">
        <v>8126</v>
      </c>
      <c r="AM95" s="21">
        <v>9472</v>
      </c>
      <c r="AN95" s="21">
        <v>8621</v>
      </c>
      <c r="AO95" s="21">
        <v>6399</v>
      </c>
      <c r="AP95" s="21">
        <v>8106</v>
      </c>
      <c r="AQ95" s="21">
        <v>8871</v>
      </c>
      <c r="AR95" s="21">
        <v>8524</v>
      </c>
      <c r="AS95" s="21">
        <v>7623</v>
      </c>
      <c r="AT95" s="21">
        <v>9290</v>
      </c>
      <c r="AU95" s="21">
        <v>9063</v>
      </c>
      <c r="AV95" s="21">
        <v>8655</v>
      </c>
      <c r="AW95" s="21">
        <v>8032</v>
      </c>
      <c r="AX95" s="21">
        <v>9056</v>
      </c>
      <c r="AY95" s="21">
        <v>8454</v>
      </c>
      <c r="AZ95" s="21">
        <v>8018</v>
      </c>
      <c r="BA95" s="21">
        <v>7258</v>
      </c>
      <c r="BB95" s="21">
        <v>8445</v>
      </c>
      <c r="BC95" s="21">
        <v>7829</v>
      </c>
      <c r="BD95" s="21">
        <v>7160</v>
      </c>
      <c r="BE95" s="21">
        <v>6173</v>
      </c>
      <c r="BF95" s="21">
        <v>7075</v>
      </c>
      <c r="BG95" s="21">
        <v>6876</v>
      </c>
      <c r="BH95" s="21">
        <v>6658</v>
      </c>
      <c r="BI95" s="21">
        <v>5696</v>
      </c>
      <c r="BJ95" s="14"/>
      <c r="BK95" s="16"/>
      <c r="BL95" s="9"/>
      <c r="BM95" s="9"/>
      <c r="BN95" s="9" t="s">
        <v>41</v>
      </c>
      <c r="BO95" s="9" t="s">
        <v>27</v>
      </c>
      <c r="BP95" s="21">
        <f t="shared" ref="BP95:BP106" si="50">AK95-F95</f>
        <v>1</v>
      </c>
      <c r="BQ95" s="21">
        <f t="shared" ref="BQ95:BQ106" si="51">AL95-G95</f>
        <v>0</v>
      </c>
      <c r="BR95" s="21">
        <f t="shared" ref="BR95:BR106" si="52">AM95-H95</f>
        <v>0</v>
      </c>
      <c r="BS95" s="21">
        <f t="shared" ref="BS95:BS106" si="53">AN95-I95</f>
        <v>0</v>
      </c>
      <c r="BT95" s="21">
        <f t="shared" ref="BT95:BT106" si="54">AO95-J95</f>
        <v>21</v>
      </c>
      <c r="BU95" s="21">
        <f t="shared" ref="BU95:BU106" si="55">AP95-K95</f>
        <v>3</v>
      </c>
      <c r="BV95" s="21">
        <f t="shared" ref="BV95:BV106" si="56">AQ95-L95</f>
        <v>44</v>
      </c>
      <c r="BW95" s="21">
        <f t="shared" ref="BW95:BW106" si="57">AR95-M95</f>
        <v>-1</v>
      </c>
      <c r="BX95" s="21">
        <f t="shared" ref="BX95:BX106" si="58">AS95-N95</f>
        <v>0</v>
      </c>
      <c r="BY95" s="21">
        <f t="shared" ref="BY95:BY106" si="59">AT95-O95</f>
        <v>1</v>
      </c>
      <c r="BZ95" s="21">
        <f t="shared" ref="BZ95:BZ106" si="60">AU95-P95</f>
        <v>-1</v>
      </c>
      <c r="CA95" s="21">
        <f t="shared" ref="CA95:CA106" si="61">AV95-Q95</f>
        <v>-16</v>
      </c>
      <c r="CB95" s="21">
        <f t="shared" ref="CB95:CB106" si="62">AW95-R95</f>
        <v>-15</v>
      </c>
      <c r="CC95" s="21">
        <f t="shared" ref="CC95:CC106" si="63">AX95-S95</f>
        <v>-17</v>
      </c>
      <c r="CD95" s="21">
        <f t="shared" ref="CD95:CD106" si="64">AY95-T95</f>
        <v>-16</v>
      </c>
      <c r="CE95" s="21">
        <f t="shared" ref="CE95:CE106" si="65">AZ95-U95</f>
        <v>38</v>
      </c>
      <c r="CF95" s="21">
        <f t="shared" ref="CF95:CF106" si="66">BA95-V95</f>
        <v>0</v>
      </c>
      <c r="CG95" s="21">
        <f t="shared" ref="CG95:CG106" si="67">BB95-W95</f>
        <v>0</v>
      </c>
      <c r="CH95" s="21">
        <f t="shared" ref="CH95:CH106" si="68">BC95-X95</f>
        <v>-19</v>
      </c>
      <c r="CI95" s="21">
        <f t="shared" ref="CI95:CI106" si="69">BD95-Y95</f>
        <v>21</v>
      </c>
      <c r="CJ95" s="21">
        <f t="shared" ref="CJ95:CJ106" si="70">BE95-Z95</f>
        <v>7</v>
      </c>
      <c r="CK95" s="21">
        <f t="shared" ref="CK95:CK106" si="71">BF95-AA95</f>
        <v>0</v>
      </c>
      <c r="CL95" s="21">
        <f t="shared" ref="CL95:CL106" si="72">BG95-AB95</f>
        <v>5</v>
      </c>
      <c r="CM95" s="21">
        <f t="shared" ref="CM95:CM106" si="73">BH95-AC95</f>
        <v>0</v>
      </c>
      <c r="CN95" s="21">
        <f t="shared" ref="CN95:CN106" si="74">BI95-AD95</f>
        <v>0</v>
      </c>
      <c r="CO95" s="20"/>
    </row>
    <row r="96" spans="1:93" x14ac:dyDescent="0.7">
      <c r="A96" s="7"/>
      <c r="E96" s="8" t="s">
        <v>28</v>
      </c>
      <c r="F96" s="42">
        <v>8756</v>
      </c>
      <c r="G96" s="42">
        <v>8009</v>
      </c>
      <c r="H96" s="42">
        <v>9324</v>
      </c>
      <c r="I96" s="42">
        <v>8507</v>
      </c>
      <c r="J96" s="42">
        <v>6289</v>
      </c>
      <c r="K96" s="42">
        <v>7995</v>
      </c>
      <c r="L96" s="42">
        <v>8694</v>
      </c>
      <c r="M96" s="42">
        <v>8401</v>
      </c>
      <c r="N96" s="42">
        <v>7515</v>
      </c>
      <c r="O96" s="42">
        <v>9156</v>
      </c>
      <c r="P96" s="42">
        <v>8926</v>
      </c>
      <c r="Q96" s="42">
        <v>8530</v>
      </c>
      <c r="R96" s="42">
        <v>7922</v>
      </c>
      <c r="S96" s="42">
        <v>8931</v>
      </c>
      <c r="T96" s="42">
        <v>8325</v>
      </c>
      <c r="U96" s="42">
        <v>7844</v>
      </c>
      <c r="V96" s="42">
        <v>7138</v>
      </c>
      <c r="W96" s="42">
        <v>8313</v>
      </c>
      <c r="X96" s="42">
        <v>7705</v>
      </c>
      <c r="Y96" s="42">
        <v>7006</v>
      </c>
      <c r="Z96" s="42">
        <v>6046</v>
      </c>
      <c r="AA96" s="42">
        <v>6938</v>
      </c>
      <c r="AB96" s="42">
        <v>6739</v>
      </c>
      <c r="AC96" s="42">
        <v>6531</v>
      </c>
      <c r="AD96" s="42">
        <v>5585</v>
      </c>
      <c r="AE96" s="7"/>
      <c r="AF96" s="13"/>
      <c r="AG96" s="9"/>
      <c r="AH96" s="9"/>
      <c r="AI96" s="9"/>
      <c r="AJ96" s="9" t="s">
        <v>28</v>
      </c>
      <c r="AK96" s="21">
        <v>8757</v>
      </c>
      <c r="AL96" s="21">
        <v>8010</v>
      </c>
      <c r="AM96" s="21">
        <v>9324</v>
      </c>
      <c r="AN96" s="21">
        <v>8508</v>
      </c>
      <c r="AO96" s="21">
        <v>6309</v>
      </c>
      <c r="AP96" s="21">
        <v>7998</v>
      </c>
      <c r="AQ96" s="21">
        <v>8737</v>
      </c>
      <c r="AR96" s="21">
        <v>8400</v>
      </c>
      <c r="AS96" s="21">
        <v>7515</v>
      </c>
      <c r="AT96" s="21">
        <v>9156</v>
      </c>
      <c r="AU96" s="21">
        <v>8925</v>
      </c>
      <c r="AV96" s="21">
        <v>8514</v>
      </c>
      <c r="AW96" s="21">
        <v>7907</v>
      </c>
      <c r="AX96" s="21">
        <v>8914</v>
      </c>
      <c r="AY96" s="21">
        <v>8309</v>
      </c>
      <c r="AZ96" s="21">
        <v>7881</v>
      </c>
      <c r="BA96" s="21">
        <v>7139</v>
      </c>
      <c r="BB96" s="21">
        <v>8313</v>
      </c>
      <c r="BC96" s="21">
        <v>7687</v>
      </c>
      <c r="BD96" s="21">
        <v>7026</v>
      </c>
      <c r="BE96" s="21">
        <v>6052</v>
      </c>
      <c r="BF96" s="21">
        <v>6938</v>
      </c>
      <c r="BG96" s="21">
        <v>6739</v>
      </c>
      <c r="BH96" s="21">
        <v>6531</v>
      </c>
      <c r="BI96" s="21">
        <v>5585</v>
      </c>
      <c r="BJ96" s="14"/>
      <c r="BK96" s="16"/>
      <c r="BL96" s="9"/>
      <c r="BM96" s="9"/>
      <c r="BN96" s="9"/>
      <c r="BO96" s="9" t="s">
        <v>28</v>
      </c>
      <c r="BP96" s="21">
        <f t="shared" si="50"/>
        <v>1</v>
      </c>
      <c r="BQ96" s="21">
        <f t="shared" si="51"/>
        <v>1</v>
      </c>
      <c r="BR96" s="21">
        <f t="shared" si="52"/>
        <v>0</v>
      </c>
      <c r="BS96" s="21">
        <f t="shared" si="53"/>
        <v>1</v>
      </c>
      <c r="BT96" s="21">
        <f t="shared" si="54"/>
        <v>20</v>
      </c>
      <c r="BU96" s="21">
        <f t="shared" si="55"/>
        <v>3</v>
      </c>
      <c r="BV96" s="21">
        <f t="shared" si="56"/>
        <v>43</v>
      </c>
      <c r="BW96" s="21">
        <f t="shared" si="57"/>
        <v>-1</v>
      </c>
      <c r="BX96" s="21">
        <f t="shared" si="58"/>
        <v>0</v>
      </c>
      <c r="BY96" s="21">
        <f t="shared" si="59"/>
        <v>0</v>
      </c>
      <c r="BZ96" s="21">
        <f t="shared" si="60"/>
        <v>-1</v>
      </c>
      <c r="CA96" s="21">
        <f t="shared" si="61"/>
        <v>-16</v>
      </c>
      <c r="CB96" s="21">
        <f t="shared" si="62"/>
        <v>-15</v>
      </c>
      <c r="CC96" s="21">
        <f t="shared" si="63"/>
        <v>-17</v>
      </c>
      <c r="CD96" s="21">
        <f t="shared" si="64"/>
        <v>-16</v>
      </c>
      <c r="CE96" s="21">
        <f t="shared" si="65"/>
        <v>37</v>
      </c>
      <c r="CF96" s="21">
        <f t="shared" si="66"/>
        <v>1</v>
      </c>
      <c r="CG96" s="21">
        <f t="shared" si="67"/>
        <v>0</v>
      </c>
      <c r="CH96" s="21">
        <f t="shared" si="68"/>
        <v>-18</v>
      </c>
      <c r="CI96" s="21">
        <f t="shared" si="69"/>
        <v>20</v>
      </c>
      <c r="CJ96" s="21">
        <f t="shared" si="70"/>
        <v>6</v>
      </c>
      <c r="CK96" s="21">
        <f t="shared" si="71"/>
        <v>0</v>
      </c>
      <c r="CL96" s="21">
        <f t="shared" si="72"/>
        <v>0</v>
      </c>
      <c r="CM96" s="21">
        <f t="shared" si="73"/>
        <v>0</v>
      </c>
      <c r="CN96" s="21">
        <f t="shared" si="74"/>
        <v>0</v>
      </c>
      <c r="CO96" s="20"/>
    </row>
    <row r="97" spans="1:93" x14ac:dyDescent="0.7">
      <c r="A97" s="7"/>
      <c r="E97" s="8" t="s">
        <v>29</v>
      </c>
      <c r="F97" s="42">
        <v>289</v>
      </c>
      <c r="G97" s="42">
        <v>251</v>
      </c>
      <c r="H97" s="42">
        <v>273</v>
      </c>
      <c r="I97" s="42">
        <v>265</v>
      </c>
      <c r="J97" s="42">
        <v>186</v>
      </c>
      <c r="K97" s="42">
        <v>204</v>
      </c>
      <c r="L97" s="42">
        <v>201</v>
      </c>
      <c r="M97" s="42">
        <v>193</v>
      </c>
      <c r="N97" s="42">
        <v>151</v>
      </c>
      <c r="O97" s="42">
        <v>178</v>
      </c>
      <c r="P97" s="42">
        <v>169</v>
      </c>
      <c r="Q97" s="42">
        <v>164</v>
      </c>
      <c r="R97" s="42">
        <v>135</v>
      </c>
      <c r="S97" s="42">
        <v>156</v>
      </c>
      <c r="T97" s="42">
        <v>151</v>
      </c>
      <c r="U97" s="42">
        <v>156</v>
      </c>
      <c r="V97" s="42">
        <v>79</v>
      </c>
      <c r="W97" s="42">
        <v>88</v>
      </c>
      <c r="X97" s="42">
        <v>80</v>
      </c>
      <c r="Y97" s="42">
        <v>74</v>
      </c>
      <c r="Z97" s="42">
        <v>59</v>
      </c>
      <c r="AA97" s="42">
        <v>63</v>
      </c>
      <c r="AB97" s="42">
        <v>57</v>
      </c>
      <c r="AC97" s="42">
        <v>55</v>
      </c>
      <c r="AD97" s="42">
        <v>41</v>
      </c>
      <c r="AE97" s="7"/>
      <c r="AF97" s="13"/>
      <c r="AG97" s="9"/>
      <c r="AH97" s="9"/>
      <c r="AI97" s="9"/>
      <c r="AJ97" s="9" t="s">
        <v>29</v>
      </c>
      <c r="AK97" s="21">
        <v>289</v>
      </c>
      <c r="AL97" s="21">
        <v>251</v>
      </c>
      <c r="AM97" s="21">
        <v>273</v>
      </c>
      <c r="AN97" s="21">
        <v>265</v>
      </c>
      <c r="AO97" s="21">
        <v>187</v>
      </c>
      <c r="AP97" s="21">
        <v>205</v>
      </c>
      <c r="AQ97" s="21">
        <v>204</v>
      </c>
      <c r="AR97" s="21">
        <v>193</v>
      </c>
      <c r="AS97" s="21">
        <v>149</v>
      </c>
      <c r="AT97" s="21">
        <v>167</v>
      </c>
      <c r="AU97" s="21">
        <v>154</v>
      </c>
      <c r="AV97" s="21">
        <v>147</v>
      </c>
      <c r="AW97" s="21">
        <v>117</v>
      </c>
      <c r="AX97" s="21">
        <v>123</v>
      </c>
      <c r="AY97" s="21">
        <v>105</v>
      </c>
      <c r="AZ97" s="21">
        <v>103</v>
      </c>
      <c r="BA97" s="21">
        <v>79</v>
      </c>
      <c r="BB97" s="21">
        <v>88</v>
      </c>
      <c r="BC97" s="21">
        <v>78</v>
      </c>
      <c r="BD97" s="21">
        <v>74</v>
      </c>
      <c r="BE97" s="21">
        <v>59</v>
      </c>
      <c r="BF97" s="21">
        <v>63</v>
      </c>
      <c r="BG97" s="21">
        <v>57</v>
      </c>
      <c r="BH97" s="21">
        <v>55</v>
      </c>
      <c r="BI97" s="21">
        <v>41</v>
      </c>
      <c r="BJ97" s="14"/>
      <c r="BK97" s="16"/>
      <c r="BL97" s="9"/>
      <c r="BM97" s="9"/>
      <c r="BN97" s="9"/>
      <c r="BO97" s="9" t="s">
        <v>29</v>
      </c>
      <c r="BP97" s="21">
        <f t="shared" si="50"/>
        <v>0</v>
      </c>
      <c r="BQ97" s="21">
        <f t="shared" si="51"/>
        <v>0</v>
      </c>
      <c r="BR97" s="21">
        <f t="shared" si="52"/>
        <v>0</v>
      </c>
      <c r="BS97" s="21">
        <f t="shared" si="53"/>
        <v>0</v>
      </c>
      <c r="BT97" s="21">
        <f t="shared" si="54"/>
        <v>1</v>
      </c>
      <c r="BU97" s="21">
        <f t="shared" si="55"/>
        <v>1</v>
      </c>
      <c r="BV97" s="21">
        <f t="shared" si="56"/>
        <v>3</v>
      </c>
      <c r="BW97" s="21">
        <f t="shared" si="57"/>
        <v>0</v>
      </c>
      <c r="BX97" s="21">
        <f t="shared" si="58"/>
        <v>-2</v>
      </c>
      <c r="BY97" s="21">
        <f t="shared" si="59"/>
        <v>-11</v>
      </c>
      <c r="BZ97" s="21">
        <f t="shared" si="60"/>
        <v>-15</v>
      </c>
      <c r="CA97" s="21">
        <f t="shared" si="61"/>
        <v>-17</v>
      </c>
      <c r="CB97" s="21">
        <f t="shared" si="62"/>
        <v>-18</v>
      </c>
      <c r="CC97" s="21">
        <f t="shared" si="63"/>
        <v>-33</v>
      </c>
      <c r="CD97" s="21">
        <f t="shared" si="64"/>
        <v>-46</v>
      </c>
      <c r="CE97" s="21">
        <f t="shared" si="65"/>
        <v>-53</v>
      </c>
      <c r="CF97" s="21">
        <f t="shared" si="66"/>
        <v>0</v>
      </c>
      <c r="CG97" s="21">
        <f t="shared" si="67"/>
        <v>0</v>
      </c>
      <c r="CH97" s="21">
        <f t="shared" si="68"/>
        <v>-2</v>
      </c>
      <c r="CI97" s="21">
        <f t="shared" si="69"/>
        <v>0</v>
      </c>
      <c r="CJ97" s="21">
        <f t="shared" si="70"/>
        <v>0</v>
      </c>
      <c r="CK97" s="21">
        <f t="shared" si="71"/>
        <v>0</v>
      </c>
      <c r="CL97" s="21">
        <f t="shared" si="72"/>
        <v>0</v>
      </c>
      <c r="CM97" s="21">
        <f t="shared" si="73"/>
        <v>0</v>
      </c>
      <c r="CN97" s="21">
        <f t="shared" si="74"/>
        <v>0</v>
      </c>
      <c r="CO97" s="20"/>
    </row>
    <row r="98" spans="1:93" x14ac:dyDescent="0.7">
      <c r="A98" s="7"/>
      <c r="E98" s="8" t="s">
        <v>30</v>
      </c>
      <c r="F98" s="42">
        <v>4402</v>
      </c>
      <c r="G98" s="42">
        <v>3849</v>
      </c>
      <c r="H98" s="42">
        <v>4770</v>
      </c>
      <c r="I98" s="42">
        <v>4144</v>
      </c>
      <c r="J98" s="42">
        <v>2774</v>
      </c>
      <c r="K98" s="42">
        <v>3499</v>
      </c>
      <c r="L98" s="42">
        <v>4347</v>
      </c>
      <c r="M98" s="42">
        <v>4200</v>
      </c>
      <c r="N98" s="42">
        <v>3670</v>
      </c>
      <c r="O98" s="42">
        <v>4732</v>
      </c>
      <c r="P98" s="42">
        <v>4556</v>
      </c>
      <c r="Q98" s="42">
        <v>4290</v>
      </c>
      <c r="R98" s="42">
        <v>3879</v>
      </c>
      <c r="S98" s="42">
        <v>4441</v>
      </c>
      <c r="T98" s="42">
        <v>4042</v>
      </c>
      <c r="U98" s="42">
        <v>3775</v>
      </c>
      <c r="V98" s="42">
        <v>3442</v>
      </c>
      <c r="W98" s="42">
        <v>4221</v>
      </c>
      <c r="X98" s="42">
        <v>3811</v>
      </c>
      <c r="Y98" s="42">
        <v>3203</v>
      </c>
      <c r="Z98" s="42">
        <v>2497</v>
      </c>
      <c r="AA98" s="42">
        <v>2993</v>
      </c>
      <c r="AB98" s="42">
        <v>2960</v>
      </c>
      <c r="AC98" s="42">
        <v>2986</v>
      </c>
      <c r="AD98" s="42">
        <v>2308</v>
      </c>
      <c r="AE98" s="7"/>
      <c r="AF98" s="13"/>
      <c r="AG98" s="9"/>
      <c r="AH98" s="9"/>
      <c r="AI98" s="9"/>
      <c r="AJ98" s="9" t="s">
        <v>30</v>
      </c>
      <c r="AK98" s="21">
        <v>4402</v>
      </c>
      <c r="AL98" s="21">
        <v>3849</v>
      </c>
      <c r="AM98" s="21">
        <v>4770</v>
      </c>
      <c r="AN98" s="21">
        <v>4144</v>
      </c>
      <c r="AO98" s="21">
        <v>2789</v>
      </c>
      <c r="AP98" s="21">
        <v>3500</v>
      </c>
      <c r="AQ98" s="21">
        <v>4375</v>
      </c>
      <c r="AR98" s="21">
        <v>4200</v>
      </c>
      <c r="AS98" s="21">
        <v>3675</v>
      </c>
      <c r="AT98" s="21">
        <v>4752</v>
      </c>
      <c r="AU98" s="21">
        <v>4583</v>
      </c>
      <c r="AV98" s="21">
        <v>4312</v>
      </c>
      <c r="AW98" s="21">
        <v>3904</v>
      </c>
      <c r="AX98" s="21">
        <v>4492</v>
      </c>
      <c r="AY98" s="21">
        <v>4118</v>
      </c>
      <c r="AZ98" s="21">
        <v>3888</v>
      </c>
      <c r="BA98" s="21">
        <v>3442</v>
      </c>
      <c r="BB98" s="21">
        <v>4221</v>
      </c>
      <c r="BC98" s="21">
        <v>3799</v>
      </c>
      <c r="BD98" s="21">
        <v>3224</v>
      </c>
      <c r="BE98" s="21">
        <v>2503</v>
      </c>
      <c r="BF98" s="21">
        <v>2993</v>
      </c>
      <c r="BG98" s="21">
        <v>2960</v>
      </c>
      <c r="BH98" s="21">
        <v>2986</v>
      </c>
      <c r="BI98" s="21">
        <v>2308</v>
      </c>
      <c r="BJ98" s="14"/>
      <c r="BK98" s="16"/>
      <c r="BL98" s="9"/>
      <c r="BM98" s="9"/>
      <c r="BN98" s="9"/>
      <c r="BO98" s="9" t="s">
        <v>30</v>
      </c>
      <c r="BP98" s="21">
        <f t="shared" si="50"/>
        <v>0</v>
      </c>
      <c r="BQ98" s="21">
        <f t="shared" si="51"/>
        <v>0</v>
      </c>
      <c r="BR98" s="21">
        <f t="shared" si="52"/>
        <v>0</v>
      </c>
      <c r="BS98" s="21">
        <f t="shared" si="53"/>
        <v>0</v>
      </c>
      <c r="BT98" s="21">
        <f t="shared" si="54"/>
        <v>15</v>
      </c>
      <c r="BU98" s="21">
        <f t="shared" si="55"/>
        <v>1</v>
      </c>
      <c r="BV98" s="21">
        <f t="shared" si="56"/>
        <v>28</v>
      </c>
      <c r="BW98" s="21">
        <f t="shared" si="57"/>
        <v>0</v>
      </c>
      <c r="BX98" s="21">
        <f t="shared" si="58"/>
        <v>5</v>
      </c>
      <c r="BY98" s="21">
        <f t="shared" si="59"/>
        <v>20</v>
      </c>
      <c r="BZ98" s="21">
        <f t="shared" si="60"/>
        <v>27</v>
      </c>
      <c r="CA98" s="21">
        <f t="shared" si="61"/>
        <v>22</v>
      </c>
      <c r="CB98" s="21">
        <f t="shared" si="62"/>
        <v>25</v>
      </c>
      <c r="CC98" s="21">
        <f t="shared" si="63"/>
        <v>51</v>
      </c>
      <c r="CD98" s="21">
        <f t="shared" si="64"/>
        <v>76</v>
      </c>
      <c r="CE98" s="21">
        <f t="shared" si="65"/>
        <v>113</v>
      </c>
      <c r="CF98" s="21">
        <f t="shared" si="66"/>
        <v>0</v>
      </c>
      <c r="CG98" s="21">
        <f t="shared" si="67"/>
        <v>0</v>
      </c>
      <c r="CH98" s="21">
        <f t="shared" si="68"/>
        <v>-12</v>
      </c>
      <c r="CI98" s="21">
        <f t="shared" si="69"/>
        <v>21</v>
      </c>
      <c r="CJ98" s="21">
        <f t="shared" si="70"/>
        <v>6</v>
      </c>
      <c r="CK98" s="21">
        <f t="shared" si="71"/>
        <v>0</v>
      </c>
      <c r="CL98" s="21">
        <f t="shared" si="72"/>
        <v>0</v>
      </c>
      <c r="CM98" s="21">
        <f t="shared" si="73"/>
        <v>0</v>
      </c>
      <c r="CN98" s="21">
        <f t="shared" si="74"/>
        <v>0</v>
      </c>
      <c r="CO98" s="20"/>
    </row>
    <row r="99" spans="1:93" x14ac:dyDescent="0.7">
      <c r="A99" s="7"/>
      <c r="E99" s="8" t="s">
        <v>31</v>
      </c>
      <c r="F99" s="42">
        <v>4065</v>
      </c>
      <c r="G99" s="42">
        <v>3909</v>
      </c>
      <c r="H99" s="42">
        <v>4281</v>
      </c>
      <c r="I99" s="42">
        <v>4098</v>
      </c>
      <c r="J99" s="42">
        <v>3329</v>
      </c>
      <c r="K99" s="42">
        <v>4292</v>
      </c>
      <c r="L99" s="42">
        <v>4146</v>
      </c>
      <c r="M99" s="42">
        <v>4008</v>
      </c>
      <c r="N99" s="42">
        <v>3694</v>
      </c>
      <c r="O99" s="42">
        <v>4246</v>
      </c>
      <c r="P99" s="42">
        <v>4201</v>
      </c>
      <c r="Q99" s="42">
        <v>4076</v>
      </c>
      <c r="R99" s="42">
        <v>3908</v>
      </c>
      <c r="S99" s="42">
        <v>4334</v>
      </c>
      <c r="T99" s="42">
        <v>4132</v>
      </c>
      <c r="U99" s="42">
        <v>3913</v>
      </c>
      <c r="V99" s="42">
        <v>3617</v>
      </c>
      <c r="W99" s="42">
        <v>4004</v>
      </c>
      <c r="X99" s="42">
        <v>3814</v>
      </c>
      <c r="Y99" s="42">
        <v>3728</v>
      </c>
      <c r="Z99" s="42">
        <v>3490</v>
      </c>
      <c r="AA99" s="42">
        <v>3883</v>
      </c>
      <c r="AB99" s="42">
        <v>3722</v>
      </c>
      <c r="AC99" s="42">
        <v>3490</v>
      </c>
      <c r="AD99" s="42">
        <v>3236</v>
      </c>
      <c r="AE99" s="7"/>
      <c r="AF99" s="13"/>
      <c r="AG99" s="9"/>
      <c r="AH99" s="9"/>
      <c r="AI99" s="9"/>
      <c r="AJ99" s="9" t="s">
        <v>31</v>
      </c>
      <c r="AK99" s="21">
        <v>4065</v>
      </c>
      <c r="AL99" s="21">
        <v>3909</v>
      </c>
      <c r="AM99" s="21">
        <v>4281</v>
      </c>
      <c r="AN99" s="21">
        <v>4098</v>
      </c>
      <c r="AO99" s="21">
        <v>3333</v>
      </c>
      <c r="AP99" s="21">
        <v>4293</v>
      </c>
      <c r="AQ99" s="21">
        <v>4158</v>
      </c>
      <c r="AR99" s="21">
        <v>4008</v>
      </c>
      <c r="AS99" s="21">
        <v>3691</v>
      </c>
      <c r="AT99" s="21">
        <v>4238</v>
      </c>
      <c r="AU99" s="21">
        <v>4188</v>
      </c>
      <c r="AV99" s="21">
        <v>4055</v>
      </c>
      <c r="AW99" s="21">
        <v>3887</v>
      </c>
      <c r="AX99" s="21">
        <v>4299</v>
      </c>
      <c r="AY99" s="21">
        <v>4086</v>
      </c>
      <c r="AZ99" s="21">
        <v>3890</v>
      </c>
      <c r="BA99" s="21">
        <v>3617</v>
      </c>
      <c r="BB99" s="21">
        <v>4004</v>
      </c>
      <c r="BC99" s="21">
        <v>3810</v>
      </c>
      <c r="BD99" s="21">
        <v>3728</v>
      </c>
      <c r="BE99" s="21">
        <v>3490</v>
      </c>
      <c r="BF99" s="21">
        <v>3883</v>
      </c>
      <c r="BG99" s="21">
        <v>3722</v>
      </c>
      <c r="BH99" s="21">
        <v>3490</v>
      </c>
      <c r="BI99" s="21">
        <v>3236</v>
      </c>
      <c r="BJ99" s="14"/>
      <c r="BK99" s="16"/>
      <c r="BL99" s="9"/>
      <c r="BM99" s="9"/>
      <c r="BN99" s="9"/>
      <c r="BO99" s="9" t="s">
        <v>31</v>
      </c>
      <c r="BP99" s="21">
        <f t="shared" si="50"/>
        <v>0</v>
      </c>
      <c r="BQ99" s="21">
        <f t="shared" si="51"/>
        <v>0</v>
      </c>
      <c r="BR99" s="21">
        <f t="shared" si="52"/>
        <v>0</v>
      </c>
      <c r="BS99" s="21">
        <f t="shared" si="53"/>
        <v>0</v>
      </c>
      <c r="BT99" s="21">
        <f t="shared" si="54"/>
        <v>4</v>
      </c>
      <c r="BU99" s="21">
        <f t="shared" si="55"/>
        <v>1</v>
      </c>
      <c r="BV99" s="21">
        <f t="shared" si="56"/>
        <v>12</v>
      </c>
      <c r="BW99" s="21">
        <f t="shared" si="57"/>
        <v>0</v>
      </c>
      <c r="BX99" s="21">
        <f t="shared" si="58"/>
        <v>-3</v>
      </c>
      <c r="BY99" s="21">
        <f t="shared" si="59"/>
        <v>-8</v>
      </c>
      <c r="BZ99" s="21">
        <f t="shared" si="60"/>
        <v>-13</v>
      </c>
      <c r="CA99" s="21">
        <f t="shared" si="61"/>
        <v>-21</v>
      </c>
      <c r="CB99" s="21">
        <f t="shared" si="62"/>
        <v>-21</v>
      </c>
      <c r="CC99" s="21">
        <f t="shared" si="63"/>
        <v>-35</v>
      </c>
      <c r="CD99" s="21">
        <f t="shared" si="64"/>
        <v>-46</v>
      </c>
      <c r="CE99" s="21">
        <f t="shared" si="65"/>
        <v>-23</v>
      </c>
      <c r="CF99" s="21">
        <f t="shared" si="66"/>
        <v>0</v>
      </c>
      <c r="CG99" s="21">
        <f t="shared" si="67"/>
        <v>0</v>
      </c>
      <c r="CH99" s="21">
        <f t="shared" si="68"/>
        <v>-4</v>
      </c>
      <c r="CI99" s="21">
        <f t="shared" si="69"/>
        <v>0</v>
      </c>
      <c r="CJ99" s="21">
        <f t="shared" si="70"/>
        <v>0</v>
      </c>
      <c r="CK99" s="21">
        <f t="shared" si="71"/>
        <v>0</v>
      </c>
      <c r="CL99" s="21">
        <f t="shared" si="72"/>
        <v>0</v>
      </c>
      <c r="CM99" s="21">
        <f t="shared" si="73"/>
        <v>0</v>
      </c>
      <c r="CN99" s="21">
        <f t="shared" si="74"/>
        <v>0</v>
      </c>
      <c r="CO99" s="20"/>
    </row>
    <row r="100" spans="1:93" x14ac:dyDescent="0.7">
      <c r="A100" s="7"/>
      <c r="E100" s="8" t="s">
        <v>32</v>
      </c>
      <c r="F100" s="42">
        <v>148</v>
      </c>
      <c r="G100" s="42">
        <v>117</v>
      </c>
      <c r="H100" s="42">
        <v>148</v>
      </c>
      <c r="I100" s="42">
        <v>114</v>
      </c>
      <c r="J100" s="42">
        <v>89</v>
      </c>
      <c r="K100" s="42">
        <v>108</v>
      </c>
      <c r="L100" s="42">
        <v>133</v>
      </c>
      <c r="M100" s="42">
        <v>124</v>
      </c>
      <c r="N100" s="42">
        <v>108</v>
      </c>
      <c r="O100" s="42">
        <v>133</v>
      </c>
      <c r="P100" s="42">
        <v>138</v>
      </c>
      <c r="Q100" s="42">
        <v>141</v>
      </c>
      <c r="R100" s="42">
        <v>125</v>
      </c>
      <c r="S100" s="42">
        <v>142</v>
      </c>
      <c r="T100" s="42">
        <v>145</v>
      </c>
      <c r="U100" s="42">
        <v>136</v>
      </c>
      <c r="V100" s="42">
        <v>120</v>
      </c>
      <c r="W100" s="42">
        <v>132</v>
      </c>
      <c r="X100" s="42">
        <v>143</v>
      </c>
      <c r="Y100" s="42">
        <v>133</v>
      </c>
      <c r="Z100" s="42">
        <v>120</v>
      </c>
      <c r="AA100" s="42">
        <v>137</v>
      </c>
      <c r="AB100" s="42">
        <v>132</v>
      </c>
      <c r="AC100" s="42">
        <v>128</v>
      </c>
      <c r="AD100" s="42">
        <v>111</v>
      </c>
      <c r="AE100" s="7"/>
      <c r="AF100" s="13"/>
      <c r="AG100" s="9"/>
      <c r="AH100" s="9"/>
      <c r="AI100" s="9"/>
      <c r="AJ100" s="9" t="s">
        <v>32</v>
      </c>
      <c r="AK100" s="21">
        <v>148</v>
      </c>
      <c r="AL100" s="21">
        <v>117</v>
      </c>
      <c r="AM100" s="21">
        <v>148</v>
      </c>
      <c r="AN100" s="21">
        <v>114</v>
      </c>
      <c r="AO100" s="21">
        <v>90</v>
      </c>
      <c r="AP100" s="21">
        <v>108</v>
      </c>
      <c r="AQ100" s="21">
        <v>134</v>
      </c>
      <c r="AR100" s="21">
        <v>124</v>
      </c>
      <c r="AS100" s="21">
        <v>108</v>
      </c>
      <c r="AT100" s="21">
        <v>133</v>
      </c>
      <c r="AU100" s="21">
        <v>138</v>
      </c>
      <c r="AV100" s="21">
        <v>141</v>
      </c>
      <c r="AW100" s="21">
        <v>125</v>
      </c>
      <c r="AX100" s="21">
        <v>142</v>
      </c>
      <c r="AY100" s="21">
        <v>144</v>
      </c>
      <c r="AZ100" s="21">
        <v>137</v>
      </c>
      <c r="BA100" s="21">
        <v>120</v>
      </c>
      <c r="BB100" s="21">
        <v>132</v>
      </c>
      <c r="BC100" s="21">
        <v>143</v>
      </c>
      <c r="BD100" s="21">
        <v>133</v>
      </c>
      <c r="BE100" s="21">
        <v>120</v>
      </c>
      <c r="BF100" s="21">
        <v>137</v>
      </c>
      <c r="BG100" s="21">
        <v>137</v>
      </c>
      <c r="BH100" s="21">
        <v>128</v>
      </c>
      <c r="BI100" s="21">
        <v>111</v>
      </c>
      <c r="BJ100" s="14"/>
      <c r="BK100" s="16"/>
      <c r="BL100" s="9"/>
      <c r="BM100" s="9"/>
      <c r="BN100" s="9"/>
      <c r="BO100" s="9" t="s">
        <v>32</v>
      </c>
      <c r="BP100" s="21">
        <f t="shared" si="50"/>
        <v>0</v>
      </c>
      <c r="BQ100" s="21">
        <f t="shared" si="51"/>
        <v>0</v>
      </c>
      <c r="BR100" s="21">
        <f t="shared" si="52"/>
        <v>0</v>
      </c>
      <c r="BS100" s="21">
        <f t="shared" si="53"/>
        <v>0</v>
      </c>
      <c r="BT100" s="21">
        <f t="shared" si="54"/>
        <v>1</v>
      </c>
      <c r="BU100" s="21">
        <f t="shared" si="55"/>
        <v>0</v>
      </c>
      <c r="BV100" s="21">
        <f t="shared" si="56"/>
        <v>1</v>
      </c>
      <c r="BW100" s="21">
        <f t="shared" si="57"/>
        <v>0</v>
      </c>
      <c r="BX100" s="21">
        <f t="shared" si="58"/>
        <v>0</v>
      </c>
      <c r="BY100" s="21">
        <f t="shared" si="59"/>
        <v>0</v>
      </c>
      <c r="BZ100" s="21">
        <f t="shared" si="60"/>
        <v>0</v>
      </c>
      <c r="CA100" s="21">
        <f t="shared" si="61"/>
        <v>0</v>
      </c>
      <c r="CB100" s="21">
        <f t="shared" si="62"/>
        <v>0</v>
      </c>
      <c r="CC100" s="21">
        <f t="shared" si="63"/>
        <v>0</v>
      </c>
      <c r="CD100" s="21">
        <f t="shared" si="64"/>
        <v>-1</v>
      </c>
      <c r="CE100" s="21">
        <f t="shared" si="65"/>
        <v>1</v>
      </c>
      <c r="CF100" s="21">
        <f t="shared" si="66"/>
        <v>0</v>
      </c>
      <c r="CG100" s="21">
        <f t="shared" si="67"/>
        <v>0</v>
      </c>
      <c r="CH100" s="21">
        <f t="shared" si="68"/>
        <v>0</v>
      </c>
      <c r="CI100" s="21">
        <f t="shared" si="69"/>
        <v>0</v>
      </c>
      <c r="CJ100" s="21">
        <f t="shared" si="70"/>
        <v>0</v>
      </c>
      <c r="CK100" s="21">
        <f t="shared" si="71"/>
        <v>0</v>
      </c>
      <c r="CL100" s="21">
        <f t="shared" si="72"/>
        <v>5</v>
      </c>
      <c r="CM100" s="21">
        <f t="shared" si="73"/>
        <v>0</v>
      </c>
      <c r="CN100" s="21">
        <f t="shared" si="74"/>
        <v>0</v>
      </c>
      <c r="CO100" s="20"/>
    </row>
    <row r="101" spans="1:93" x14ac:dyDescent="0.7">
      <c r="A101" s="7"/>
      <c r="E101" s="8" t="s">
        <v>33</v>
      </c>
      <c r="F101" s="42">
        <v>148</v>
      </c>
      <c r="G101" s="42">
        <v>117</v>
      </c>
      <c r="H101" s="42">
        <v>148</v>
      </c>
      <c r="I101" s="42">
        <v>114</v>
      </c>
      <c r="J101" s="42">
        <v>89</v>
      </c>
      <c r="K101" s="42">
        <v>108</v>
      </c>
      <c r="L101" s="42">
        <v>133</v>
      </c>
      <c r="M101" s="42">
        <v>124</v>
      </c>
      <c r="N101" s="42">
        <v>108</v>
      </c>
      <c r="O101" s="42">
        <v>133</v>
      </c>
      <c r="P101" s="42">
        <v>138</v>
      </c>
      <c r="Q101" s="42">
        <v>141</v>
      </c>
      <c r="R101" s="42">
        <v>125</v>
      </c>
      <c r="S101" s="42">
        <v>142</v>
      </c>
      <c r="T101" s="42">
        <v>145</v>
      </c>
      <c r="U101" s="42">
        <v>136</v>
      </c>
      <c r="V101" s="42">
        <v>120</v>
      </c>
      <c r="W101" s="42">
        <v>132</v>
      </c>
      <c r="X101" s="42">
        <v>143</v>
      </c>
      <c r="Y101" s="42">
        <v>133</v>
      </c>
      <c r="Z101" s="42">
        <v>120</v>
      </c>
      <c r="AA101" s="42">
        <v>137</v>
      </c>
      <c r="AB101" s="42">
        <v>132</v>
      </c>
      <c r="AC101" s="42">
        <v>128</v>
      </c>
      <c r="AD101" s="42">
        <v>111</v>
      </c>
      <c r="AE101" s="7"/>
      <c r="AF101" s="13"/>
      <c r="AG101" s="9"/>
      <c r="AH101" s="9"/>
      <c r="AI101" s="9"/>
      <c r="AJ101" s="9" t="s">
        <v>33</v>
      </c>
      <c r="AK101" s="21">
        <v>148</v>
      </c>
      <c r="AL101" s="21">
        <v>117</v>
      </c>
      <c r="AM101" s="21">
        <v>148</v>
      </c>
      <c r="AN101" s="21">
        <v>114</v>
      </c>
      <c r="AO101" s="21">
        <v>90</v>
      </c>
      <c r="AP101" s="21">
        <v>108</v>
      </c>
      <c r="AQ101" s="21">
        <v>134</v>
      </c>
      <c r="AR101" s="21">
        <v>124</v>
      </c>
      <c r="AS101" s="21">
        <v>108</v>
      </c>
      <c r="AT101" s="21">
        <v>133</v>
      </c>
      <c r="AU101" s="21">
        <v>138</v>
      </c>
      <c r="AV101" s="21">
        <v>141</v>
      </c>
      <c r="AW101" s="21">
        <v>125</v>
      </c>
      <c r="AX101" s="21">
        <v>142</v>
      </c>
      <c r="AY101" s="21">
        <v>144</v>
      </c>
      <c r="AZ101" s="21">
        <v>137</v>
      </c>
      <c r="BA101" s="21">
        <v>120</v>
      </c>
      <c r="BB101" s="21">
        <v>132</v>
      </c>
      <c r="BC101" s="21">
        <v>143</v>
      </c>
      <c r="BD101" s="21">
        <v>133</v>
      </c>
      <c r="BE101" s="21">
        <v>120</v>
      </c>
      <c r="BF101" s="21">
        <v>137</v>
      </c>
      <c r="BG101" s="21">
        <v>137</v>
      </c>
      <c r="BH101" s="21">
        <v>128</v>
      </c>
      <c r="BI101" s="21">
        <v>111</v>
      </c>
      <c r="BJ101" s="14"/>
      <c r="BK101" s="16"/>
      <c r="BL101" s="9"/>
      <c r="BM101" s="9"/>
      <c r="BN101" s="9"/>
      <c r="BO101" s="9" t="s">
        <v>33</v>
      </c>
      <c r="BP101" s="21">
        <f t="shared" si="50"/>
        <v>0</v>
      </c>
      <c r="BQ101" s="21">
        <f t="shared" si="51"/>
        <v>0</v>
      </c>
      <c r="BR101" s="21">
        <f t="shared" si="52"/>
        <v>0</v>
      </c>
      <c r="BS101" s="21">
        <f t="shared" si="53"/>
        <v>0</v>
      </c>
      <c r="BT101" s="21">
        <f t="shared" si="54"/>
        <v>1</v>
      </c>
      <c r="BU101" s="21">
        <f t="shared" si="55"/>
        <v>0</v>
      </c>
      <c r="BV101" s="21">
        <f t="shared" si="56"/>
        <v>1</v>
      </c>
      <c r="BW101" s="21">
        <f t="shared" si="57"/>
        <v>0</v>
      </c>
      <c r="BX101" s="21">
        <f t="shared" si="58"/>
        <v>0</v>
      </c>
      <c r="BY101" s="21">
        <f t="shared" si="59"/>
        <v>0</v>
      </c>
      <c r="BZ101" s="21">
        <f t="shared" si="60"/>
        <v>0</v>
      </c>
      <c r="CA101" s="21">
        <f t="shared" si="61"/>
        <v>0</v>
      </c>
      <c r="CB101" s="21">
        <f t="shared" si="62"/>
        <v>0</v>
      </c>
      <c r="CC101" s="21">
        <f t="shared" si="63"/>
        <v>0</v>
      </c>
      <c r="CD101" s="21">
        <f t="shared" si="64"/>
        <v>-1</v>
      </c>
      <c r="CE101" s="21">
        <f t="shared" si="65"/>
        <v>1</v>
      </c>
      <c r="CF101" s="21">
        <f t="shared" si="66"/>
        <v>0</v>
      </c>
      <c r="CG101" s="21">
        <f t="shared" si="67"/>
        <v>0</v>
      </c>
      <c r="CH101" s="21">
        <f t="shared" si="68"/>
        <v>0</v>
      </c>
      <c r="CI101" s="21">
        <f t="shared" si="69"/>
        <v>0</v>
      </c>
      <c r="CJ101" s="21">
        <f t="shared" si="70"/>
        <v>0</v>
      </c>
      <c r="CK101" s="21">
        <f t="shared" si="71"/>
        <v>0</v>
      </c>
      <c r="CL101" s="21">
        <f t="shared" si="72"/>
        <v>5</v>
      </c>
      <c r="CM101" s="21">
        <f t="shared" si="73"/>
        <v>0</v>
      </c>
      <c r="CN101" s="21">
        <f t="shared" si="74"/>
        <v>0</v>
      </c>
      <c r="CO101" s="20"/>
    </row>
    <row r="102" spans="1:93" x14ac:dyDescent="0.7">
      <c r="A102" s="7"/>
      <c r="E102" s="8" t="s">
        <v>34</v>
      </c>
      <c r="F102" s="42">
        <v>225</v>
      </c>
      <c r="G102" s="42">
        <v>153</v>
      </c>
      <c r="H102" s="42">
        <v>442</v>
      </c>
      <c r="I102" s="42">
        <v>179</v>
      </c>
      <c r="J102" s="42">
        <v>94</v>
      </c>
      <c r="K102" s="42">
        <v>158</v>
      </c>
      <c r="L102" s="42">
        <v>427</v>
      </c>
      <c r="M102" s="42">
        <v>267</v>
      </c>
      <c r="N102" s="42">
        <v>197</v>
      </c>
      <c r="O102" s="42">
        <v>327</v>
      </c>
      <c r="P102" s="42">
        <v>554</v>
      </c>
      <c r="Q102" s="42">
        <v>274</v>
      </c>
      <c r="R102" s="42">
        <v>196</v>
      </c>
      <c r="S102" s="42">
        <v>336</v>
      </c>
      <c r="T102" s="42">
        <v>451</v>
      </c>
      <c r="U102" s="42">
        <v>217</v>
      </c>
      <c r="V102" s="42">
        <v>165</v>
      </c>
      <c r="W102" s="42">
        <v>278</v>
      </c>
      <c r="X102" s="42">
        <v>377</v>
      </c>
      <c r="Y102" s="42">
        <v>193</v>
      </c>
      <c r="Z102" s="42">
        <v>142</v>
      </c>
      <c r="AA102" s="42">
        <v>230</v>
      </c>
      <c r="AB102" s="42">
        <v>264</v>
      </c>
      <c r="AC102" s="42">
        <v>127</v>
      </c>
      <c r="AD102" s="42">
        <v>89</v>
      </c>
      <c r="AE102" s="7"/>
      <c r="AF102" s="13"/>
      <c r="AG102" s="9"/>
      <c r="AH102" s="9"/>
      <c r="AI102" s="9"/>
      <c r="AJ102" s="9" t="s">
        <v>34</v>
      </c>
      <c r="AK102" s="21">
        <v>225</v>
      </c>
      <c r="AL102" s="21">
        <v>153</v>
      </c>
      <c r="AM102" s="21">
        <v>442</v>
      </c>
      <c r="AN102" s="21">
        <v>179</v>
      </c>
      <c r="AO102" s="21">
        <v>94</v>
      </c>
      <c r="AP102" s="21">
        <v>158</v>
      </c>
      <c r="AQ102" s="21">
        <v>427</v>
      </c>
      <c r="AR102" s="21">
        <v>268</v>
      </c>
      <c r="AS102" s="21">
        <v>198</v>
      </c>
      <c r="AT102" s="21">
        <v>327</v>
      </c>
      <c r="AU102" s="21">
        <v>554</v>
      </c>
      <c r="AV102" s="21">
        <v>274</v>
      </c>
      <c r="AW102" s="21">
        <v>196</v>
      </c>
      <c r="AX102" s="21">
        <v>336</v>
      </c>
      <c r="AY102" s="21">
        <v>451</v>
      </c>
      <c r="AZ102" s="21">
        <v>217</v>
      </c>
      <c r="BA102" s="21">
        <v>164</v>
      </c>
      <c r="BB102" s="21">
        <v>278</v>
      </c>
      <c r="BC102" s="21">
        <v>377</v>
      </c>
      <c r="BD102" s="21">
        <v>193</v>
      </c>
      <c r="BE102" s="21">
        <v>142</v>
      </c>
      <c r="BF102" s="21">
        <v>230</v>
      </c>
      <c r="BG102" s="21">
        <v>264</v>
      </c>
      <c r="BH102" s="21">
        <v>127</v>
      </c>
      <c r="BI102" s="21">
        <v>89</v>
      </c>
      <c r="BJ102" s="14"/>
      <c r="BK102" s="16"/>
      <c r="BL102" s="9"/>
      <c r="BM102" s="9"/>
      <c r="BN102" s="9"/>
      <c r="BO102" s="9" t="s">
        <v>34</v>
      </c>
      <c r="BP102" s="21">
        <f t="shared" si="50"/>
        <v>0</v>
      </c>
      <c r="BQ102" s="21">
        <f t="shared" si="51"/>
        <v>0</v>
      </c>
      <c r="BR102" s="21">
        <f t="shared" si="52"/>
        <v>0</v>
      </c>
      <c r="BS102" s="21">
        <f t="shared" si="53"/>
        <v>0</v>
      </c>
      <c r="BT102" s="21">
        <f t="shared" si="54"/>
        <v>0</v>
      </c>
      <c r="BU102" s="21">
        <f t="shared" si="55"/>
        <v>0</v>
      </c>
      <c r="BV102" s="21">
        <f t="shared" si="56"/>
        <v>0</v>
      </c>
      <c r="BW102" s="21">
        <f t="shared" si="57"/>
        <v>1</v>
      </c>
      <c r="BX102" s="21">
        <f t="shared" si="58"/>
        <v>1</v>
      </c>
      <c r="BY102" s="21">
        <f t="shared" si="59"/>
        <v>0</v>
      </c>
      <c r="BZ102" s="21">
        <f t="shared" si="60"/>
        <v>0</v>
      </c>
      <c r="CA102" s="21">
        <f t="shared" si="61"/>
        <v>0</v>
      </c>
      <c r="CB102" s="21">
        <f t="shared" si="62"/>
        <v>0</v>
      </c>
      <c r="CC102" s="21">
        <f t="shared" si="63"/>
        <v>0</v>
      </c>
      <c r="CD102" s="21">
        <f t="shared" si="64"/>
        <v>0</v>
      </c>
      <c r="CE102" s="21">
        <f t="shared" si="65"/>
        <v>0</v>
      </c>
      <c r="CF102" s="21">
        <f t="shared" si="66"/>
        <v>-1</v>
      </c>
      <c r="CG102" s="21">
        <f t="shared" si="67"/>
        <v>0</v>
      </c>
      <c r="CH102" s="21">
        <f t="shared" si="68"/>
        <v>0</v>
      </c>
      <c r="CI102" s="21">
        <f t="shared" si="69"/>
        <v>0</v>
      </c>
      <c r="CJ102" s="21">
        <f t="shared" si="70"/>
        <v>0</v>
      </c>
      <c r="CK102" s="21">
        <f t="shared" si="71"/>
        <v>0</v>
      </c>
      <c r="CL102" s="21">
        <f t="shared" si="72"/>
        <v>0</v>
      </c>
      <c r="CM102" s="21">
        <f t="shared" si="73"/>
        <v>0</v>
      </c>
      <c r="CN102" s="21">
        <f t="shared" si="74"/>
        <v>0</v>
      </c>
      <c r="CO102" s="20"/>
    </row>
    <row r="103" spans="1:93" x14ac:dyDescent="0.7">
      <c r="A103" s="7"/>
      <c r="E103" s="8" t="s">
        <v>35</v>
      </c>
      <c r="F103" s="42">
        <v>197</v>
      </c>
      <c r="G103" s="42">
        <v>135</v>
      </c>
      <c r="H103" s="42">
        <v>369</v>
      </c>
      <c r="I103" s="42">
        <v>158</v>
      </c>
      <c r="J103" s="42">
        <v>86</v>
      </c>
      <c r="K103" s="42">
        <v>140</v>
      </c>
      <c r="L103" s="42">
        <v>360</v>
      </c>
      <c r="M103" s="42">
        <v>234</v>
      </c>
      <c r="N103" s="42">
        <v>176</v>
      </c>
      <c r="O103" s="42">
        <v>284</v>
      </c>
      <c r="P103" s="42">
        <v>479</v>
      </c>
      <c r="Q103" s="42">
        <v>242</v>
      </c>
      <c r="R103" s="42">
        <v>175</v>
      </c>
      <c r="S103" s="42">
        <v>293</v>
      </c>
      <c r="T103" s="42">
        <v>389</v>
      </c>
      <c r="U103" s="42">
        <v>191</v>
      </c>
      <c r="V103" s="42">
        <v>146</v>
      </c>
      <c r="W103" s="42">
        <v>241</v>
      </c>
      <c r="X103" s="42">
        <v>325</v>
      </c>
      <c r="Y103" s="42">
        <v>170</v>
      </c>
      <c r="Z103" s="42">
        <v>126</v>
      </c>
      <c r="AA103" s="42">
        <v>200</v>
      </c>
      <c r="AB103" s="42">
        <v>225</v>
      </c>
      <c r="AC103" s="42">
        <v>112</v>
      </c>
      <c r="AD103" s="42">
        <v>79</v>
      </c>
      <c r="AE103" s="7"/>
      <c r="AF103" s="13"/>
      <c r="AG103" s="9"/>
      <c r="AH103" s="9"/>
      <c r="AI103" s="9"/>
      <c r="AJ103" s="9" t="s">
        <v>35</v>
      </c>
      <c r="AK103" s="21">
        <v>197</v>
      </c>
      <c r="AL103" s="21">
        <v>135</v>
      </c>
      <c r="AM103" s="21">
        <v>369</v>
      </c>
      <c r="AN103" s="21">
        <v>158</v>
      </c>
      <c r="AO103" s="21">
        <v>86</v>
      </c>
      <c r="AP103" s="21">
        <v>140</v>
      </c>
      <c r="AQ103" s="21">
        <v>360</v>
      </c>
      <c r="AR103" s="21">
        <v>234</v>
      </c>
      <c r="AS103" s="21">
        <v>176</v>
      </c>
      <c r="AT103" s="21">
        <v>284</v>
      </c>
      <c r="AU103" s="21">
        <v>479</v>
      </c>
      <c r="AV103" s="21">
        <v>242</v>
      </c>
      <c r="AW103" s="21">
        <v>175</v>
      </c>
      <c r="AX103" s="21">
        <v>293</v>
      </c>
      <c r="AY103" s="21">
        <v>389</v>
      </c>
      <c r="AZ103" s="21">
        <v>191</v>
      </c>
      <c r="BA103" s="21">
        <v>146</v>
      </c>
      <c r="BB103" s="21">
        <v>241</v>
      </c>
      <c r="BC103" s="21">
        <v>325</v>
      </c>
      <c r="BD103" s="21">
        <v>170</v>
      </c>
      <c r="BE103" s="21">
        <v>126</v>
      </c>
      <c r="BF103" s="21">
        <v>200</v>
      </c>
      <c r="BG103" s="21">
        <v>225</v>
      </c>
      <c r="BH103" s="21">
        <v>112</v>
      </c>
      <c r="BI103" s="21">
        <v>79</v>
      </c>
      <c r="BJ103" s="14"/>
      <c r="BK103" s="16"/>
      <c r="BL103" s="9"/>
      <c r="BM103" s="9"/>
      <c r="BN103" s="9"/>
      <c r="BO103" s="9" t="s">
        <v>35</v>
      </c>
      <c r="BP103" s="21">
        <f t="shared" si="50"/>
        <v>0</v>
      </c>
      <c r="BQ103" s="21">
        <f t="shared" si="51"/>
        <v>0</v>
      </c>
      <c r="BR103" s="21">
        <f t="shared" si="52"/>
        <v>0</v>
      </c>
      <c r="BS103" s="21">
        <f t="shared" si="53"/>
        <v>0</v>
      </c>
      <c r="BT103" s="21">
        <f t="shared" si="54"/>
        <v>0</v>
      </c>
      <c r="BU103" s="21">
        <f t="shared" si="55"/>
        <v>0</v>
      </c>
      <c r="BV103" s="21">
        <f t="shared" si="56"/>
        <v>0</v>
      </c>
      <c r="BW103" s="21">
        <f t="shared" si="57"/>
        <v>0</v>
      </c>
      <c r="BX103" s="21">
        <f t="shared" si="58"/>
        <v>0</v>
      </c>
      <c r="BY103" s="21">
        <f t="shared" si="59"/>
        <v>0</v>
      </c>
      <c r="BZ103" s="21">
        <f t="shared" si="60"/>
        <v>0</v>
      </c>
      <c r="CA103" s="21">
        <f t="shared" si="61"/>
        <v>0</v>
      </c>
      <c r="CB103" s="21">
        <f t="shared" si="62"/>
        <v>0</v>
      </c>
      <c r="CC103" s="21">
        <f t="shared" si="63"/>
        <v>0</v>
      </c>
      <c r="CD103" s="21">
        <f t="shared" si="64"/>
        <v>0</v>
      </c>
      <c r="CE103" s="21">
        <f t="shared" si="65"/>
        <v>0</v>
      </c>
      <c r="CF103" s="21">
        <f t="shared" si="66"/>
        <v>0</v>
      </c>
      <c r="CG103" s="21">
        <f t="shared" si="67"/>
        <v>0</v>
      </c>
      <c r="CH103" s="21">
        <f t="shared" si="68"/>
        <v>0</v>
      </c>
      <c r="CI103" s="21">
        <f t="shared" si="69"/>
        <v>0</v>
      </c>
      <c r="CJ103" s="21">
        <f t="shared" si="70"/>
        <v>0</v>
      </c>
      <c r="CK103" s="21">
        <f t="shared" si="71"/>
        <v>0</v>
      </c>
      <c r="CL103" s="21">
        <f t="shared" si="72"/>
        <v>0</v>
      </c>
      <c r="CM103" s="21">
        <f t="shared" si="73"/>
        <v>0</v>
      </c>
      <c r="CN103" s="21">
        <f t="shared" si="74"/>
        <v>0</v>
      </c>
      <c r="CO103" s="20"/>
    </row>
    <row r="104" spans="1:93" x14ac:dyDescent="0.7">
      <c r="A104" s="7"/>
      <c r="E104" s="8" t="s">
        <v>36</v>
      </c>
      <c r="F104" s="42">
        <v>28</v>
      </c>
      <c r="G104" s="42">
        <v>18</v>
      </c>
      <c r="H104" s="42">
        <v>73</v>
      </c>
      <c r="I104" s="42">
        <v>21</v>
      </c>
      <c r="J104" s="42">
        <v>8</v>
      </c>
      <c r="K104" s="42">
        <v>18</v>
      </c>
      <c r="L104" s="42">
        <v>67</v>
      </c>
      <c r="M104" s="42">
        <v>33</v>
      </c>
      <c r="N104" s="42">
        <v>21</v>
      </c>
      <c r="O104" s="42">
        <v>43</v>
      </c>
      <c r="P104" s="42">
        <v>75</v>
      </c>
      <c r="Q104" s="42">
        <v>32</v>
      </c>
      <c r="R104" s="42">
        <v>21</v>
      </c>
      <c r="S104" s="42">
        <v>43</v>
      </c>
      <c r="T104" s="42">
        <v>62</v>
      </c>
      <c r="U104" s="42">
        <v>26</v>
      </c>
      <c r="V104" s="42">
        <v>19</v>
      </c>
      <c r="W104" s="42">
        <v>37</v>
      </c>
      <c r="X104" s="42">
        <v>53</v>
      </c>
      <c r="Y104" s="42">
        <v>23</v>
      </c>
      <c r="Z104" s="42">
        <v>16</v>
      </c>
      <c r="AA104" s="42">
        <v>30</v>
      </c>
      <c r="AB104" s="42">
        <v>38</v>
      </c>
      <c r="AC104" s="42">
        <v>16</v>
      </c>
      <c r="AD104" s="42">
        <v>10</v>
      </c>
      <c r="AE104" s="7"/>
      <c r="AF104" s="13"/>
      <c r="AG104" s="9"/>
      <c r="AH104" s="9"/>
      <c r="AI104" s="9"/>
      <c r="AJ104" s="9" t="s">
        <v>36</v>
      </c>
      <c r="AK104" s="21">
        <v>28</v>
      </c>
      <c r="AL104" s="21">
        <v>18</v>
      </c>
      <c r="AM104" s="21">
        <v>73</v>
      </c>
      <c r="AN104" s="21">
        <v>21</v>
      </c>
      <c r="AO104" s="21">
        <v>8</v>
      </c>
      <c r="AP104" s="21">
        <v>18</v>
      </c>
      <c r="AQ104" s="21">
        <v>67</v>
      </c>
      <c r="AR104" s="21">
        <v>33</v>
      </c>
      <c r="AS104" s="21">
        <v>21</v>
      </c>
      <c r="AT104" s="21">
        <v>43</v>
      </c>
      <c r="AU104" s="21">
        <v>75</v>
      </c>
      <c r="AV104" s="21">
        <v>32</v>
      </c>
      <c r="AW104" s="21">
        <v>21</v>
      </c>
      <c r="AX104" s="21">
        <v>43</v>
      </c>
      <c r="AY104" s="21">
        <v>62</v>
      </c>
      <c r="AZ104" s="21">
        <v>26</v>
      </c>
      <c r="BA104" s="21">
        <v>19</v>
      </c>
      <c r="BB104" s="21">
        <v>37</v>
      </c>
      <c r="BC104" s="21">
        <v>53</v>
      </c>
      <c r="BD104" s="21">
        <v>23</v>
      </c>
      <c r="BE104" s="21">
        <v>16</v>
      </c>
      <c r="BF104" s="21">
        <v>30</v>
      </c>
      <c r="BG104" s="21">
        <v>38</v>
      </c>
      <c r="BH104" s="21">
        <v>16</v>
      </c>
      <c r="BI104" s="21">
        <v>10</v>
      </c>
      <c r="BJ104" s="14"/>
      <c r="BK104" s="16"/>
      <c r="BL104" s="9"/>
      <c r="BM104" s="9"/>
      <c r="BN104" s="9"/>
      <c r="BO104" s="9" t="s">
        <v>36</v>
      </c>
      <c r="BP104" s="21">
        <f t="shared" si="50"/>
        <v>0</v>
      </c>
      <c r="BQ104" s="21">
        <f t="shared" si="51"/>
        <v>0</v>
      </c>
      <c r="BR104" s="21">
        <f t="shared" si="52"/>
        <v>0</v>
      </c>
      <c r="BS104" s="21">
        <f t="shared" si="53"/>
        <v>0</v>
      </c>
      <c r="BT104" s="21">
        <f t="shared" si="54"/>
        <v>0</v>
      </c>
      <c r="BU104" s="21">
        <f t="shared" si="55"/>
        <v>0</v>
      </c>
      <c r="BV104" s="21">
        <f t="shared" si="56"/>
        <v>0</v>
      </c>
      <c r="BW104" s="21">
        <f t="shared" si="57"/>
        <v>0</v>
      </c>
      <c r="BX104" s="21">
        <f t="shared" si="58"/>
        <v>0</v>
      </c>
      <c r="BY104" s="21">
        <f t="shared" si="59"/>
        <v>0</v>
      </c>
      <c r="BZ104" s="21">
        <f t="shared" si="60"/>
        <v>0</v>
      </c>
      <c r="CA104" s="21">
        <f t="shared" si="61"/>
        <v>0</v>
      </c>
      <c r="CB104" s="21">
        <f t="shared" si="62"/>
        <v>0</v>
      </c>
      <c r="CC104" s="21">
        <f t="shared" si="63"/>
        <v>0</v>
      </c>
      <c r="CD104" s="21">
        <f t="shared" si="64"/>
        <v>0</v>
      </c>
      <c r="CE104" s="21">
        <f t="shared" si="65"/>
        <v>0</v>
      </c>
      <c r="CF104" s="21">
        <f t="shared" si="66"/>
        <v>0</v>
      </c>
      <c r="CG104" s="21">
        <f t="shared" si="67"/>
        <v>0</v>
      </c>
      <c r="CH104" s="21">
        <f t="shared" si="68"/>
        <v>0</v>
      </c>
      <c r="CI104" s="21">
        <f t="shared" si="69"/>
        <v>0</v>
      </c>
      <c r="CJ104" s="21">
        <f t="shared" si="70"/>
        <v>0</v>
      </c>
      <c r="CK104" s="21">
        <f t="shared" si="71"/>
        <v>0</v>
      </c>
      <c r="CL104" s="21">
        <f t="shared" si="72"/>
        <v>0</v>
      </c>
      <c r="CM104" s="21">
        <f t="shared" si="73"/>
        <v>0</v>
      </c>
      <c r="CN104" s="21">
        <f t="shared" si="74"/>
        <v>0</v>
      </c>
      <c r="CO104" s="20"/>
    </row>
    <row r="105" spans="1:93" x14ac:dyDescent="0.7">
      <c r="A105" s="7"/>
      <c r="C105" s="8" t="s">
        <v>43</v>
      </c>
      <c r="D105" s="8" t="s">
        <v>26</v>
      </c>
      <c r="E105" s="8" t="s">
        <v>27</v>
      </c>
      <c r="F105" s="42">
        <v>62914</v>
      </c>
      <c r="G105" s="42">
        <v>50332</v>
      </c>
      <c r="H105" s="42">
        <v>60717</v>
      </c>
      <c r="I105" s="42">
        <v>59591</v>
      </c>
      <c r="J105" s="42">
        <v>56193</v>
      </c>
      <c r="K105" s="42">
        <v>56235</v>
      </c>
      <c r="L105" s="42">
        <v>71484</v>
      </c>
      <c r="M105" s="42">
        <v>68239</v>
      </c>
      <c r="N105" s="42">
        <v>63741</v>
      </c>
      <c r="O105" s="42">
        <v>72036</v>
      </c>
      <c r="P105" s="42">
        <v>88798</v>
      </c>
      <c r="Q105" s="42">
        <v>74842</v>
      </c>
      <c r="R105" s="42">
        <v>81195</v>
      </c>
      <c r="S105" s="42">
        <v>88928</v>
      </c>
      <c r="T105" s="42">
        <v>110167</v>
      </c>
      <c r="U105" s="42">
        <v>95180</v>
      </c>
      <c r="V105" s="42">
        <v>95798</v>
      </c>
      <c r="W105" s="42">
        <v>103777</v>
      </c>
      <c r="X105" s="42">
        <v>128872</v>
      </c>
      <c r="Y105" s="42">
        <v>115139</v>
      </c>
      <c r="Z105" s="42">
        <v>109560</v>
      </c>
      <c r="AA105" s="42">
        <v>119608</v>
      </c>
      <c r="AB105" s="42">
        <v>145402</v>
      </c>
      <c r="AC105" s="42">
        <v>128862</v>
      </c>
      <c r="AD105" s="42">
        <v>126732</v>
      </c>
      <c r="AE105" s="7"/>
      <c r="AF105" s="13"/>
      <c r="AG105" s="9"/>
      <c r="AH105" s="9" t="s">
        <v>43</v>
      </c>
      <c r="AI105" s="9" t="s">
        <v>26</v>
      </c>
      <c r="AJ105" s="9" t="s">
        <v>27</v>
      </c>
      <c r="AK105" s="21">
        <v>62914</v>
      </c>
      <c r="AL105" s="21">
        <v>50332</v>
      </c>
      <c r="AM105" s="21">
        <v>60716</v>
      </c>
      <c r="AN105" s="21">
        <v>59589</v>
      </c>
      <c r="AO105" s="21">
        <v>56270</v>
      </c>
      <c r="AP105" s="21">
        <v>56210</v>
      </c>
      <c r="AQ105" s="21">
        <v>71790</v>
      </c>
      <c r="AR105" s="21">
        <v>68239</v>
      </c>
      <c r="AS105" s="21">
        <v>63742</v>
      </c>
      <c r="AT105" s="21">
        <v>72039</v>
      </c>
      <c r="AU105" s="21">
        <v>88951</v>
      </c>
      <c r="AV105" s="21">
        <v>74691</v>
      </c>
      <c r="AW105" s="21">
        <v>81046</v>
      </c>
      <c r="AX105" s="21">
        <v>88774</v>
      </c>
      <c r="AY105" s="21">
        <v>109985</v>
      </c>
      <c r="AZ105" s="21">
        <v>95218</v>
      </c>
      <c r="BA105" s="21">
        <v>95799</v>
      </c>
      <c r="BB105" s="21">
        <v>103776</v>
      </c>
      <c r="BC105" s="21">
        <v>130249</v>
      </c>
      <c r="BD105" s="21">
        <v>112937</v>
      </c>
      <c r="BE105" s="21">
        <v>108727</v>
      </c>
      <c r="BF105" s="21">
        <v>119608</v>
      </c>
      <c r="BG105" s="21">
        <v>145402</v>
      </c>
      <c r="BH105" s="21">
        <v>128862</v>
      </c>
      <c r="BI105" s="21">
        <v>126722</v>
      </c>
      <c r="BJ105" s="14"/>
      <c r="BK105" s="16"/>
      <c r="BL105" s="9"/>
      <c r="BM105" s="9" t="s">
        <v>43</v>
      </c>
      <c r="BN105" s="9" t="s">
        <v>26</v>
      </c>
      <c r="BO105" s="9" t="s">
        <v>27</v>
      </c>
      <c r="BP105" s="21">
        <f t="shared" si="50"/>
        <v>0</v>
      </c>
      <c r="BQ105" s="21">
        <f t="shared" si="51"/>
        <v>0</v>
      </c>
      <c r="BR105" s="21">
        <f t="shared" si="52"/>
        <v>-1</v>
      </c>
      <c r="BS105" s="21">
        <f t="shared" si="53"/>
        <v>-2</v>
      </c>
      <c r="BT105" s="21">
        <f t="shared" si="54"/>
        <v>77</v>
      </c>
      <c r="BU105" s="21">
        <f t="shared" si="55"/>
        <v>-25</v>
      </c>
      <c r="BV105" s="21">
        <f t="shared" si="56"/>
        <v>306</v>
      </c>
      <c r="BW105" s="21">
        <f t="shared" si="57"/>
        <v>0</v>
      </c>
      <c r="BX105" s="21">
        <f t="shared" si="58"/>
        <v>1</v>
      </c>
      <c r="BY105" s="21">
        <f t="shared" si="59"/>
        <v>3</v>
      </c>
      <c r="BZ105" s="21">
        <f t="shared" si="60"/>
        <v>153</v>
      </c>
      <c r="CA105" s="21">
        <f t="shared" si="61"/>
        <v>-151</v>
      </c>
      <c r="CB105" s="21">
        <f t="shared" si="62"/>
        <v>-149</v>
      </c>
      <c r="CC105" s="21">
        <f t="shared" si="63"/>
        <v>-154</v>
      </c>
      <c r="CD105" s="21">
        <f t="shared" si="64"/>
        <v>-182</v>
      </c>
      <c r="CE105" s="21">
        <f t="shared" si="65"/>
        <v>38</v>
      </c>
      <c r="CF105" s="21">
        <f t="shared" si="66"/>
        <v>1</v>
      </c>
      <c r="CG105" s="21">
        <f t="shared" si="67"/>
        <v>-1</v>
      </c>
      <c r="CH105" s="21">
        <f t="shared" si="68"/>
        <v>1377</v>
      </c>
      <c r="CI105" s="21">
        <f t="shared" si="69"/>
        <v>-2202</v>
      </c>
      <c r="CJ105" s="21">
        <f t="shared" si="70"/>
        <v>-833</v>
      </c>
      <c r="CK105" s="21">
        <f t="shared" si="71"/>
        <v>0</v>
      </c>
      <c r="CL105" s="21">
        <f t="shared" si="72"/>
        <v>0</v>
      </c>
      <c r="CM105" s="21">
        <f t="shared" si="73"/>
        <v>0</v>
      </c>
      <c r="CN105" s="21">
        <f t="shared" si="74"/>
        <v>-10</v>
      </c>
      <c r="CO105" s="20"/>
    </row>
    <row r="106" spans="1:93" x14ac:dyDescent="0.7">
      <c r="A106" s="7"/>
      <c r="E106" s="8" t="s">
        <v>28</v>
      </c>
      <c r="F106" s="42">
        <v>57268</v>
      </c>
      <c r="G106" s="42">
        <v>47440</v>
      </c>
      <c r="H106" s="42">
        <v>56519</v>
      </c>
      <c r="I106" s="42">
        <v>56059</v>
      </c>
      <c r="J106" s="42">
        <v>53043</v>
      </c>
      <c r="K106" s="42">
        <v>52902</v>
      </c>
      <c r="L106" s="42">
        <v>66278</v>
      </c>
      <c r="M106" s="42">
        <v>63266</v>
      </c>
      <c r="N106" s="42">
        <v>58858</v>
      </c>
      <c r="O106" s="42">
        <v>66072</v>
      </c>
      <c r="P106" s="42">
        <v>81495</v>
      </c>
      <c r="Q106" s="42">
        <v>68884</v>
      </c>
      <c r="R106" s="42">
        <v>75018</v>
      </c>
      <c r="S106" s="42">
        <v>82442</v>
      </c>
      <c r="T106" s="42">
        <v>102097</v>
      </c>
      <c r="U106" s="42">
        <v>88603</v>
      </c>
      <c r="V106" s="42">
        <v>88957</v>
      </c>
      <c r="W106" s="42">
        <v>96620</v>
      </c>
      <c r="X106" s="42">
        <v>120074</v>
      </c>
      <c r="Y106" s="42">
        <v>107927</v>
      </c>
      <c r="Z106" s="42">
        <v>102439</v>
      </c>
      <c r="AA106" s="42">
        <v>112126</v>
      </c>
      <c r="AB106" s="42">
        <v>136155</v>
      </c>
      <c r="AC106" s="42">
        <v>121132</v>
      </c>
      <c r="AD106" s="42">
        <v>118850</v>
      </c>
      <c r="AE106" s="7"/>
      <c r="AF106" s="13"/>
      <c r="AG106" s="9"/>
      <c r="AH106" s="9"/>
      <c r="AI106" s="9"/>
      <c r="AJ106" s="9" t="s">
        <v>28</v>
      </c>
      <c r="AK106" s="21">
        <v>57268</v>
      </c>
      <c r="AL106" s="21">
        <v>47440</v>
      </c>
      <c r="AM106" s="21">
        <v>56518</v>
      </c>
      <c r="AN106" s="21">
        <v>56057</v>
      </c>
      <c r="AO106" s="21">
        <v>53102</v>
      </c>
      <c r="AP106" s="21">
        <v>52878</v>
      </c>
      <c r="AQ106" s="21">
        <v>66565</v>
      </c>
      <c r="AR106" s="21">
        <v>63265</v>
      </c>
      <c r="AS106" s="21">
        <v>58859</v>
      </c>
      <c r="AT106" s="21">
        <v>66075</v>
      </c>
      <c r="AU106" s="21">
        <v>81498</v>
      </c>
      <c r="AV106" s="21">
        <v>68737</v>
      </c>
      <c r="AW106" s="21">
        <v>74873</v>
      </c>
      <c r="AX106" s="21">
        <v>82292</v>
      </c>
      <c r="AY106" s="21">
        <v>101920</v>
      </c>
      <c r="AZ106" s="21">
        <v>88641</v>
      </c>
      <c r="BA106" s="21">
        <v>88958</v>
      </c>
      <c r="BB106" s="21">
        <v>96619</v>
      </c>
      <c r="BC106" s="21">
        <v>121348</v>
      </c>
      <c r="BD106" s="21">
        <v>105726</v>
      </c>
      <c r="BE106" s="21">
        <v>101606</v>
      </c>
      <c r="BF106" s="21">
        <v>112126</v>
      </c>
      <c r="BG106" s="21">
        <v>136155</v>
      </c>
      <c r="BH106" s="21">
        <v>121132</v>
      </c>
      <c r="BI106" s="21">
        <v>118773</v>
      </c>
      <c r="BJ106" s="14"/>
      <c r="BK106" s="16"/>
      <c r="BL106" s="9"/>
      <c r="BM106" s="9"/>
      <c r="BN106" s="9"/>
      <c r="BO106" s="9" t="s">
        <v>28</v>
      </c>
      <c r="BP106" s="21">
        <f t="shared" si="50"/>
        <v>0</v>
      </c>
      <c r="BQ106" s="21">
        <f t="shared" si="51"/>
        <v>0</v>
      </c>
      <c r="BR106" s="21">
        <f t="shared" si="52"/>
        <v>-1</v>
      </c>
      <c r="BS106" s="21">
        <f t="shared" si="53"/>
        <v>-2</v>
      </c>
      <c r="BT106" s="21">
        <f t="shared" si="54"/>
        <v>59</v>
      </c>
      <c r="BU106" s="21">
        <f t="shared" si="55"/>
        <v>-24</v>
      </c>
      <c r="BV106" s="21">
        <f t="shared" si="56"/>
        <v>287</v>
      </c>
      <c r="BW106" s="21">
        <f t="shared" si="57"/>
        <v>-1</v>
      </c>
      <c r="BX106" s="21">
        <f t="shared" si="58"/>
        <v>1</v>
      </c>
      <c r="BY106" s="21">
        <f t="shared" si="59"/>
        <v>3</v>
      </c>
      <c r="BZ106" s="21">
        <f t="shared" si="60"/>
        <v>3</v>
      </c>
      <c r="CA106" s="21">
        <f t="shared" si="61"/>
        <v>-147</v>
      </c>
      <c r="CB106" s="21">
        <f t="shared" si="62"/>
        <v>-145</v>
      </c>
      <c r="CC106" s="21">
        <f t="shared" si="63"/>
        <v>-150</v>
      </c>
      <c r="CD106" s="21">
        <f t="shared" si="64"/>
        <v>-177</v>
      </c>
      <c r="CE106" s="21">
        <f t="shared" si="65"/>
        <v>38</v>
      </c>
      <c r="CF106" s="21">
        <f t="shared" si="66"/>
        <v>1</v>
      </c>
      <c r="CG106" s="21">
        <f t="shared" si="67"/>
        <v>-1</v>
      </c>
      <c r="CH106" s="21">
        <f t="shared" si="68"/>
        <v>1274</v>
      </c>
      <c r="CI106" s="21">
        <f t="shared" si="69"/>
        <v>-2201</v>
      </c>
      <c r="CJ106" s="21">
        <f t="shared" si="70"/>
        <v>-833</v>
      </c>
      <c r="CK106" s="21">
        <f t="shared" si="71"/>
        <v>0</v>
      </c>
      <c r="CL106" s="21">
        <f t="shared" si="72"/>
        <v>0</v>
      </c>
      <c r="CM106" s="21">
        <f t="shared" si="73"/>
        <v>0</v>
      </c>
      <c r="CN106" s="21">
        <f t="shared" si="74"/>
        <v>-77</v>
      </c>
      <c r="CO106" s="20"/>
    </row>
    <row r="107" spans="1:93" x14ac:dyDescent="0.7">
      <c r="A107" s="7"/>
      <c r="E107" s="8" t="s">
        <v>29</v>
      </c>
      <c r="F107" s="43" t="s">
        <v>40</v>
      </c>
      <c r="G107" s="43" t="s">
        <v>40</v>
      </c>
      <c r="H107" s="43" t="s">
        <v>40</v>
      </c>
      <c r="I107" s="43" t="s">
        <v>40</v>
      </c>
      <c r="J107" s="43" t="s">
        <v>40</v>
      </c>
      <c r="K107" s="43" t="s">
        <v>40</v>
      </c>
      <c r="L107" s="43" t="s">
        <v>40</v>
      </c>
      <c r="M107" s="43" t="s">
        <v>40</v>
      </c>
      <c r="N107" s="43" t="s">
        <v>40</v>
      </c>
      <c r="O107" s="43" t="s">
        <v>40</v>
      </c>
      <c r="P107" s="43" t="s">
        <v>40</v>
      </c>
      <c r="Q107" s="43" t="s">
        <v>40</v>
      </c>
      <c r="R107" s="43" t="s">
        <v>40</v>
      </c>
      <c r="S107" s="42">
        <v>0</v>
      </c>
      <c r="T107" s="42">
        <v>0</v>
      </c>
      <c r="U107" s="42">
        <v>0</v>
      </c>
      <c r="V107" s="42">
        <v>0</v>
      </c>
      <c r="W107" s="42">
        <v>0</v>
      </c>
      <c r="X107" s="43" t="s">
        <v>40</v>
      </c>
      <c r="Y107" s="43" t="s">
        <v>40</v>
      </c>
      <c r="Z107" s="43" t="s">
        <v>40</v>
      </c>
      <c r="AA107" s="43" t="s">
        <v>40</v>
      </c>
      <c r="AB107" s="43" t="s">
        <v>40</v>
      </c>
      <c r="AC107" s="43" t="s">
        <v>40</v>
      </c>
      <c r="AD107" s="43" t="s">
        <v>40</v>
      </c>
      <c r="AE107" s="7"/>
      <c r="AF107" s="13"/>
      <c r="AG107" s="9"/>
      <c r="AH107" s="9"/>
      <c r="AI107" s="9"/>
      <c r="AJ107" s="9" t="s">
        <v>29</v>
      </c>
      <c r="AK107" s="43" t="s">
        <v>40</v>
      </c>
      <c r="AL107" s="43" t="s">
        <v>40</v>
      </c>
      <c r="AM107" s="43" t="s">
        <v>40</v>
      </c>
      <c r="AN107" s="43" t="s">
        <v>40</v>
      </c>
      <c r="AO107" s="43" t="s">
        <v>40</v>
      </c>
      <c r="AP107" s="43" t="s">
        <v>40</v>
      </c>
      <c r="AQ107" s="43" t="s">
        <v>40</v>
      </c>
      <c r="AR107" s="43" t="s">
        <v>40</v>
      </c>
      <c r="AS107" s="43" t="s">
        <v>40</v>
      </c>
      <c r="AT107" s="43" t="s">
        <v>40</v>
      </c>
      <c r="AU107" s="43" t="s">
        <v>40</v>
      </c>
      <c r="AV107" s="43" t="s">
        <v>40</v>
      </c>
      <c r="AW107" s="43" t="s">
        <v>40</v>
      </c>
      <c r="AX107" s="43" t="s">
        <v>40</v>
      </c>
      <c r="AY107" s="43" t="s">
        <v>40</v>
      </c>
      <c r="AZ107" s="43" t="s">
        <v>40</v>
      </c>
      <c r="BA107" s="43" t="s">
        <v>40</v>
      </c>
      <c r="BB107" s="43" t="s">
        <v>40</v>
      </c>
      <c r="BC107" s="43" t="s">
        <v>40</v>
      </c>
      <c r="BD107" s="43" t="s">
        <v>40</v>
      </c>
      <c r="BE107" s="43" t="s">
        <v>40</v>
      </c>
      <c r="BF107" s="43" t="s">
        <v>40</v>
      </c>
      <c r="BG107" s="43" t="s">
        <v>40</v>
      </c>
      <c r="BH107" s="43" t="s">
        <v>40</v>
      </c>
      <c r="BI107" s="43" t="s">
        <v>40</v>
      </c>
      <c r="BJ107" s="14"/>
      <c r="BK107" s="16"/>
      <c r="BL107" s="9"/>
      <c r="BM107" s="9"/>
      <c r="BN107" s="9"/>
      <c r="BO107" s="9" t="s">
        <v>29</v>
      </c>
      <c r="BP107" s="43" t="s">
        <v>40</v>
      </c>
      <c r="BQ107" s="43" t="s">
        <v>40</v>
      </c>
      <c r="BR107" s="43" t="s">
        <v>40</v>
      </c>
      <c r="BS107" s="43" t="s">
        <v>40</v>
      </c>
      <c r="BT107" s="43" t="s">
        <v>40</v>
      </c>
      <c r="BU107" s="43" t="s">
        <v>40</v>
      </c>
      <c r="BV107" s="43" t="s">
        <v>40</v>
      </c>
      <c r="BW107" s="43" t="s">
        <v>40</v>
      </c>
      <c r="BX107" s="43" t="s">
        <v>40</v>
      </c>
      <c r="BY107" s="43" t="s">
        <v>40</v>
      </c>
      <c r="BZ107" s="43" t="s">
        <v>40</v>
      </c>
      <c r="CA107" s="43" t="s">
        <v>40</v>
      </c>
      <c r="CB107" s="43" t="s">
        <v>40</v>
      </c>
      <c r="CC107" s="43" t="s">
        <v>40</v>
      </c>
      <c r="CD107" s="43" t="s">
        <v>40</v>
      </c>
      <c r="CE107" s="43" t="s">
        <v>40</v>
      </c>
      <c r="CF107" s="43" t="s">
        <v>40</v>
      </c>
      <c r="CG107" s="43" t="s">
        <v>40</v>
      </c>
      <c r="CH107" s="43" t="s">
        <v>40</v>
      </c>
      <c r="CI107" s="43" t="s">
        <v>40</v>
      </c>
      <c r="CJ107" s="43" t="s">
        <v>40</v>
      </c>
      <c r="CK107" s="43" t="s">
        <v>40</v>
      </c>
      <c r="CL107" s="43" t="s">
        <v>40</v>
      </c>
      <c r="CM107" s="43" t="s">
        <v>40</v>
      </c>
      <c r="CN107" s="43" t="s">
        <v>40</v>
      </c>
      <c r="CO107" s="20"/>
    </row>
    <row r="108" spans="1:93" x14ac:dyDescent="0.7">
      <c r="A108" s="7"/>
      <c r="E108" s="8" t="s">
        <v>30</v>
      </c>
      <c r="F108" s="42">
        <v>35809</v>
      </c>
      <c r="G108" s="42">
        <v>27190</v>
      </c>
      <c r="H108" s="42">
        <v>34549</v>
      </c>
      <c r="I108" s="42">
        <v>32474</v>
      </c>
      <c r="J108" s="42">
        <v>30419</v>
      </c>
      <c r="K108" s="42">
        <v>30593</v>
      </c>
      <c r="L108" s="42">
        <v>41203</v>
      </c>
      <c r="M108" s="42">
        <v>38623</v>
      </c>
      <c r="N108" s="42">
        <v>34811</v>
      </c>
      <c r="O108" s="42">
        <v>40096</v>
      </c>
      <c r="P108" s="42">
        <v>51468</v>
      </c>
      <c r="Q108" s="42">
        <v>41247</v>
      </c>
      <c r="R108" s="42">
        <v>40754</v>
      </c>
      <c r="S108" s="42">
        <v>45405</v>
      </c>
      <c r="T108" s="42">
        <v>58237</v>
      </c>
      <c r="U108" s="42">
        <v>48465</v>
      </c>
      <c r="V108" s="42">
        <v>48896</v>
      </c>
      <c r="W108" s="42">
        <v>53756</v>
      </c>
      <c r="X108" s="42">
        <v>65740</v>
      </c>
      <c r="Y108" s="42">
        <v>58194</v>
      </c>
      <c r="Z108" s="42">
        <v>54061</v>
      </c>
      <c r="AA108" s="42">
        <v>58531</v>
      </c>
      <c r="AB108" s="42">
        <v>72361</v>
      </c>
      <c r="AC108" s="42">
        <v>60574</v>
      </c>
      <c r="AD108" s="42">
        <v>58506</v>
      </c>
      <c r="AE108" s="7"/>
      <c r="AF108" s="13"/>
      <c r="AG108" s="9"/>
      <c r="AH108" s="9"/>
      <c r="AI108" s="9"/>
      <c r="AJ108" s="9" t="s">
        <v>30</v>
      </c>
      <c r="AK108" s="21">
        <v>35809</v>
      </c>
      <c r="AL108" s="21">
        <v>27190</v>
      </c>
      <c r="AM108" s="21">
        <v>34548</v>
      </c>
      <c r="AN108" s="21">
        <v>32474</v>
      </c>
      <c r="AO108" s="21">
        <v>30481</v>
      </c>
      <c r="AP108" s="21">
        <v>30573</v>
      </c>
      <c r="AQ108" s="21">
        <v>41419</v>
      </c>
      <c r="AR108" s="21">
        <v>38623</v>
      </c>
      <c r="AS108" s="21">
        <v>34837</v>
      </c>
      <c r="AT108" s="21">
        <v>40212</v>
      </c>
      <c r="AU108" s="21">
        <v>51735</v>
      </c>
      <c r="AV108" s="21">
        <v>41440</v>
      </c>
      <c r="AW108" s="21">
        <v>41015</v>
      </c>
      <c r="AX108" s="21">
        <v>45851</v>
      </c>
      <c r="AY108" s="21">
        <v>59276</v>
      </c>
      <c r="AZ108" s="21">
        <v>49407</v>
      </c>
      <c r="BA108" s="21">
        <v>48896</v>
      </c>
      <c r="BB108" s="21">
        <v>53755</v>
      </c>
      <c r="BC108" s="21">
        <v>66745</v>
      </c>
      <c r="BD108" s="21">
        <v>55993</v>
      </c>
      <c r="BE108" s="21">
        <v>53227</v>
      </c>
      <c r="BF108" s="21">
        <v>58531</v>
      </c>
      <c r="BG108" s="21">
        <v>72361</v>
      </c>
      <c r="BH108" s="21">
        <v>60574</v>
      </c>
      <c r="BI108" s="21">
        <v>58430</v>
      </c>
      <c r="BJ108" s="14"/>
      <c r="BK108" s="16"/>
      <c r="BL108" s="9"/>
      <c r="BM108" s="9"/>
      <c r="BN108" s="9"/>
      <c r="BO108" s="9" t="s">
        <v>30</v>
      </c>
      <c r="BP108" s="21">
        <f t="shared" ref="BP108:BP111" si="75">AK108-F108</f>
        <v>0</v>
      </c>
      <c r="BQ108" s="21">
        <f t="shared" ref="BQ108:BQ111" si="76">AL108-G108</f>
        <v>0</v>
      </c>
      <c r="BR108" s="21">
        <f t="shared" ref="BR108:BR111" si="77">AM108-H108</f>
        <v>-1</v>
      </c>
      <c r="BS108" s="21">
        <f t="shared" ref="BS108:BS111" si="78">AN108-I108</f>
        <v>0</v>
      </c>
      <c r="BT108" s="21">
        <f t="shared" ref="BT108:BT111" si="79">AO108-J108</f>
        <v>62</v>
      </c>
      <c r="BU108" s="21">
        <f t="shared" ref="BU108:BU111" si="80">AP108-K108</f>
        <v>-20</v>
      </c>
      <c r="BV108" s="21">
        <f t="shared" ref="BV108:BV111" si="81">AQ108-L108</f>
        <v>216</v>
      </c>
      <c r="BW108" s="21">
        <f t="shared" ref="BW108:BW111" si="82">AR108-M108</f>
        <v>0</v>
      </c>
      <c r="BX108" s="21">
        <f t="shared" ref="BX108:BX111" si="83">AS108-N108</f>
        <v>26</v>
      </c>
      <c r="BY108" s="21">
        <f t="shared" ref="BY108:BY111" si="84">AT108-O108</f>
        <v>116</v>
      </c>
      <c r="BZ108" s="21">
        <f t="shared" ref="BZ108:BZ111" si="85">AU108-P108</f>
        <v>267</v>
      </c>
      <c r="CA108" s="21">
        <f t="shared" ref="CA108:CA111" si="86">AV108-Q108</f>
        <v>193</v>
      </c>
      <c r="CB108" s="21">
        <f t="shared" ref="CB108:CB111" si="87">AW108-R108</f>
        <v>261</v>
      </c>
      <c r="CC108" s="21">
        <f t="shared" ref="CC108:CC111" si="88">AX108-S108</f>
        <v>446</v>
      </c>
      <c r="CD108" s="21">
        <f t="shared" ref="CD108:CD111" si="89">AY108-T108</f>
        <v>1039</v>
      </c>
      <c r="CE108" s="21">
        <f t="shared" ref="CE108:CE111" si="90">AZ108-U108</f>
        <v>942</v>
      </c>
      <c r="CF108" s="21">
        <f t="shared" ref="CF108:CF111" si="91">BA108-V108</f>
        <v>0</v>
      </c>
      <c r="CG108" s="21">
        <f t="shared" ref="CG108:CG111" si="92">BB108-W108</f>
        <v>-1</v>
      </c>
      <c r="CH108" s="21">
        <f t="shared" ref="CH108:CH111" si="93">BC108-X108</f>
        <v>1005</v>
      </c>
      <c r="CI108" s="21">
        <f t="shared" ref="CI108:CI111" si="94">BD108-Y108</f>
        <v>-2201</v>
      </c>
      <c r="CJ108" s="21">
        <f t="shared" ref="CJ108:CJ111" si="95">BE108-Z108</f>
        <v>-834</v>
      </c>
      <c r="CK108" s="21">
        <f t="shared" ref="CK108:CK111" si="96">BF108-AA108</f>
        <v>0</v>
      </c>
      <c r="CL108" s="21">
        <f t="shared" ref="CL108:CL111" si="97">BG108-AB108</f>
        <v>0</v>
      </c>
      <c r="CM108" s="21">
        <f t="shared" ref="CM108:CM111" si="98">BH108-AC108</f>
        <v>0</v>
      </c>
      <c r="CN108" s="21">
        <f t="shared" ref="CN108:CN111" si="99">BI108-AD108</f>
        <v>-76</v>
      </c>
      <c r="CO108" s="20"/>
    </row>
    <row r="109" spans="1:93" x14ac:dyDescent="0.7">
      <c r="A109" s="7"/>
      <c r="E109" s="8" t="s">
        <v>31</v>
      </c>
      <c r="F109" s="42">
        <v>21459</v>
      </c>
      <c r="G109" s="42">
        <v>20250</v>
      </c>
      <c r="H109" s="42">
        <v>21970</v>
      </c>
      <c r="I109" s="42">
        <v>23585</v>
      </c>
      <c r="J109" s="42">
        <v>22624</v>
      </c>
      <c r="K109" s="42">
        <v>22309</v>
      </c>
      <c r="L109" s="42">
        <v>25075</v>
      </c>
      <c r="M109" s="42">
        <v>24643</v>
      </c>
      <c r="N109" s="42">
        <v>24047</v>
      </c>
      <c r="O109" s="42">
        <v>25976</v>
      </c>
      <c r="P109" s="42">
        <v>30027</v>
      </c>
      <c r="Q109" s="42">
        <v>27637</v>
      </c>
      <c r="R109" s="42">
        <v>34264</v>
      </c>
      <c r="S109" s="42">
        <v>37037</v>
      </c>
      <c r="T109" s="42">
        <v>43860</v>
      </c>
      <c r="U109" s="42">
        <v>40138</v>
      </c>
      <c r="V109" s="42">
        <v>40061</v>
      </c>
      <c r="W109" s="42">
        <v>42864</v>
      </c>
      <c r="X109" s="42">
        <v>54333</v>
      </c>
      <c r="Y109" s="42">
        <v>49733</v>
      </c>
      <c r="Z109" s="42">
        <v>48378</v>
      </c>
      <c r="AA109" s="42">
        <v>53596</v>
      </c>
      <c r="AB109" s="42">
        <v>63795</v>
      </c>
      <c r="AC109" s="42">
        <v>60558</v>
      </c>
      <c r="AD109" s="42">
        <v>60344</v>
      </c>
      <c r="AE109" s="7"/>
      <c r="AF109" s="13"/>
      <c r="AG109" s="9"/>
      <c r="AH109" s="9"/>
      <c r="AI109" s="9"/>
      <c r="AJ109" s="9" t="s">
        <v>31</v>
      </c>
      <c r="AK109" s="21">
        <v>21459</v>
      </c>
      <c r="AL109" s="21">
        <v>20250</v>
      </c>
      <c r="AM109" s="21">
        <v>21970</v>
      </c>
      <c r="AN109" s="21">
        <v>23584</v>
      </c>
      <c r="AO109" s="21">
        <v>22620</v>
      </c>
      <c r="AP109" s="21">
        <v>22305</v>
      </c>
      <c r="AQ109" s="21">
        <v>25146</v>
      </c>
      <c r="AR109" s="21">
        <v>24642</v>
      </c>
      <c r="AS109" s="21">
        <v>24022</v>
      </c>
      <c r="AT109" s="21">
        <v>25863</v>
      </c>
      <c r="AU109" s="21">
        <v>29762</v>
      </c>
      <c r="AV109" s="21">
        <v>27297</v>
      </c>
      <c r="AW109" s="21">
        <v>33858</v>
      </c>
      <c r="AX109" s="21">
        <v>36441</v>
      </c>
      <c r="AY109" s="21">
        <v>42644</v>
      </c>
      <c r="AZ109" s="21">
        <v>39234</v>
      </c>
      <c r="BA109" s="21">
        <v>40061</v>
      </c>
      <c r="BB109" s="21">
        <v>42864</v>
      </c>
      <c r="BC109" s="21">
        <v>54603</v>
      </c>
      <c r="BD109" s="21">
        <v>49733</v>
      </c>
      <c r="BE109" s="21">
        <v>48378</v>
      </c>
      <c r="BF109" s="21">
        <v>53596</v>
      </c>
      <c r="BG109" s="21">
        <v>63795</v>
      </c>
      <c r="BH109" s="21">
        <v>60558</v>
      </c>
      <c r="BI109" s="21">
        <v>60344</v>
      </c>
      <c r="BJ109" s="14"/>
      <c r="BK109" s="16"/>
      <c r="BL109" s="9"/>
      <c r="BM109" s="9"/>
      <c r="BN109" s="9"/>
      <c r="BO109" s="9" t="s">
        <v>31</v>
      </c>
      <c r="BP109" s="21">
        <f t="shared" si="75"/>
        <v>0</v>
      </c>
      <c r="BQ109" s="21">
        <f t="shared" si="76"/>
        <v>0</v>
      </c>
      <c r="BR109" s="21">
        <f t="shared" si="77"/>
        <v>0</v>
      </c>
      <c r="BS109" s="21">
        <f t="shared" si="78"/>
        <v>-1</v>
      </c>
      <c r="BT109" s="21">
        <f t="shared" si="79"/>
        <v>-4</v>
      </c>
      <c r="BU109" s="21">
        <f t="shared" si="80"/>
        <v>-4</v>
      </c>
      <c r="BV109" s="21">
        <f t="shared" si="81"/>
        <v>71</v>
      </c>
      <c r="BW109" s="21">
        <f t="shared" si="82"/>
        <v>-1</v>
      </c>
      <c r="BX109" s="21">
        <f t="shared" si="83"/>
        <v>-25</v>
      </c>
      <c r="BY109" s="21">
        <f t="shared" si="84"/>
        <v>-113</v>
      </c>
      <c r="BZ109" s="21">
        <f t="shared" si="85"/>
        <v>-265</v>
      </c>
      <c r="CA109" s="21">
        <f t="shared" si="86"/>
        <v>-340</v>
      </c>
      <c r="CB109" s="21">
        <f t="shared" si="87"/>
        <v>-406</v>
      </c>
      <c r="CC109" s="21">
        <f t="shared" si="88"/>
        <v>-596</v>
      </c>
      <c r="CD109" s="21">
        <f t="shared" si="89"/>
        <v>-1216</v>
      </c>
      <c r="CE109" s="21">
        <f t="shared" si="90"/>
        <v>-904</v>
      </c>
      <c r="CF109" s="21">
        <f t="shared" si="91"/>
        <v>0</v>
      </c>
      <c r="CG109" s="21">
        <f t="shared" si="92"/>
        <v>0</v>
      </c>
      <c r="CH109" s="21">
        <f t="shared" si="93"/>
        <v>270</v>
      </c>
      <c r="CI109" s="21">
        <f t="shared" si="94"/>
        <v>0</v>
      </c>
      <c r="CJ109" s="21">
        <f t="shared" si="95"/>
        <v>0</v>
      </c>
      <c r="CK109" s="21">
        <f t="shared" si="96"/>
        <v>0</v>
      </c>
      <c r="CL109" s="21">
        <f t="shared" si="97"/>
        <v>0</v>
      </c>
      <c r="CM109" s="21">
        <f t="shared" si="98"/>
        <v>0</v>
      </c>
      <c r="CN109" s="21">
        <f t="shared" si="99"/>
        <v>0</v>
      </c>
      <c r="CO109" s="20"/>
    </row>
    <row r="110" spans="1:93" x14ac:dyDescent="0.7">
      <c r="A110" s="7"/>
      <c r="E110" s="8" t="s">
        <v>32</v>
      </c>
      <c r="F110" s="42">
        <v>5646</v>
      </c>
      <c r="G110" s="42">
        <v>2892</v>
      </c>
      <c r="H110" s="42">
        <v>4198</v>
      </c>
      <c r="I110" s="42">
        <v>3532</v>
      </c>
      <c r="J110" s="42">
        <v>3150</v>
      </c>
      <c r="K110" s="42">
        <v>3333</v>
      </c>
      <c r="L110" s="42">
        <v>5206</v>
      </c>
      <c r="M110" s="42">
        <v>4973</v>
      </c>
      <c r="N110" s="42">
        <v>4883</v>
      </c>
      <c r="O110" s="42">
        <v>5964</v>
      </c>
      <c r="P110" s="42">
        <v>7303</v>
      </c>
      <c r="Q110" s="42">
        <v>5958</v>
      </c>
      <c r="R110" s="42">
        <v>6177</v>
      </c>
      <c r="S110" s="42">
        <v>6486</v>
      </c>
      <c r="T110" s="42">
        <v>8070</v>
      </c>
      <c r="U110" s="42">
        <v>6577</v>
      </c>
      <c r="V110" s="42">
        <v>6841</v>
      </c>
      <c r="W110" s="42">
        <v>7157</v>
      </c>
      <c r="X110" s="42">
        <v>8799</v>
      </c>
      <c r="Y110" s="42">
        <v>7211</v>
      </c>
      <c r="Z110" s="42">
        <v>7122</v>
      </c>
      <c r="AA110" s="42">
        <v>7482</v>
      </c>
      <c r="AB110" s="42">
        <v>9247</v>
      </c>
      <c r="AC110" s="42">
        <v>7730</v>
      </c>
      <c r="AD110" s="42">
        <v>7882</v>
      </c>
      <c r="AE110" s="7"/>
      <c r="AF110" s="13"/>
      <c r="AG110" s="9"/>
      <c r="AH110" s="9"/>
      <c r="AI110" s="9"/>
      <c r="AJ110" s="9" t="s">
        <v>32</v>
      </c>
      <c r="AK110" s="21">
        <v>5646</v>
      </c>
      <c r="AL110" s="21">
        <v>2892</v>
      </c>
      <c r="AM110" s="21">
        <v>4198</v>
      </c>
      <c r="AN110" s="21">
        <v>3531</v>
      </c>
      <c r="AO110" s="21">
        <v>3169</v>
      </c>
      <c r="AP110" s="21">
        <v>3332</v>
      </c>
      <c r="AQ110" s="21">
        <v>5224</v>
      </c>
      <c r="AR110" s="21">
        <v>4974</v>
      </c>
      <c r="AS110" s="21">
        <v>4883</v>
      </c>
      <c r="AT110" s="21">
        <v>5964</v>
      </c>
      <c r="AU110" s="21">
        <v>7453</v>
      </c>
      <c r="AV110" s="21">
        <v>5954</v>
      </c>
      <c r="AW110" s="21">
        <v>6173</v>
      </c>
      <c r="AX110" s="21">
        <v>6482</v>
      </c>
      <c r="AY110" s="21">
        <v>8065</v>
      </c>
      <c r="AZ110" s="21">
        <v>6577</v>
      </c>
      <c r="BA110" s="21">
        <v>6841</v>
      </c>
      <c r="BB110" s="21">
        <v>7157</v>
      </c>
      <c r="BC110" s="21">
        <v>8901</v>
      </c>
      <c r="BD110" s="21">
        <v>7211</v>
      </c>
      <c r="BE110" s="21">
        <v>7122</v>
      </c>
      <c r="BF110" s="21">
        <v>7482</v>
      </c>
      <c r="BG110" s="21">
        <v>9247</v>
      </c>
      <c r="BH110" s="21">
        <v>7730</v>
      </c>
      <c r="BI110" s="21">
        <v>7948</v>
      </c>
      <c r="BJ110" s="14"/>
      <c r="BK110" s="16"/>
      <c r="BL110" s="9"/>
      <c r="BM110" s="9"/>
      <c r="BN110" s="9"/>
      <c r="BO110" s="9" t="s">
        <v>32</v>
      </c>
      <c r="BP110" s="21">
        <f t="shared" si="75"/>
        <v>0</v>
      </c>
      <c r="BQ110" s="21">
        <f t="shared" si="76"/>
        <v>0</v>
      </c>
      <c r="BR110" s="21">
        <f t="shared" si="77"/>
        <v>0</v>
      </c>
      <c r="BS110" s="21">
        <f t="shared" si="78"/>
        <v>-1</v>
      </c>
      <c r="BT110" s="21">
        <f t="shared" si="79"/>
        <v>19</v>
      </c>
      <c r="BU110" s="21">
        <f t="shared" si="80"/>
        <v>-1</v>
      </c>
      <c r="BV110" s="21">
        <f t="shared" si="81"/>
        <v>18</v>
      </c>
      <c r="BW110" s="21">
        <f t="shared" si="82"/>
        <v>1</v>
      </c>
      <c r="BX110" s="21">
        <f t="shared" si="83"/>
        <v>0</v>
      </c>
      <c r="BY110" s="21">
        <f t="shared" si="84"/>
        <v>0</v>
      </c>
      <c r="BZ110" s="21">
        <f t="shared" si="85"/>
        <v>150</v>
      </c>
      <c r="CA110" s="21">
        <f t="shared" si="86"/>
        <v>-4</v>
      </c>
      <c r="CB110" s="21">
        <f t="shared" si="87"/>
        <v>-4</v>
      </c>
      <c r="CC110" s="21">
        <f t="shared" si="88"/>
        <v>-4</v>
      </c>
      <c r="CD110" s="21">
        <f t="shared" si="89"/>
        <v>-5</v>
      </c>
      <c r="CE110" s="21">
        <f t="shared" si="90"/>
        <v>0</v>
      </c>
      <c r="CF110" s="21">
        <f t="shared" si="91"/>
        <v>0</v>
      </c>
      <c r="CG110" s="21">
        <f t="shared" si="92"/>
        <v>0</v>
      </c>
      <c r="CH110" s="21">
        <f t="shared" si="93"/>
        <v>102</v>
      </c>
      <c r="CI110" s="21">
        <f t="shared" si="94"/>
        <v>0</v>
      </c>
      <c r="CJ110" s="21">
        <f t="shared" si="95"/>
        <v>0</v>
      </c>
      <c r="CK110" s="21">
        <f t="shared" si="96"/>
        <v>0</v>
      </c>
      <c r="CL110" s="21">
        <f t="shared" si="97"/>
        <v>0</v>
      </c>
      <c r="CM110" s="21">
        <f t="shared" si="98"/>
        <v>0</v>
      </c>
      <c r="CN110" s="21">
        <f t="shared" si="99"/>
        <v>66</v>
      </c>
      <c r="CO110" s="20"/>
    </row>
    <row r="111" spans="1:93" x14ac:dyDescent="0.7">
      <c r="A111" s="7"/>
      <c r="E111" s="8" t="s">
        <v>33</v>
      </c>
      <c r="F111" s="42">
        <v>5646</v>
      </c>
      <c r="G111" s="42">
        <v>2892</v>
      </c>
      <c r="H111" s="42">
        <v>4198</v>
      </c>
      <c r="I111" s="42">
        <v>3532</v>
      </c>
      <c r="J111" s="42">
        <v>3150</v>
      </c>
      <c r="K111" s="42">
        <v>3333</v>
      </c>
      <c r="L111" s="42">
        <v>5206</v>
      </c>
      <c r="M111" s="42">
        <v>4973</v>
      </c>
      <c r="N111" s="42">
        <v>4883</v>
      </c>
      <c r="O111" s="42">
        <v>5964</v>
      </c>
      <c r="P111" s="42">
        <v>7303</v>
      </c>
      <c r="Q111" s="42">
        <v>5958</v>
      </c>
      <c r="R111" s="42">
        <v>6177</v>
      </c>
      <c r="S111" s="42">
        <v>6486</v>
      </c>
      <c r="T111" s="42">
        <v>8070</v>
      </c>
      <c r="U111" s="42">
        <v>6577</v>
      </c>
      <c r="V111" s="42">
        <v>6841</v>
      </c>
      <c r="W111" s="42">
        <v>7157</v>
      </c>
      <c r="X111" s="42">
        <v>8799</v>
      </c>
      <c r="Y111" s="42">
        <v>7211</v>
      </c>
      <c r="Z111" s="42">
        <v>7122</v>
      </c>
      <c r="AA111" s="42">
        <v>7482</v>
      </c>
      <c r="AB111" s="42">
        <v>9247</v>
      </c>
      <c r="AC111" s="42">
        <v>7730</v>
      </c>
      <c r="AD111" s="42">
        <v>7882</v>
      </c>
      <c r="AE111" s="7"/>
      <c r="AF111" s="13"/>
      <c r="AG111" s="9"/>
      <c r="AH111" s="9"/>
      <c r="AI111" s="9"/>
      <c r="AJ111" s="9" t="s">
        <v>33</v>
      </c>
      <c r="AK111" s="21">
        <v>5646</v>
      </c>
      <c r="AL111" s="21">
        <v>2892</v>
      </c>
      <c r="AM111" s="21">
        <v>4198</v>
      </c>
      <c r="AN111" s="21">
        <v>3531</v>
      </c>
      <c r="AO111" s="21">
        <v>3169</v>
      </c>
      <c r="AP111" s="21">
        <v>3332</v>
      </c>
      <c r="AQ111" s="21">
        <v>5224</v>
      </c>
      <c r="AR111" s="21">
        <v>4974</v>
      </c>
      <c r="AS111" s="21">
        <v>4883</v>
      </c>
      <c r="AT111" s="21">
        <v>5964</v>
      </c>
      <c r="AU111" s="21">
        <v>7453</v>
      </c>
      <c r="AV111" s="21">
        <v>5954</v>
      </c>
      <c r="AW111" s="21">
        <v>6173</v>
      </c>
      <c r="AX111" s="21">
        <v>6482</v>
      </c>
      <c r="AY111" s="21">
        <v>8065</v>
      </c>
      <c r="AZ111" s="21">
        <v>6577</v>
      </c>
      <c r="BA111" s="21">
        <v>6841</v>
      </c>
      <c r="BB111" s="21">
        <v>7157</v>
      </c>
      <c r="BC111" s="21">
        <v>8901</v>
      </c>
      <c r="BD111" s="21">
        <v>7211</v>
      </c>
      <c r="BE111" s="21">
        <v>7122</v>
      </c>
      <c r="BF111" s="21">
        <v>7482</v>
      </c>
      <c r="BG111" s="21">
        <v>9247</v>
      </c>
      <c r="BH111" s="21">
        <v>7730</v>
      </c>
      <c r="BI111" s="21">
        <v>7948</v>
      </c>
      <c r="BJ111" s="14"/>
      <c r="BK111" s="16"/>
      <c r="BL111" s="9"/>
      <c r="BM111" s="9"/>
      <c r="BN111" s="9"/>
      <c r="BO111" s="9" t="s">
        <v>33</v>
      </c>
      <c r="BP111" s="21">
        <f t="shared" si="75"/>
        <v>0</v>
      </c>
      <c r="BQ111" s="21">
        <f t="shared" si="76"/>
        <v>0</v>
      </c>
      <c r="BR111" s="21">
        <f t="shared" si="77"/>
        <v>0</v>
      </c>
      <c r="BS111" s="21">
        <f t="shared" si="78"/>
        <v>-1</v>
      </c>
      <c r="BT111" s="21">
        <f t="shared" si="79"/>
        <v>19</v>
      </c>
      <c r="BU111" s="21">
        <f t="shared" si="80"/>
        <v>-1</v>
      </c>
      <c r="BV111" s="21">
        <f t="shared" si="81"/>
        <v>18</v>
      </c>
      <c r="BW111" s="21">
        <f t="shared" si="82"/>
        <v>1</v>
      </c>
      <c r="BX111" s="21">
        <f t="shared" si="83"/>
        <v>0</v>
      </c>
      <c r="BY111" s="21">
        <f t="shared" si="84"/>
        <v>0</v>
      </c>
      <c r="BZ111" s="21">
        <f t="shared" si="85"/>
        <v>150</v>
      </c>
      <c r="CA111" s="21">
        <f t="shared" si="86"/>
        <v>-4</v>
      </c>
      <c r="CB111" s="21">
        <f t="shared" si="87"/>
        <v>-4</v>
      </c>
      <c r="CC111" s="21">
        <f t="shared" si="88"/>
        <v>-4</v>
      </c>
      <c r="CD111" s="21">
        <f t="shared" si="89"/>
        <v>-5</v>
      </c>
      <c r="CE111" s="21">
        <f t="shared" si="90"/>
        <v>0</v>
      </c>
      <c r="CF111" s="21">
        <f t="shared" si="91"/>
        <v>0</v>
      </c>
      <c r="CG111" s="21">
        <f t="shared" si="92"/>
        <v>0</v>
      </c>
      <c r="CH111" s="21">
        <f t="shared" si="93"/>
        <v>102</v>
      </c>
      <c r="CI111" s="21">
        <f t="shared" si="94"/>
        <v>0</v>
      </c>
      <c r="CJ111" s="21">
        <f t="shared" si="95"/>
        <v>0</v>
      </c>
      <c r="CK111" s="21">
        <f t="shared" si="96"/>
        <v>0</v>
      </c>
      <c r="CL111" s="21">
        <f t="shared" si="97"/>
        <v>0</v>
      </c>
      <c r="CM111" s="21">
        <f t="shared" si="98"/>
        <v>0</v>
      </c>
      <c r="CN111" s="21">
        <f t="shared" si="99"/>
        <v>66</v>
      </c>
      <c r="CO111" s="20"/>
    </row>
    <row r="112" spans="1:93" x14ac:dyDescent="0.7">
      <c r="A112" s="7"/>
      <c r="E112" s="8" t="s">
        <v>34</v>
      </c>
      <c r="F112" s="43" t="s">
        <v>40</v>
      </c>
      <c r="G112" s="43" t="s">
        <v>40</v>
      </c>
      <c r="H112" s="43" t="s">
        <v>40</v>
      </c>
      <c r="I112" s="43" t="s">
        <v>40</v>
      </c>
      <c r="J112" s="43" t="s">
        <v>40</v>
      </c>
      <c r="K112" s="43" t="s">
        <v>40</v>
      </c>
      <c r="L112" s="43" t="s">
        <v>40</v>
      </c>
      <c r="M112" s="43" t="s">
        <v>40</v>
      </c>
      <c r="N112" s="43" t="s">
        <v>40</v>
      </c>
      <c r="O112" s="43" t="s">
        <v>40</v>
      </c>
      <c r="P112" s="43" t="s">
        <v>40</v>
      </c>
      <c r="Q112" s="43" t="s">
        <v>40</v>
      </c>
      <c r="R112" s="43" t="s">
        <v>40</v>
      </c>
      <c r="S112" s="42">
        <v>0</v>
      </c>
      <c r="T112" s="42">
        <v>0</v>
      </c>
      <c r="U112" s="42">
        <v>0</v>
      </c>
      <c r="V112" s="42">
        <v>0</v>
      </c>
      <c r="W112" s="42">
        <v>0</v>
      </c>
      <c r="X112" s="43" t="s">
        <v>40</v>
      </c>
      <c r="Y112" s="43" t="s">
        <v>40</v>
      </c>
      <c r="Z112" s="43" t="s">
        <v>40</v>
      </c>
      <c r="AA112" s="43" t="s">
        <v>40</v>
      </c>
      <c r="AB112" s="43" t="s">
        <v>40</v>
      </c>
      <c r="AC112" s="43" t="s">
        <v>40</v>
      </c>
      <c r="AD112" s="43" t="s">
        <v>40</v>
      </c>
      <c r="AE112" s="7"/>
      <c r="AF112" s="13"/>
      <c r="AG112" s="9"/>
      <c r="AH112" s="9"/>
      <c r="AI112" s="9"/>
      <c r="AJ112" s="9" t="s">
        <v>34</v>
      </c>
      <c r="AK112" s="43" t="s">
        <v>40</v>
      </c>
      <c r="AL112" s="43" t="s">
        <v>40</v>
      </c>
      <c r="AM112" s="43" t="s">
        <v>40</v>
      </c>
      <c r="AN112" s="43" t="s">
        <v>40</v>
      </c>
      <c r="AO112" s="43" t="s">
        <v>40</v>
      </c>
      <c r="AP112" s="43" t="s">
        <v>40</v>
      </c>
      <c r="AQ112" s="43" t="s">
        <v>40</v>
      </c>
      <c r="AR112" s="43" t="s">
        <v>40</v>
      </c>
      <c r="AS112" s="43" t="s">
        <v>40</v>
      </c>
      <c r="AT112" s="43" t="s">
        <v>40</v>
      </c>
      <c r="AU112" s="43" t="s">
        <v>40</v>
      </c>
      <c r="AV112" s="43" t="s">
        <v>40</v>
      </c>
      <c r="AW112" s="43" t="s">
        <v>40</v>
      </c>
      <c r="AX112" s="43" t="s">
        <v>40</v>
      </c>
      <c r="AY112" s="43" t="s">
        <v>40</v>
      </c>
      <c r="AZ112" s="43" t="s">
        <v>40</v>
      </c>
      <c r="BA112" s="43" t="s">
        <v>40</v>
      </c>
      <c r="BB112" s="43" t="s">
        <v>40</v>
      </c>
      <c r="BC112" s="43" t="s">
        <v>40</v>
      </c>
      <c r="BD112" s="43" t="s">
        <v>40</v>
      </c>
      <c r="BE112" s="43" t="s">
        <v>40</v>
      </c>
      <c r="BF112" s="43" t="s">
        <v>40</v>
      </c>
      <c r="BG112" s="43" t="s">
        <v>40</v>
      </c>
      <c r="BH112" s="43" t="s">
        <v>40</v>
      </c>
      <c r="BI112" s="43" t="s">
        <v>40</v>
      </c>
      <c r="BJ112" s="14"/>
      <c r="BK112" s="16"/>
      <c r="BL112" s="9"/>
      <c r="BM112" s="9"/>
      <c r="BN112" s="9"/>
      <c r="BO112" s="9" t="s">
        <v>34</v>
      </c>
      <c r="BP112" s="43" t="s">
        <v>40</v>
      </c>
      <c r="BQ112" s="43" t="s">
        <v>40</v>
      </c>
      <c r="BR112" s="43" t="s">
        <v>40</v>
      </c>
      <c r="BS112" s="43" t="s">
        <v>40</v>
      </c>
      <c r="BT112" s="43" t="s">
        <v>40</v>
      </c>
      <c r="BU112" s="43" t="s">
        <v>40</v>
      </c>
      <c r="BV112" s="43" t="s">
        <v>40</v>
      </c>
      <c r="BW112" s="43" t="s">
        <v>40</v>
      </c>
      <c r="BX112" s="43" t="s">
        <v>40</v>
      </c>
      <c r="BY112" s="43" t="s">
        <v>40</v>
      </c>
      <c r="BZ112" s="43" t="s">
        <v>40</v>
      </c>
      <c r="CA112" s="43" t="s">
        <v>40</v>
      </c>
      <c r="CB112" s="43" t="s">
        <v>40</v>
      </c>
      <c r="CC112" s="43" t="s">
        <v>40</v>
      </c>
      <c r="CD112" s="43" t="s">
        <v>40</v>
      </c>
      <c r="CE112" s="43" t="s">
        <v>40</v>
      </c>
      <c r="CF112" s="43" t="s">
        <v>40</v>
      </c>
      <c r="CG112" s="43" t="s">
        <v>40</v>
      </c>
      <c r="CH112" s="43" t="s">
        <v>40</v>
      </c>
      <c r="CI112" s="43" t="s">
        <v>40</v>
      </c>
      <c r="CJ112" s="43" t="s">
        <v>40</v>
      </c>
      <c r="CK112" s="43" t="s">
        <v>40</v>
      </c>
      <c r="CL112" s="43" t="s">
        <v>40</v>
      </c>
      <c r="CM112" s="43" t="s">
        <v>40</v>
      </c>
      <c r="CN112" s="43" t="s">
        <v>40</v>
      </c>
      <c r="CO112" s="20"/>
    </row>
    <row r="113" spans="1:93" x14ac:dyDescent="0.7">
      <c r="A113" s="7"/>
      <c r="E113" s="8" t="s">
        <v>35</v>
      </c>
      <c r="F113" s="43" t="s">
        <v>40</v>
      </c>
      <c r="G113" s="43" t="s">
        <v>40</v>
      </c>
      <c r="H113" s="43" t="s">
        <v>40</v>
      </c>
      <c r="I113" s="43" t="s">
        <v>40</v>
      </c>
      <c r="J113" s="43" t="s">
        <v>40</v>
      </c>
      <c r="K113" s="43" t="s">
        <v>40</v>
      </c>
      <c r="L113" s="43" t="s">
        <v>40</v>
      </c>
      <c r="M113" s="43" t="s">
        <v>40</v>
      </c>
      <c r="N113" s="43" t="s">
        <v>40</v>
      </c>
      <c r="O113" s="43" t="s">
        <v>40</v>
      </c>
      <c r="P113" s="43" t="s">
        <v>40</v>
      </c>
      <c r="Q113" s="43" t="s">
        <v>40</v>
      </c>
      <c r="R113" s="43" t="s">
        <v>40</v>
      </c>
      <c r="S113" s="42">
        <v>0</v>
      </c>
      <c r="T113" s="42">
        <v>0</v>
      </c>
      <c r="U113" s="42">
        <v>0</v>
      </c>
      <c r="V113" s="42">
        <v>0</v>
      </c>
      <c r="W113" s="42">
        <v>0</v>
      </c>
      <c r="X113" s="43" t="s">
        <v>40</v>
      </c>
      <c r="Y113" s="43" t="s">
        <v>40</v>
      </c>
      <c r="Z113" s="43" t="s">
        <v>40</v>
      </c>
      <c r="AA113" s="43" t="s">
        <v>40</v>
      </c>
      <c r="AB113" s="43" t="s">
        <v>40</v>
      </c>
      <c r="AC113" s="43" t="s">
        <v>40</v>
      </c>
      <c r="AD113" s="43" t="s">
        <v>40</v>
      </c>
      <c r="AE113" s="7"/>
      <c r="AF113" s="13"/>
      <c r="AG113" s="9"/>
      <c r="AH113" s="9"/>
      <c r="AI113" s="9"/>
      <c r="AJ113" s="9" t="s">
        <v>35</v>
      </c>
      <c r="AK113" s="43" t="s">
        <v>40</v>
      </c>
      <c r="AL113" s="43" t="s">
        <v>40</v>
      </c>
      <c r="AM113" s="43" t="s">
        <v>40</v>
      </c>
      <c r="AN113" s="43" t="s">
        <v>40</v>
      </c>
      <c r="AO113" s="43" t="s">
        <v>40</v>
      </c>
      <c r="AP113" s="43" t="s">
        <v>40</v>
      </c>
      <c r="AQ113" s="43" t="s">
        <v>40</v>
      </c>
      <c r="AR113" s="43" t="s">
        <v>40</v>
      </c>
      <c r="AS113" s="43" t="s">
        <v>40</v>
      </c>
      <c r="AT113" s="43" t="s">
        <v>40</v>
      </c>
      <c r="AU113" s="43" t="s">
        <v>40</v>
      </c>
      <c r="AV113" s="43" t="s">
        <v>40</v>
      </c>
      <c r="AW113" s="43" t="s">
        <v>40</v>
      </c>
      <c r="AX113" s="43" t="s">
        <v>40</v>
      </c>
      <c r="AY113" s="43" t="s">
        <v>40</v>
      </c>
      <c r="AZ113" s="43" t="s">
        <v>40</v>
      </c>
      <c r="BA113" s="43" t="s">
        <v>40</v>
      </c>
      <c r="BB113" s="43" t="s">
        <v>40</v>
      </c>
      <c r="BC113" s="43" t="s">
        <v>40</v>
      </c>
      <c r="BD113" s="43" t="s">
        <v>40</v>
      </c>
      <c r="BE113" s="43" t="s">
        <v>40</v>
      </c>
      <c r="BF113" s="43" t="s">
        <v>40</v>
      </c>
      <c r="BG113" s="43" t="s">
        <v>40</v>
      </c>
      <c r="BH113" s="43" t="s">
        <v>40</v>
      </c>
      <c r="BI113" s="43" t="s">
        <v>40</v>
      </c>
      <c r="BJ113" s="14"/>
      <c r="BK113" s="16"/>
      <c r="BL113" s="9"/>
      <c r="BM113" s="9"/>
      <c r="BN113" s="9"/>
      <c r="BO113" s="9" t="s">
        <v>35</v>
      </c>
      <c r="BP113" s="43" t="s">
        <v>40</v>
      </c>
      <c r="BQ113" s="43" t="s">
        <v>40</v>
      </c>
      <c r="BR113" s="43" t="s">
        <v>40</v>
      </c>
      <c r="BS113" s="43" t="s">
        <v>40</v>
      </c>
      <c r="BT113" s="43" t="s">
        <v>40</v>
      </c>
      <c r="BU113" s="43" t="s">
        <v>40</v>
      </c>
      <c r="BV113" s="43" t="s">
        <v>40</v>
      </c>
      <c r="BW113" s="43" t="s">
        <v>40</v>
      </c>
      <c r="BX113" s="43" t="s">
        <v>40</v>
      </c>
      <c r="BY113" s="43" t="s">
        <v>40</v>
      </c>
      <c r="BZ113" s="43" t="s">
        <v>40</v>
      </c>
      <c r="CA113" s="43" t="s">
        <v>40</v>
      </c>
      <c r="CB113" s="43" t="s">
        <v>40</v>
      </c>
      <c r="CC113" s="43" t="s">
        <v>40</v>
      </c>
      <c r="CD113" s="43" t="s">
        <v>40</v>
      </c>
      <c r="CE113" s="43" t="s">
        <v>40</v>
      </c>
      <c r="CF113" s="43" t="s">
        <v>40</v>
      </c>
      <c r="CG113" s="43" t="s">
        <v>40</v>
      </c>
      <c r="CH113" s="43" t="s">
        <v>40</v>
      </c>
      <c r="CI113" s="43" t="s">
        <v>40</v>
      </c>
      <c r="CJ113" s="43" t="s">
        <v>40</v>
      </c>
      <c r="CK113" s="43" t="s">
        <v>40</v>
      </c>
      <c r="CL113" s="43" t="s">
        <v>40</v>
      </c>
      <c r="CM113" s="43" t="s">
        <v>40</v>
      </c>
      <c r="CN113" s="43" t="s">
        <v>40</v>
      </c>
      <c r="CO113" s="20"/>
    </row>
    <row r="114" spans="1:93" x14ac:dyDescent="0.7">
      <c r="A114" s="7"/>
      <c r="E114" s="8" t="s">
        <v>36</v>
      </c>
      <c r="F114" s="43" t="s">
        <v>40</v>
      </c>
      <c r="G114" s="43" t="s">
        <v>40</v>
      </c>
      <c r="H114" s="43" t="s">
        <v>40</v>
      </c>
      <c r="I114" s="43" t="s">
        <v>40</v>
      </c>
      <c r="J114" s="43" t="s">
        <v>40</v>
      </c>
      <c r="K114" s="43" t="s">
        <v>40</v>
      </c>
      <c r="L114" s="43" t="s">
        <v>40</v>
      </c>
      <c r="M114" s="43" t="s">
        <v>40</v>
      </c>
      <c r="N114" s="43" t="s">
        <v>40</v>
      </c>
      <c r="O114" s="43" t="s">
        <v>40</v>
      </c>
      <c r="P114" s="43" t="s">
        <v>40</v>
      </c>
      <c r="Q114" s="43" t="s">
        <v>40</v>
      </c>
      <c r="R114" s="43" t="s">
        <v>40</v>
      </c>
      <c r="S114" s="42">
        <v>0</v>
      </c>
      <c r="T114" s="42">
        <v>0</v>
      </c>
      <c r="U114" s="42">
        <v>0</v>
      </c>
      <c r="V114" s="42">
        <v>0</v>
      </c>
      <c r="W114" s="42">
        <v>0</v>
      </c>
      <c r="X114" s="43" t="s">
        <v>40</v>
      </c>
      <c r="Y114" s="43" t="s">
        <v>40</v>
      </c>
      <c r="Z114" s="43" t="s">
        <v>40</v>
      </c>
      <c r="AA114" s="43" t="s">
        <v>40</v>
      </c>
      <c r="AB114" s="43" t="s">
        <v>40</v>
      </c>
      <c r="AC114" s="43" t="s">
        <v>40</v>
      </c>
      <c r="AD114" s="43" t="s">
        <v>40</v>
      </c>
      <c r="AE114" s="7"/>
      <c r="AF114" s="13"/>
      <c r="AG114" s="9"/>
      <c r="AH114" s="9"/>
      <c r="AI114" s="9"/>
      <c r="AJ114" s="9" t="s">
        <v>36</v>
      </c>
      <c r="AK114" s="43" t="s">
        <v>40</v>
      </c>
      <c r="AL114" s="43" t="s">
        <v>40</v>
      </c>
      <c r="AM114" s="43" t="s">
        <v>40</v>
      </c>
      <c r="AN114" s="43" t="s">
        <v>40</v>
      </c>
      <c r="AO114" s="43" t="s">
        <v>40</v>
      </c>
      <c r="AP114" s="43" t="s">
        <v>40</v>
      </c>
      <c r="AQ114" s="43" t="s">
        <v>40</v>
      </c>
      <c r="AR114" s="43" t="s">
        <v>40</v>
      </c>
      <c r="AS114" s="43" t="s">
        <v>40</v>
      </c>
      <c r="AT114" s="43" t="s">
        <v>40</v>
      </c>
      <c r="AU114" s="43" t="s">
        <v>40</v>
      </c>
      <c r="AV114" s="43" t="s">
        <v>40</v>
      </c>
      <c r="AW114" s="43" t="s">
        <v>40</v>
      </c>
      <c r="AX114" s="43" t="s">
        <v>40</v>
      </c>
      <c r="AY114" s="43" t="s">
        <v>40</v>
      </c>
      <c r="AZ114" s="43" t="s">
        <v>40</v>
      </c>
      <c r="BA114" s="43" t="s">
        <v>40</v>
      </c>
      <c r="BB114" s="43" t="s">
        <v>40</v>
      </c>
      <c r="BC114" s="43" t="s">
        <v>40</v>
      </c>
      <c r="BD114" s="43" t="s">
        <v>40</v>
      </c>
      <c r="BE114" s="43" t="s">
        <v>40</v>
      </c>
      <c r="BF114" s="43" t="s">
        <v>40</v>
      </c>
      <c r="BG114" s="43" t="s">
        <v>40</v>
      </c>
      <c r="BH114" s="43" t="s">
        <v>40</v>
      </c>
      <c r="BI114" s="43" t="s">
        <v>40</v>
      </c>
      <c r="BJ114" s="14"/>
      <c r="BK114" s="16"/>
      <c r="BL114" s="9"/>
      <c r="BM114" s="9"/>
      <c r="BN114" s="9"/>
      <c r="BO114" s="9" t="s">
        <v>36</v>
      </c>
      <c r="BP114" s="43" t="s">
        <v>40</v>
      </c>
      <c r="BQ114" s="43" t="s">
        <v>40</v>
      </c>
      <c r="BR114" s="43" t="s">
        <v>40</v>
      </c>
      <c r="BS114" s="43" t="s">
        <v>40</v>
      </c>
      <c r="BT114" s="43" t="s">
        <v>40</v>
      </c>
      <c r="BU114" s="43" t="s">
        <v>40</v>
      </c>
      <c r="BV114" s="43" t="s">
        <v>40</v>
      </c>
      <c r="BW114" s="43" t="s">
        <v>40</v>
      </c>
      <c r="BX114" s="43" t="s">
        <v>40</v>
      </c>
      <c r="BY114" s="43" t="s">
        <v>40</v>
      </c>
      <c r="BZ114" s="43" t="s">
        <v>40</v>
      </c>
      <c r="CA114" s="43" t="s">
        <v>40</v>
      </c>
      <c r="CB114" s="43" t="s">
        <v>40</v>
      </c>
      <c r="CC114" s="43" t="s">
        <v>40</v>
      </c>
      <c r="CD114" s="43" t="s">
        <v>40</v>
      </c>
      <c r="CE114" s="43" t="s">
        <v>40</v>
      </c>
      <c r="CF114" s="43" t="s">
        <v>40</v>
      </c>
      <c r="CG114" s="43" t="s">
        <v>40</v>
      </c>
      <c r="CH114" s="43" t="s">
        <v>40</v>
      </c>
      <c r="CI114" s="43" t="s">
        <v>40</v>
      </c>
      <c r="CJ114" s="43" t="s">
        <v>40</v>
      </c>
      <c r="CK114" s="43" t="s">
        <v>40</v>
      </c>
      <c r="CL114" s="43" t="s">
        <v>40</v>
      </c>
      <c r="CM114" s="43" t="s">
        <v>40</v>
      </c>
      <c r="CN114" s="43" t="s">
        <v>40</v>
      </c>
      <c r="CO114" s="20"/>
    </row>
    <row r="115" spans="1:93" x14ac:dyDescent="0.7">
      <c r="A115" s="7"/>
      <c r="D115" s="8" t="s">
        <v>37</v>
      </c>
      <c r="E115" s="8" t="s">
        <v>27</v>
      </c>
      <c r="F115" s="42">
        <v>17726</v>
      </c>
      <c r="G115" s="42">
        <v>5795</v>
      </c>
      <c r="H115" s="42">
        <v>15647</v>
      </c>
      <c r="I115" s="42">
        <v>8889</v>
      </c>
      <c r="J115" s="42">
        <v>7465</v>
      </c>
      <c r="K115" s="42">
        <v>11005</v>
      </c>
      <c r="L115" s="42">
        <v>26158</v>
      </c>
      <c r="M115" s="42">
        <v>21411</v>
      </c>
      <c r="N115" s="42">
        <v>19955</v>
      </c>
      <c r="O115" s="42">
        <v>28331</v>
      </c>
      <c r="P115" s="42">
        <v>42560</v>
      </c>
      <c r="Q115" s="42">
        <v>29330</v>
      </c>
      <c r="R115" s="42">
        <v>34930</v>
      </c>
      <c r="S115" s="42">
        <v>40380</v>
      </c>
      <c r="T115" s="42">
        <v>52536</v>
      </c>
      <c r="U115" s="42">
        <v>47846</v>
      </c>
      <c r="V115" s="42">
        <v>50446</v>
      </c>
      <c r="W115" s="42">
        <v>57169</v>
      </c>
      <c r="X115" s="42">
        <v>73927</v>
      </c>
      <c r="Y115" s="42">
        <v>61108</v>
      </c>
      <c r="Z115" s="42">
        <v>56995</v>
      </c>
      <c r="AA115" s="42">
        <v>71062</v>
      </c>
      <c r="AB115" s="42">
        <v>94965</v>
      </c>
      <c r="AC115" s="42">
        <v>73861</v>
      </c>
      <c r="AD115" s="42">
        <v>67875</v>
      </c>
      <c r="AE115" s="7"/>
      <c r="AF115" s="13"/>
      <c r="AG115" s="9"/>
      <c r="AH115" s="9"/>
      <c r="AI115" s="9" t="s">
        <v>37</v>
      </c>
      <c r="AJ115" s="9" t="s">
        <v>27</v>
      </c>
      <c r="AK115" s="21">
        <v>17717</v>
      </c>
      <c r="AL115" s="21">
        <v>5672</v>
      </c>
      <c r="AM115" s="21">
        <v>15692</v>
      </c>
      <c r="AN115" s="21">
        <v>8842</v>
      </c>
      <c r="AO115" s="21">
        <v>7490</v>
      </c>
      <c r="AP115" s="21">
        <v>10976</v>
      </c>
      <c r="AQ115" s="21">
        <v>26689</v>
      </c>
      <c r="AR115" s="21">
        <v>21974</v>
      </c>
      <c r="AS115" s="21">
        <v>17930</v>
      </c>
      <c r="AT115" s="21">
        <v>26214</v>
      </c>
      <c r="AU115" s="21">
        <v>41746</v>
      </c>
      <c r="AV115" s="21">
        <v>27218</v>
      </c>
      <c r="AW115" s="21">
        <v>32065</v>
      </c>
      <c r="AX115" s="21">
        <v>37886</v>
      </c>
      <c r="AY115" s="21">
        <v>50248</v>
      </c>
      <c r="AZ115" s="21">
        <v>46644</v>
      </c>
      <c r="BA115" s="21">
        <v>49914</v>
      </c>
      <c r="BB115" s="21">
        <v>57347</v>
      </c>
      <c r="BC115" s="21">
        <v>75897</v>
      </c>
      <c r="BD115" s="21">
        <v>57270</v>
      </c>
      <c r="BE115" s="21">
        <v>55174</v>
      </c>
      <c r="BF115" s="21">
        <v>64306</v>
      </c>
      <c r="BG115" s="21">
        <v>87847</v>
      </c>
      <c r="BH115" s="21">
        <v>70010</v>
      </c>
      <c r="BI115" s="21">
        <v>66321</v>
      </c>
      <c r="BJ115" s="14"/>
      <c r="BK115" s="16"/>
      <c r="BL115" s="9"/>
      <c r="BM115" s="9"/>
      <c r="BN115" s="9" t="s">
        <v>37</v>
      </c>
      <c r="BO115" s="9" t="s">
        <v>27</v>
      </c>
      <c r="BP115" s="21">
        <f t="shared" ref="BP115:BP116" si="100">AK115-F115</f>
        <v>-9</v>
      </c>
      <c r="BQ115" s="21">
        <f t="shared" ref="BQ115:BQ116" si="101">AL115-G115</f>
        <v>-123</v>
      </c>
      <c r="BR115" s="21">
        <f t="shared" ref="BR115:BR116" si="102">AM115-H115</f>
        <v>45</v>
      </c>
      <c r="BS115" s="21">
        <f t="shared" ref="BS115:BS116" si="103">AN115-I115</f>
        <v>-47</v>
      </c>
      <c r="BT115" s="21">
        <f t="shared" ref="BT115:BT116" si="104">AO115-J115</f>
        <v>25</v>
      </c>
      <c r="BU115" s="21">
        <f t="shared" ref="BU115:BU116" si="105">AP115-K115</f>
        <v>-29</v>
      </c>
      <c r="BV115" s="21">
        <f t="shared" ref="BV115:BV116" si="106">AQ115-L115</f>
        <v>531</v>
      </c>
      <c r="BW115" s="21">
        <f t="shared" ref="BW115:BW116" si="107">AR115-M115</f>
        <v>563</v>
      </c>
      <c r="BX115" s="21">
        <f t="shared" ref="BX115:BX116" si="108">AS115-N115</f>
        <v>-2025</v>
      </c>
      <c r="BY115" s="21">
        <f t="shared" ref="BY115:BY116" si="109">AT115-O115</f>
        <v>-2117</v>
      </c>
      <c r="BZ115" s="21">
        <f t="shared" ref="BZ115:BZ116" si="110">AU115-P115</f>
        <v>-814</v>
      </c>
      <c r="CA115" s="21">
        <f t="shared" ref="CA115:CA116" si="111">AV115-Q115</f>
        <v>-2112</v>
      </c>
      <c r="CB115" s="21">
        <f t="shared" ref="CB115:CB116" si="112">AW115-R115</f>
        <v>-2865</v>
      </c>
      <c r="CC115" s="21">
        <f t="shared" ref="CC115:CC116" si="113">AX115-S115</f>
        <v>-2494</v>
      </c>
      <c r="CD115" s="21">
        <f t="shared" ref="CD115:CD116" si="114">AY115-T115</f>
        <v>-2288</v>
      </c>
      <c r="CE115" s="21">
        <f t="shared" ref="CE115:CE116" si="115">AZ115-U115</f>
        <v>-1202</v>
      </c>
      <c r="CF115" s="21">
        <f t="shared" ref="CF115:CF116" si="116">BA115-V115</f>
        <v>-532</v>
      </c>
      <c r="CG115" s="21">
        <f t="shared" ref="CG115:CG116" si="117">BB115-W115</f>
        <v>178</v>
      </c>
      <c r="CH115" s="21">
        <f t="shared" ref="CH115:CH116" si="118">BC115-X115</f>
        <v>1970</v>
      </c>
      <c r="CI115" s="21">
        <f t="shared" ref="CI115:CI116" si="119">BD115-Y115</f>
        <v>-3838</v>
      </c>
      <c r="CJ115" s="21">
        <f t="shared" ref="CJ115:CJ116" si="120">BE115-Z115</f>
        <v>-1821</v>
      </c>
      <c r="CK115" s="21">
        <f t="shared" ref="CK115:CK116" si="121">BF115-AA115</f>
        <v>-6756</v>
      </c>
      <c r="CL115" s="21">
        <f t="shared" ref="CL115:CL116" si="122">BG115-AB115</f>
        <v>-7118</v>
      </c>
      <c r="CM115" s="21">
        <f t="shared" ref="CM115:CM116" si="123">BH115-AC115</f>
        <v>-3851</v>
      </c>
      <c r="CN115" s="21">
        <f t="shared" ref="CN115:CN116" si="124">BI115-AD115</f>
        <v>-1554</v>
      </c>
      <c r="CO115" s="20"/>
    </row>
    <row r="116" spans="1:93" x14ac:dyDescent="0.7">
      <c r="A116" s="7"/>
      <c r="E116" s="8" t="s">
        <v>28</v>
      </c>
      <c r="F116" s="42">
        <v>14990</v>
      </c>
      <c r="G116" s="42">
        <v>5066</v>
      </c>
      <c r="H116" s="42">
        <v>13829</v>
      </c>
      <c r="I116" s="42">
        <v>7882</v>
      </c>
      <c r="J116" s="42">
        <v>6595</v>
      </c>
      <c r="K116" s="42">
        <v>9871</v>
      </c>
      <c r="L116" s="42">
        <v>23348</v>
      </c>
      <c r="M116" s="42">
        <v>19013</v>
      </c>
      <c r="N116" s="42">
        <v>17658</v>
      </c>
      <c r="O116" s="42">
        <v>25110</v>
      </c>
      <c r="P116" s="42">
        <v>38209</v>
      </c>
      <c r="Q116" s="42">
        <v>26273</v>
      </c>
      <c r="R116" s="42">
        <v>31804</v>
      </c>
      <c r="S116" s="42">
        <v>36987</v>
      </c>
      <c r="T116" s="42">
        <v>48224</v>
      </c>
      <c r="U116" s="42">
        <v>44215</v>
      </c>
      <c r="V116" s="42">
        <v>46600</v>
      </c>
      <c r="W116" s="42">
        <v>53037</v>
      </c>
      <c r="X116" s="42">
        <v>68754</v>
      </c>
      <c r="Y116" s="42">
        <v>57297</v>
      </c>
      <c r="Z116" s="42">
        <v>53325</v>
      </c>
      <c r="AA116" s="42">
        <v>66863</v>
      </c>
      <c r="AB116" s="42">
        <v>89168</v>
      </c>
      <c r="AC116" s="42">
        <v>69565</v>
      </c>
      <c r="AD116" s="42">
        <v>63862</v>
      </c>
      <c r="AE116" s="7"/>
      <c r="AF116" s="13"/>
      <c r="AG116" s="9"/>
      <c r="AH116" s="9"/>
      <c r="AI116" s="9"/>
      <c r="AJ116" s="9" t="s">
        <v>28</v>
      </c>
      <c r="AK116" s="21">
        <v>15003</v>
      </c>
      <c r="AL116" s="21">
        <v>4967</v>
      </c>
      <c r="AM116" s="21">
        <v>13892</v>
      </c>
      <c r="AN116" s="21">
        <v>7855</v>
      </c>
      <c r="AO116" s="21">
        <v>6629</v>
      </c>
      <c r="AP116" s="21">
        <v>9865</v>
      </c>
      <c r="AQ116" s="21">
        <v>23883</v>
      </c>
      <c r="AR116" s="21">
        <v>19585</v>
      </c>
      <c r="AS116" s="21">
        <v>15874</v>
      </c>
      <c r="AT116" s="21">
        <v>23229</v>
      </c>
      <c r="AU116" s="21">
        <v>37439</v>
      </c>
      <c r="AV116" s="21">
        <v>24381</v>
      </c>
      <c r="AW116" s="21">
        <v>29004</v>
      </c>
      <c r="AX116" s="21">
        <v>34551</v>
      </c>
      <c r="AY116" s="21">
        <v>46006</v>
      </c>
      <c r="AZ116" s="21">
        <v>43062</v>
      </c>
      <c r="BA116" s="21">
        <v>46117</v>
      </c>
      <c r="BB116" s="21">
        <v>53266</v>
      </c>
      <c r="BC116" s="21">
        <v>70726</v>
      </c>
      <c r="BD116" s="21">
        <v>53676</v>
      </c>
      <c r="BE116" s="21">
        <v>51703</v>
      </c>
      <c r="BF116" s="21">
        <v>60488</v>
      </c>
      <c r="BG116" s="21">
        <v>82460</v>
      </c>
      <c r="BH116" s="21">
        <v>66195</v>
      </c>
      <c r="BI116" s="21">
        <v>62412</v>
      </c>
      <c r="BJ116" s="14"/>
      <c r="BK116" s="16"/>
      <c r="BL116" s="9"/>
      <c r="BM116" s="9"/>
      <c r="BN116" s="9"/>
      <c r="BO116" s="9" t="s">
        <v>28</v>
      </c>
      <c r="BP116" s="21">
        <f t="shared" si="100"/>
        <v>13</v>
      </c>
      <c r="BQ116" s="21">
        <f t="shared" si="101"/>
        <v>-99</v>
      </c>
      <c r="BR116" s="21">
        <f t="shared" si="102"/>
        <v>63</v>
      </c>
      <c r="BS116" s="21">
        <f t="shared" si="103"/>
        <v>-27</v>
      </c>
      <c r="BT116" s="21">
        <f t="shared" si="104"/>
        <v>34</v>
      </c>
      <c r="BU116" s="21">
        <f t="shared" si="105"/>
        <v>-6</v>
      </c>
      <c r="BV116" s="21">
        <f t="shared" si="106"/>
        <v>535</v>
      </c>
      <c r="BW116" s="21">
        <f t="shared" si="107"/>
        <v>572</v>
      </c>
      <c r="BX116" s="21">
        <f t="shared" si="108"/>
        <v>-1784</v>
      </c>
      <c r="BY116" s="21">
        <f t="shared" si="109"/>
        <v>-1881</v>
      </c>
      <c r="BZ116" s="21">
        <f t="shared" si="110"/>
        <v>-770</v>
      </c>
      <c r="CA116" s="21">
        <f t="shared" si="111"/>
        <v>-1892</v>
      </c>
      <c r="CB116" s="21">
        <f t="shared" si="112"/>
        <v>-2800</v>
      </c>
      <c r="CC116" s="21">
        <f t="shared" si="113"/>
        <v>-2436</v>
      </c>
      <c r="CD116" s="21">
        <f t="shared" si="114"/>
        <v>-2218</v>
      </c>
      <c r="CE116" s="21">
        <f t="shared" si="115"/>
        <v>-1153</v>
      </c>
      <c r="CF116" s="21">
        <f t="shared" si="116"/>
        <v>-483</v>
      </c>
      <c r="CG116" s="21">
        <f t="shared" si="117"/>
        <v>229</v>
      </c>
      <c r="CH116" s="21">
        <f t="shared" si="118"/>
        <v>1972</v>
      </c>
      <c r="CI116" s="21">
        <f t="shared" si="119"/>
        <v>-3621</v>
      </c>
      <c r="CJ116" s="21">
        <f t="shared" si="120"/>
        <v>-1622</v>
      </c>
      <c r="CK116" s="21">
        <f t="shared" si="121"/>
        <v>-6375</v>
      </c>
      <c r="CL116" s="21">
        <f t="shared" si="122"/>
        <v>-6708</v>
      </c>
      <c r="CM116" s="21">
        <f t="shared" si="123"/>
        <v>-3370</v>
      </c>
      <c r="CN116" s="21">
        <f t="shared" si="124"/>
        <v>-1450</v>
      </c>
      <c r="CO116" s="20"/>
    </row>
    <row r="117" spans="1:93" x14ac:dyDescent="0.7">
      <c r="A117" s="7"/>
      <c r="E117" s="8" t="s">
        <v>29</v>
      </c>
      <c r="F117" s="43" t="s">
        <v>40</v>
      </c>
      <c r="G117" s="43" t="s">
        <v>40</v>
      </c>
      <c r="H117" s="43" t="s">
        <v>40</v>
      </c>
      <c r="I117" s="43" t="s">
        <v>40</v>
      </c>
      <c r="J117" s="43" t="s">
        <v>40</v>
      </c>
      <c r="K117" s="43" t="s">
        <v>40</v>
      </c>
      <c r="L117" s="43" t="s">
        <v>40</v>
      </c>
      <c r="M117" s="43" t="s">
        <v>40</v>
      </c>
      <c r="N117" s="43" t="s">
        <v>40</v>
      </c>
      <c r="O117" s="43" t="s">
        <v>40</v>
      </c>
      <c r="P117" s="43" t="s">
        <v>40</v>
      </c>
      <c r="Q117" s="43" t="s">
        <v>40</v>
      </c>
      <c r="R117" s="43" t="s">
        <v>40</v>
      </c>
      <c r="S117" s="42">
        <v>0</v>
      </c>
      <c r="T117" s="42">
        <v>0</v>
      </c>
      <c r="U117" s="42">
        <v>0</v>
      </c>
      <c r="V117" s="42">
        <v>0</v>
      </c>
      <c r="W117" s="42">
        <v>0</v>
      </c>
      <c r="X117" s="43" t="s">
        <v>40</v>
      </c>
      <c r="Y117" s="43" t="s">
        <v>40</v>
      </c>
      <c r="Z117" s="43" t="s">
        <v>40</v>
      </c>
      <c r="AA117" s="43" t="s">
        <v>40</v>
      </c>
      <c r="AB117" s="43" t="s">
        <v>40</v>
      </c>
      <c r="AC117" s="43" t="s">
        <v>40</v>
      </c>
      <c r="AD117" s="43" t="s">
        <v>40</v>
      </c>
      <c r="AE117" s="7"/>
      <c r="AF117" s="13"/>
      <c r="AG117" s="9"/>
      <c r="AH117" s="9"/>
      <c r="AI117" s="9"/>
      <c r="AJ117" s="9" t="s">
        <v>29</v>
      </c>
      <c r="AK117" s="43" t="s">
        <v>40</v>
      </c>
      <c r="AL117" s="43" t="s">
        <v>40</v>
      </c>
      <c r="AM117" s="43" t="s">
        <v>40</v>
      </c>
      <c r="AN117" s="43" t="s">
        <v>40</v>
      </c>
      <c r="AO117" s="43" t="s">
        <v>40</v>
      </c>
      <c r="AP117" s="43" t="s">
        <v>40</v>
      </c>
      <c r="AQ117" s="43" t="s">
        <v>40</v>
      </c>
      <c r="AR117" s="43" t="s">
        <v>40</v>
      </c>
      <c r="AS117" s="43" t="s">
        <v>40</v>
      </c>
      <c r="AT117" s="43" t="s">
        <v>40</v>
      </c>
      <c r="AU117" s="43" t="s">
        <v>40</v>
      </c>
      <c r="AV117" s="43" t="s">
        <v>40</v>
      </c>
      <c r="AW117" s="43" t="s">
        <v>40</v>
      </c>
      <c r="AX117" s="43" t="s">
        <v>40</v>
      </c>
      <c r="AY117" s="43" t="s">
        <v>40</v>
      </c>
      <c r="AZ117" s="43" t="s">
        <v>40</v>
      </c>
      <c r="BA117" s="43" t="s">
        <v>40</v>
      </c>
      <c r="BB117" s="43" t="s">
        <v>40</v>
      </c>
      <c r="BC117" s="43" t="s">
        <v>40</v>
      </c>
      <c r="BD117" s="43" t="s">
        <v>40</v>
      </c>
      <c r="BE117" s="43" t="s">
        <v>40</v>
      </c>
      <c r="BF117" s="43" t="s">
        <v>40</v>
      </c>
      <c r="BG117" s="43" t="s">
        <v>40</v>
      </c>
      <c r="BH117" s="43" t="s">
        <v>40</v>
      </c>
      <c r="BI117" s="43" t="s">
        <v>40</v>
      </c>
      <c r="BJ117" s="14"/>
      <c r="BK117" s="16"/>
      <c r="BL117" s="9"/>
      <c r="BM117" s="9"/>
      <c r="BN117" s="9"/>
      <c r="BO117" s="9" t="s">
        <v>29</v>
      </c>
      <c r="BP117" s="43" t="s">
        <v>40</v>
      </c>
      <c r="BQ117" s="43" t="s">
        <v>40</v>
      </c>
      <c r="BR117" s="43" t="s">
        <v>40</v>
      </c>
      <c r="BS117" s="43" t="s">
        <v>40</v>
      </c>
      <c r="BT117" s="43" t="s">
        <v>40</v>
      </c>
      <c r="BU117" s="43" t="s">
        <v>40</v>
      </c>
      <c r="BV117" s="43" t="s">
        <v>40</v>
      </c>
      <c r="BW117" s="43" t="s">
        <v>40</v>
      </c>
      <c r="BX117" s="43" t="s">
        <v>40</v>
      </c>
      <c r="BY117" s="43" t="s">
        <v>40</v>
      </c>
      <c r="BZ117" s="43" t="s">
        <v>40</v>
      </c>
      <c r="CA117" s="43" t="s">
        <v>40</v>
      </c>
      <c r="CB117" s="43" t="s">
        <v>40</v>
      </c>
      <c r="CC117" s="43" t="s">
        <v>40</v>
      </c>
      <c r="CD117" s="43" t="s">
        <v>40</v>
      </c>
      <c r="CE117" s="43" t="s">
        <v>40</v>
      </c>
      <c r="CF117" s="43" t="s">
        <v>40</v>
      </c>
      <c r="CG117" s="43" t="s">
        <v>40</v>
      </c>
      <c r="CH117" s="43" t="s">
        <v>40</v>
      </c>
      <c r="CI117" s="43" t="s">
        <v>40</v>
      </c>
      <c r="CJ117" s="43" t="s">
        <v>40</v>
      </c>
      <c r="CK117" s="43" t="s">
        <v>40</v>
      </c>
      <c r="CL117" s="43" t="s">
        <v>40</v>
      </c>
      <c r="CM117" s="43" t="s">
        <v>40</v>
      </c>
      <c r="CN117" s="43" t="s">
        <v>40</v>
      </c>
      <c r="CO117" s="20"/>
    </row>
    <row r="118" spans="1:93" x14ac:dyDescent="0.7">
      <c r="A118" s="7"/>
      <c r="E118" s="8" t="s">
        <v>30</v>
      </c>
      <c r="F118" s="42">
        <v>10376</v>
      </c>
      <c r="G118" s="42">
        <v>2676</v>
      </c>
      <c r="H118" s="42">
        <v>9310</v>
      </c>
      <c r="I118" s="42">
        <v>4484</v>
      </c>
      <c r="J118" s="42">
        <v>3315</v>
      </c>
      <c r="K118" s="42">
        <v>5443</v>
      </c>
      <c r="L118" s="42">
        <v>15519</v>
      </c>
      <c r="M118" s="42">
        <v>12010</v>
      </c>
      <c r="N118" s="42">
        <v>10592</v>
      </c>
      <c r="O118" s="42">
        <v>15914</v>
      </c>
      <c r="P118" s="42">
        <v>26095</v>
      </c>
      <c r="Q118" s="42">
        <v>16891</v>
      </c>
      <c r="R118" s="42">
        <v>17675</v>
      </c>
      <c r="S118" s="42">
        <v>20993</v>
      </c>
      <c r="T118" s="42">
        <v>28518</v>
      </c>
      <c r="U118" s="42">
        <v>25221</v>
      </c>
      <c r="V118" s="42">
        <v>26849</v>
      </c>
      <c r="W118" s="42">
        <v>31085</v>
      </c>
      <c r="X118" s="42">
        <v>39802</v>
      </c>
      <c r="Y118" s="42">
        <v>33195</v>
      </c>
      <c r="Z118" s="42">
        <v>29792</v>
      </c>
      <c r="AA118" s="42">
        <v>36769</v>
      </c>
      <c r="AB118" s="42">
        <v>49550</v>
      </c>
      <c r="AC118" s="42">
        <v>38234</v>
      </c>
      <c r="AD118" s="42">
        <v>34535</v>
      </c>
      <c r="AE118" s="7"/>
      <c r="AF118" s="13"/>
      <c r="AG118" s="9"/>
      <c r="AH118" s="9"/>
      <c r="AI118" s="9"/>
      <c r="AJ118" s="9" t="s">
        <v>30</v>
      </c>
      <c r="AK118" s="21">
        <v>10447</v>
      </c>
      <c r="AL118" s="21">
        <v>2692</v>
      </c>
      <c r="AM118" s="21">
        <v>9406</v>
      </c>
      <c r="AN118" s="21">
        <v>4525</v>
      </c>
      <c r="AO118" s="21">
        <v>3431</v>
      </c>
      <c r="AP118" s="21">
        <v>5490</v>
      </c>
      <c r="AQ118" s="21">
        <v>15854</v>
      </c>
      <c r="AR118" s="21">
        <v>12358</v>
      </c>
      <c r="AS118" s="21">
        <v>9666</v>
      </c>
      <c r="AT118" s="21">
        <v>14981</v>
      </c>
      <c r="AU118" s="21">
        <v>25779</v>
      </c>
      <c r="AV118" s="21">
        <v>15958</v>
      </c>
      <c r="AW118" s="21">
        <v>17184</v>
      </c>
      <c r="AX118" s="21">
        <v>20752</v>
      </c>
      <c r="AY118" s="21">
        <v>28745</v>
      </c>
      <c r="AZ118" s="21">
        <v>25722</v>
      </c>
      <c r="BA118" s="21">
        <v>27105</v>
      </c>
      <c r="BB118" s="21">
        <v>31634</v>
      </c>
      <c r="BC118" s="21">
        <v>41435</v>
      </c>
      <c r="BD118" s="21">
        <v>30415</v>
      </c>
      <c r="BE118" s="21">
        <v>28949</v>
      </c>
      <c r="BF118" s="21">
        <v>33767</v>
      </c>
      <c r="BG118" s="21">
        <v>46468</v>
      </c>
      <c r="BH118" s="21">
        <v>34864</v>
      </c>
      <c r="BI118" s="21">
        <v>33085</v>
      </c>
      <c r="BJ118" s="14"/>
      <c r="BK118" s="16"/>
      <c r="BL118" s="9"/>
      <c r="BM118" s="9"/>
      <c r="BN118" s="9"/>
      <c r="BO118" s="9" t="s">
        <v>30</v>
      </c>
      <c r="BP118" s="21">
        <f t="shared" ref="BP118:BP121" si="125">AK118-F118</f>
        <v>71</v>
      </c>
      <c r="BQ118" s="21">
        <f t="shared" ref="BQ118:BQ121" si="126">AL118-G118</f>
        <v>16</v>
      </c>
      <c r="BR118" s="21">
        <f t="shared" ref="BR118:BR121" si="127">AM118-H118</f>
        <v>96</v>
      </c>
      <c r="BS118" s="21">
        <f t="shared" ref="BS118:BS121" si="128">AN118-I118</f>
        <v>41</v>
      </c>
      <c r="BT118" s="21">
        <f t="shared" ref="BT118:BT121" si="129">AO118-J118</f>
        <v>116</v>
      </c>
      <c r="BU118" s="21">
        <f t="shared" ref="BU118:BU121" si="130">AP118-K118</f>
        <v>47</v>
      </c>
      <c r="BV118" s="21">
        <f t="shared" ref="BV118:BV121" si="131">AQ118-L118</f>
        <v>335</v>
      </c>
      <c r="BW118" s="21">
        <f t="shared" ref="BW118:BW121" si="132">AR118-M118</f>
        <v>348</v>
      </c>
      <c r="BX118" s="21">
        <f t="shared" ref="BX118:BX121" si="133">AS118-N118</f>
        <v>-926</v>
      </c>
      <c r="BY118" s="21">
        <f t="shared" ref="BY118:BY121" si="134">AT118-O118</f>
        <v>-933</v>
      </c>
      <c r="BZ118" s="21">
        <f t="shared" ref="BZ118:BZ121" si="135">AU118-P118</f>
        <v>-316</v>
      </c>
      <c r="CA118" s="21">
        <f t="shared" ref="CA118:CA121" si="136">AV118-Q118</f>
        <v>-933</v>
      </c>
      <c r="CB118" s="21">
        <f t="shared" ref="CB118:CB121" si="137">AW118-R118</f>
        <v>-491</v>
      </c>
      <c r="CC118" s="21">
        <f t="shared" ref="CC118:CC121" si="138">AX118-S118</f>
        <v>-241</v>
      </c>
      <c r="CD118" s="21">
        <f t="shared" ref="CD118:CD121" si="139">AY118-T118</f>
        <v>227</v>
      </c>
      <c r="CE118" s="21">
        <f t="shared" ref="CE118:CE121" si="140">AZ118-U118</f>
        <v>501</v>
      </c>
      <c r="CF118" s="21">
        <f t="shared" ref="CF118:CF121" si="141">BA118-V118</f>
        <v>256</v>
      </c>
      <c r="CG118" s="21">
        <f t="shared" ref="CG118:CG121" si="142">BB118-W118</f>
        <v>549</v>
      </c>
      <c r="CH118" s="21">
        <f t="shared" ref="CH118:CH121" si="143">BC118-X118</f>
        <v>1633</v>
      </c>
      <c r="CI118" s="21">
        <f t="shared" ref="CI118:CI121" si="144">BD118-Y118</f>
        <v>-2780</v>
      </c>
      <c r="CJ118" s="21">
        <f t="shared" ref="CJ118:CJ121" si="145">BE118-Z118</f>
        <v>-843</v>
      </c>
      <c r="CK118" s="21">
        <f t="shared" ref="CK118:CK121" si="146">BF118-AA118</f>
        <v>-3002</v>
      </c>
      <c r="CL118" s="21">
        <f t="shared" ref="CL118:CL121" si="147">BG118-AB118</f>
        <v>-3082</v>
      </c>
      <c r="CM118" s="21">
        <f t="shared" ref="CM118:CM121" si="148">BH118-AC118</f>
        <v>-3370</v>
      </c>
      <c r="CN118" s="21">
        <f t="shared" ref="CN118:CN121" si="149">BI118-AD118</f>
        <v>-1450</v>
      </c>
      <c r="CO118" s="20"/>
    </row>
    <row r="119" spans="1:93" x14ac:dyDescent="0.7">
      <c r="A119" s="7"/>
      <c r="E119" s="8" t="s">
        <v>31</v>
      </c>
      <c r="F119" s="42">
        <v>4614</v>
      </c>
      <c r="G119" s="42">
        <v>2390</v>
      </c>
      <c r="H119" s="42">
        <v>4519</v>
      </c>
      <c r="I119" s="42">
        <v>3398</v>
      </c>
      <c r="J119" s="42">
        <v>3280</v>
      </c>
      <c r="K119" s="42">
        <v>4428</v>
      </c>
      <c r="L119" s="42">
        <v>7829</v>
      </c>
      <c r="M119" s="42">
        <v>7003</v>
      </c>
      <c r="N119" s="42">
        <v>7066</v>
      </c>
      <c r="O119" s="42">
        <v>9196</v>
      </c>
      <c r="P119" s="42">
        <v>12114</v>
      </c>
      <c r="Q119" s="42">
        <v>9382</v>
      </c>
      <c r="R119" s="42">
        <v>14129</v>
      </c>
      <c r="S119" s="42">
        <v>16008</v>
      </c>
      <c r="T119" s="42">
        <v>19798</v>
      </c>
      <c r="U119" s="42">
        <v>18997</v>
      </c>
      <c r="V119" s="42">
        <v>19765</v>
      </c>
      <c r="W119" s="42">
        <v>22010</v>
      </c>
      <c r="X119" s="42">
        <v>28952</v>
      </c>
      <c r="Y119" s="42">
        <v>24102</v>
      </c>
      <c r="Z119" s="42">
        <v>23534</v>
      </c>
      <c r="AA119" s="42">
        <v>30093</v>
      </c>
      <c r="AB119" s="42">
        <v>39618</v>
      </c>
      <c r="AC119" s="42">
        <v>31331</v>
      </c>
      <c r="AD119" s="42">
        <v>29328</v>
      </c>
      <c r="AE119" s="7"/>
      <c r="AF119" s="13"/>
      <c r="AG119" s="9"/>
      <c r="AH119" s="9"/>
      <c r="AI119" s="9"/>
      <c r="AJ119" s="9" t="s">
        <v>31</v>
      </c>
      <c r="AK119" s="21">
        <v>4556</v>
      </c>
      <c r="AL119" s="21">
        <v>2275</v>
      </c>
      <c r="AM119" s="21">
        <v>4485</v>
      </c>
      <c r="AN119" s="21">
        <v>3330</v>
      </c>
      <c r="AO119" s="21">
        <v>3198</v>
      </c>
      <c r="AP119" s="21">
        <v>4374</v>
      </c>
      <c r="AQ119" s="21">
        <v>8029</v>
      </c>
      <c r="AR119" s="21">
        <v>7227</v>
      </c>
      <c r="AS119" s="21">
        <v>6207</v>
      </c>
      <c r="AT119" s="21">
        <v>8248</v>
      </c>
      <c r="AU119" s="21">
        <v>11661</v>
      </c>
      <c r="AV119" s="21">
        <v>8423</v>
      </c>
      <c r="AW119" s="21">
        <v>11553</v>
      </c>
      <c r="AX119" s="21">
        <v>13612</v>
      </c>
      <c r="AY119" s="21">
        <v>17281</v>
      </c>
      <c r="AZ119" s="21">
        <v>17241</v>
      </c>
      <c r="BA119" s="21">
        <v>18909</v>
      </c>
      <c r="BB119" s="21">
        <v>21629</v>
      </c>
      <c r="BC119" s="21">
        <v>29291</v>
      </c>
      <c r="BD119" s="21">
        <v>23261</v>
      </c>
      <c r="BE119" s="21">
        <v>22754</v>
      </c>
      <c r="BF119" s="21">
        <v>26720</v>
      </c>
      <c r="BG119" s="21">
        <v>35993</v>
      </c>
      <c r="BH119" s="21">
        <v>31331</v>
      </c>
      <c r="BI119" s="21">
        <v>29328</v>
      </c>
      <c r="BJ119" s="14"/>
      <c r="BK119" s="16"/>
      <c r="BL119" s="9"/>
      <c r="BM119" s="9"/>
      <c r="BN119" s="9"/>
      <c r="BO119" s="9" t="s">
        <v>31</v>
      </c>
      <c r="BP119" s="21">
        <f t="shared" si="125"/>
        <v>-58</v>
      </c>
      <c r="BQ119" s="21">
        <f t="shared" si="126"/>
        <v>-115</v>
      </c>
      <c r="BR119" s="21">
        <f t="shared" si="127"/>
        <v>-34</v>
      </c>
      <c r="BS119" s="21">
        <f t="shared" si="128"/>
        <v>-68</v>
      </c>
      <c r="BT119" s="21">
        <f t="shared" si="129"/>
        <v>-82</v>
      </c>
      <c r="BU119" s="21">
        <f t="shared" si="130"/>
        <v>-54</v>
      </c>
      <c r="BV119" s="21">
        <f t="shared" si="131"/>
        <v>200</v>
      </c>
      <c r="BW119" s="21">
        <f t="shared" si="132"/>
        <v>224</v>
      </c>
      <c r="BX119" s="21">
        <f t="shared" si="133"/>
        <v>-859</v>
      </c>
      <c r="BY119" s="21">
        <f t="shared" si="134"/>
        <v>-948</v>
      </c>
      <c r="BZ119" s="21">
        <f t="shared" si="135"/>
        <v>-453</v>
      </c>
      <c r="CA119" s="21">
        <f t="shared" si="136"/>
        <v>-959</v>
      </c>
      <c r="CB119" s="21">
        <f t="shared" si="137"/>
        <v>-2576</v>
      </c>
      <c r="CC119" s="21">
        <f t="shared" si="138"/>
        <v>-2396</v>
      </c>
      <c r="CD119" s="21">
        <f t="shared" si="139"/>
        <v>-2517</v>
      </c>
      <c r="CE119" s="21">
        <f t="shared" si="140"/>
        <v>-1756</v>
      </c>
      <c r="CF119" s="21">
        <f t="shared" si="141"/>
        <v>-856</v>
      </c>
      <c r="CG119" s="21">
        <f t="shared" si="142"/>
        <v>-381</v>
      </c>
      <c r="CH119" s="21">
        <f t="shared" si="143"/>
        <v>339</v>
      </c>
      <c r="CI119" s="21">
        <f t="shared" si="144"/>
        <v>-841</v>
      </c>
      <c r="CJ119" s="21">
        <f t="shared" si="145"/>
        <v>-780</v>
      </c>
      <c r="CK119" s="21">
        <f t="shared" si="146"/>
        <v>-3373</v>
      </c>
      <c r="CL119" s="21">
        <f t="shared" si="147"/>
        <v>-3625</v>
      </c>
      <c r="CM119" s="21">
        <f t="shared" si="148"/>
        <v>0</v>
      </c>
      <c r="CN119" s="21">
        <f t="shared" si="149"/>
        <v>0</v>
      </c>
      <c r="CO119" s="20"/>
    </row>
    <row r="120" spans="1:93" x14ac:dyDescent="0.7">
      <c r="A120" s="7"/>
      <c r="E120" s="8" t="s">
        <v>32</v>
      </c>
      <c r="F120" s="42">
        <v>2736</v>
      </c>
      <c r="G120" s="42">
        <v>729</v>
      </c>
      <c r="H120" s="42">
        <v>1818</v>
      </c>
      <c r="I120" s="42">
        <v>1007</v>
      </c>
      <c r="J120" s="42">
        <v>870</v>
      </c>
      <c r="K120" s="42">
        <v>1134</v>
      </c>
      <c r="L120" s="42">
        <v>2810</v>
      </c>
      <c r="M120" s="42">
        <v>2398</v>
      </c>
      <c r="N120" s="42">
        <v>2297</v>
      </c>
      <c r="O120" s="42">
        <v>3221</v>
      </c>
      <c r="P120" s="42">
        <v>4351</v>
      </c>
      <c r="Q120" s="42">
        <v>3057</v>
      </c>
      <c r="R120" s="42">
        <v>3126</v>
      </c>
      <c r="S120" s="42">
        <v>3375</v>
      </c>
      <c r="T120" s="42">
        <v>4298</v>
      </c>
      <c r="U120" s="42">
        <v>3603</v>
      </c>
      <c r="V120" s="42">
        <v>3836</v>
      </c>
      <c r="W120" s="42">
        <v>4122</v>
      </c>
      <c r="X120" s="42">
        <v>5173</v>
      </c>
      <c r="Y120" s="42">
        <v>3811</v>
      </c>
      <c r="Z120" s="42">
        <v>3669</v>
      </c>
      <c r="AA120" s="42">
        <v>4199</v>
      </c>
      <c r="AB120" s="42">
        <v>5797</v>
      </c>
      <c r="AC120" s="42">
        <v>4296</v>
      </c>
      <c r="AD120" s="42">
        <v>4013</v>
      </c>
      <c r="AE120" s="7"/>
      <c r="AF120" s="13"/>
      <c r="AG120" s="9"/>
      <c r="AH120" s="9"/>
      <c r="AI120" s="9"/>
      <c r="AJ120" s="9" t="s">
        <v>32</v>
      </c>
      <c r="AK120" s="21">
        <v>2714</v>
      </c>
      <c r="AL120" s="21">
        <v>705</v>
      </c>
      <c r="AM120" s="21">
        <v>1800</v>
      </c>
      <c r="AN120" s="21">
        <v>987</v>
      </c>
      <c r="AO120" s="21">
        <v>861</v>
      </c>
      <c r="AP120" s="21">
        <v>1111</v>
      </c>
      <c r="AQ120" s="21">
        <v>2805</v>
      </c>
      <c r="AR120" s="21">
        <v>2389</v>
      </c>
      <c r="AS120" s="21">
        <v>2056</v>
      </c>
      <c r="AT120" s="21">
        <v>2985</v>
      </c>
      <c r="AU120" s="21">
        <v>4306</v>
      </c>
      <c r="AV120" s="21">
        <v>2838</v>
      </c>
      <c r="AW120" s="21">
        <v>3030</v>
      </c>
      <c r="AX120" s="21">
        <v>3283</v>
      </c>
      <c r="AY120" s="21">
        <v>4195</v>
      </c>
      <c r="AZ120" s="21">
        <v>3529</v>
      </c>
      <c r="BA120" s="21">
        <v>3769</v>
      </c>
      <c r="BB120" s="21">
        <v>4062</v>
      </c>
      <c r="BC120" s="21">
        <v>5171</v>
      </c>
      <c r="BD120" s="21">
        <v>3594</v>
      </c>
      <c r="BE120" s="21">
        <v>3471</v>
      </c>
      <c r="BF120" s="21">
        <v>3819</v>
      </c>
      <c r="BG120" s="21">
        <v>5386</v>
      </c>
      <c r="BH120" s="21">
        <v>3815</v>
      </c>
      <c r="BI120" s="21">
        <v>3909</v>
      </c>
      <c r="BJ120" s="14"/>
      <c r="BK120" s="16"/>
      <c r="BL120" s="9"/>
      <c r="BM120" s="9"/>
      <c r="BN120" s="9"/>
      <c r="BO120" s="9" t="s">
        <v>32</v>
      </c>
      <c r="BP120" s="21">
        <f t="shared" si="125"/>
        <v>-22</v>
      </c>
      <c r="BQ120" s="21">
        <f t="shared" si="126"/>
        <v>-24</v>
      </c>
      <c r="BR120" s="21">
        <f t="shared" si="127"/>
        <v>-18</v>
      </c>
      <c r="BS120" s="21">
        <f t="shared" si="128"/>
        <v>-20</v>
      </c>
      <c r="BT120" s="21">
        <f t="shared" si="129"/>
        <v>-9</v>
      </c>
      <c r="BU120" s="21">
        <f t="shared" si="130"/>
        <v>-23</v>
      </c>
      <c r="BV120" s="21">
        <f t="shared" si="131"/>
        <v>-5</v>
      </c>
      <c r="BW120" s="21">
        <f t="shared" si="132"/>
        <v>-9</v>
      </c>
      <c r="BX120" s="21">
        <f t="shared" si="133"/>
        <v>-241</v>
      </c>
      <c r="BY120" s="21">
        <f t="shared" si="134"/>
        <v>-236</v>
      </c>
      <c r="BZ120" s="21">
        <f t="shared" si="135"/>
        <v>-45</v>
      </c>
      <c r="CA120" s="21">
        <f t="shared" si="136"/>
        <v>-219</v>
      </c>
      <c r="CB120" s="21">
        <f t="shared" si="137"/>
        <v>-96</v>
      </c>
      <c r="CC120" s="21">
        <f t="shared" si="138"/>
        <v>-92</v>
      </c>
      <c r="CD120" s="21">
        <f t="shared" si="139"/>
        <v>-103</v>
      </c>
      <c r="CE120" s="21">
        <f t="shared" si="140"/>
        <v>-74</v>
      </c>
      <c r="CF120" s="21">
        <f t="shared" si="141"/>
        <v>-67</v>
      </c>
      <c r="CG120" s="21">
        <f t="shared" si="142"/>
        <v>-60</v>
      </c>
      <c r="CH120" s="21">
        <f t="shared" si="143"/>
        <v>-2</v>
      </c>
      <c r="CI120" s="21">
        <f t="shared" si="144"/>
        <v>-217</v>
      </c>
      <c r="CJ120" s="21">
        <f t="shared" si="145"/>
        <v>-198</v>
      </c>
      <c r="CK120" s="21">
        <f t="shared" si="146"/>
        <v>-380</v>
      </c>
      <c r="CL120" s="21">
        <f t="shared" si="147"/>
        <v>-411</v>
      </c>
      <c r="CM120" s="21">
        <f t="shared" si="148"/>
        <v>-481</v>
      </c>
      <c r="CN120" s="21">
        <f t="shared" si="149"/>
        <v>-104</v>
      </c>
      <c r="CO120" s="20"/>
    </row>
    <row r="121" spans="1:93" x14ac:dyDescent="0.7">
      <c r="A121" s="7"/>
      <c r="E121" s="8" t="s">
        <v>33</v>
      </c>
      <c r="F121" s="42">
        <v>2736</v>
      </c>
      <c r="G121" s="42">
        <v>729</v>
      </c>
      <c r="H121" s="42">
        <v>1818</v>
      </c>
      <c r="I121" s="42">
        <v>1007</v>
      </c>
      <c r="J121" s="42">
        <v>870</v>
      </c>
      <c r="K121" s="42">
        <v>1134</v>
      </c>
      <c r="L121" s="42">
        <v>2810</v>
      </c>
      <c r="M121" s="42">
        <v>2398</v>
      </c>
      <c r="N121" s="42">
        <v>2297</v>
      </c>
      <c r="O121" s="42">
        <v>3221</v>
      </c>
      <c r="P121" s="42">
        <v>4351</v>
      </c>
      <c r="Q121" s="42">
        <v>3057</v>
      </c>
      <c r="R121" s="42">
        <v>3126</v>
      </c>
      <c r="S121" s="42">
        <v>3375</v>
      </c>
      <c r="T121" s="42">
        <v>4298</v>
      </c>
      <c r="U121" s="42">
        <v>3603</v>
      </c>
      <c r="V121" s="42">
        <v>3836</v>
      </c>
      <c r="W121" s="42">
        <v>4122</v>
      </c>
      <c r="X121" s="42">
        <v>5173</v>
      </c>
      <c r="Y121" s="42">
        <v>3811</v>
      </c>
      <c r="Z121" s="42">
        <v>3669</v>
      </c>
      <c r="AA121" s="42">
        <v>4199</v>
      </c>
      <c r="AB121" s="42">
        <v>5797</v>
      </c>
      <c r="AC121" s="42">
        <v>4296</v>
      </c>
      <c r="AD121" s="42">
        <v>4013</v>
      </c>
      <c r="AE121" s="7"/>
      <c r="AF121" s="13"/>
      <c r="AG121" s="9"/>
      <c r="AH121" s="9"/>
      <c r="AI121" s="9"/>
      <c r="AJ121" s="9" t="s">
        <v>33</v>
      </c>
      <c r="AK121" s="21">
        <v>2714</v>
      </c>
      <c r="AL121" s="21">
        <v>705</v>
      </c>
      <c r="AM121" s="21">
        <v>1800</v>
      </c>
      <c r="AN121" s="21">
        <v>987</v>
      </c>
      <c r="AO121" s="21">
        <v>861</v>
      </c>
      <c r="AP121" s="21">
        <v>1111</v>
      </c>
      <c r="AQ121" s="21">
        <v>2805</v>
      </c>
      <c r="AR121" s="21">
        <v>2389</v>
      </c>
      <c r="AS121" s="21">
        <v>2056</v>
      </c>
      <c r="AT121" s="21">
        <v>2985</v>
      </c>
      <c r="AU121" s="21">
        <v>4306</v>
      </c>
      <c r="AV121" s="21">
        <v>2838</v>
      </c>
      <c r="AW121" s="21">
        <v>3030</v>
      </c>
      <c r="AX121" s="21">
        <v>3283</v>
      </c>
      <c r="AY121" s="21">
        <v>4195</v>
      </c>
      <c r="AZ121" s="21">
        <v>3529</v>
      </c>
      <c r="BA121" s="21">
        <v>3769</v>
      </c>
      <c r="BB121" s="21">
        <v>4062</v>
      </c>
      <c r="BC121" s="21">
        <v>5171</v>
      </c>
      <c r="BD121" s="21">
        <v>3594</v>
      </c>
      <c r="BE121" s="21">
        <v>3471</v>
      </c>
      <c r="BF121" s="21">
        <v>3819</v>
      </c>
      <c r="BG121" s="21">
        <v>5386</v>
      </c>
      <c r="BH121" s="21">
        <v>3815</v>
      </c>
      <c r="BI121" s="21">
        <v>3909</v>
      </c>
      <c r="BJ121" s="14"/>
      <c r="BK121" s="16"/>
      <c r="BL121" s="9"/>
      <c r="BM121" s="9"/>
      <c r="BN121" s="9"/>
      <c r="BO121" s="9" t="s">
        <v>33</v>
      </c>
      <c r="BP121" s="21">
        <f t="shared" si="125"/>
        <v>-22</v>
      </c>
      <c r="BQ121" s="21">
        <f t="shared" si="126"/>
        <v>-24</v>
      </c>
      <c r="BR121" s="21">
        <f t="shared" si="127"/>
        <v>-18</v>
      </c>
      <c r="BS121" s="21">
        <f t="shared" si="128"/>
        <v>-20</v>
      </c>
      <c r="BT121" s="21">
        <f t="shared" si="129"/>
        <v>-9</v>
      </c>
      <c r="BU121" s="21">
        <f t="shared" si="130"/>
        <v>-23</v>
      </c>
      <c r="BV121" s="21">
        <f t="shared" si="131"/>
        <v>-5</v>
      </c>
      <c r="BW121" s="21">
        <f t="shared" si="132"/>
        <v>-9</v>
      </c>
      <c r="BX121" s="21">
        <f t="shared" si="133"/>
        <v>-241</v>
      </c>
      <c r="BY121" s="21">
        <f t="shared" si="134"/>
        <v>-236</v>
      </c>
      <c r="BZ121" s="21">
        <f t="shared" si="135"/>
        <v>-45</v>
      </c>
      <c r="CA121" s="21">
        <f t="shared" si="136"/>
        <v>-219</v>
      </c>
      <c r="CB121" s="21">
        <f t="shared" si="137"/>
        <v>-96</v>
      </c>
      <c r="CC121" s="21">
        <f t="shared" si="138"/>
        <v>-92</v>
      </c>
      <c r="CD121" s="21">
        <f t="shared" si="139"/>
        <v>-103</v>
      </c>
      <c r="CE121" s="21">
        <f t="shared" si="140"/>
        <v>-74</v>
      </c>
      <c r="CF121" s="21">
        <f t="shared" si="141"/>
        <v>-67</v>
      </c>
      <c r="CG121" s="21">
        <f t="shared" si="142"/>
        <v>-60</v>
      </c>
      <c r="CH121" s="21">
        <f t="shared" si="143"/>
        <v>-2</v>
      </c>
      <c r="CI121" s="21">
        <f t="shared" si="144"/>
        <v>-217</v>
      </c>
      <c r="CJ121" s="21">
        <f t="shared" si="145"/>
        <v>-198</v>
      </c>
      <c r="CK121" s="21">
        <f t="shared" si="146"/>
        <v>-380</v>
      </c>
      <c r="CL121" s="21">
        <f t="shared" si="147"/>
        <v>-411</v>
      </c>
      <c r="CM121" s="21">
        <f t="shared" si="148"/>
        <v>-481</v>
      </c>
      <c r="CN121" s="21">
        <f t="shared" si="149"/>
        <v>-104</v>
      </c>
      <c r="CO121" s="20"/>
    </row>
    <row r="122" spans="1:93" x14ac:dyDescent="0.7">
      <c r="A122" s="7"/>
      <c r="E122" s="8" t="s">
        <v>34</v>
      </c>
      <c r="F122" s="43" t="s">
        <v>40</v>
      </c>
      <c r="G122" s="43" t="s">
        <v>40</v>
      </c>
      <c r="H122" s="43" t="s">
        <v>40</v>
      </c>
      <c r="I122" s="43" t="s">
        <v>40</v>
      </c>
      <c r="J122" s="43" t="s">
        <v>40</v>
      </c>
      <c r="K122" s="43" t="s">
        <v>40</v>
      </c>
      <c r="L122" s="43" t="s">
        <v>40</v>
      </c>
      <c r="M122" s="43" t="s">
        <v>40</v>
      </c>
      <c r="N122" s="43" t="s">
        <v>40</v>
      </c>
      <c r="O122" s="43" t="s">
        <v>40</v>
      </c>
      <c r="P122" s="43" t="s">
        <v>40</v>
      </c>
      <c r="Q122" s="43" t="s">
        <v>40</v>
      </c>
      <c r="R122" s="43" t="s">
        <v>40</v>
      </c>
      <c r="S122" s="42">
        <v>0</v>
      </c>
      <c r="T122" s="42">
        <v>0</v>
      </c>
      <c r="U122" s="42">
        <v>0</v>
      </c>
      <c r="V122" s="42">
        <v>0</v>
      </c>
      <c r="W122" s="42">
        <v>0</v>
      </c>
      <c r="X122" s="43" t="s">
        <v>40</v>
      </c>
      <c r="Y122" s="43" t="s">
        <v>40</v>
      </c>
      <c r="Z122" s="43" t="s">
        <v>40</v>
      </c>
      <c r="AA122" s="43" t="s">
        <v>40</v>
      </c>
      <c r="AB122" s="43" t="s">
        <v>40</v>
      </c>
      <c r="AC122" s="43" t="s">
        <v>40</v>
      </c>
      <c r="AD122" s="43" t="s">
        <v>40</v>
      </c>
      <c r="AE122" s="7"/>
      <c r="AF122" s="13"/>
      <c r="AG122" s="9"/>
      <c r="AH122" s="9"/>
      <c r="AI122" s="9"/>
      <c r="AJ122" s="9" t="s">
        <v>34</v>
      </c>
      <c r="AK122" s="43" t="s">
        <v>40</v>
      </c>
      <c r="AL122" s="43" t="s">
        <v>40</v>
      </c>
      <c r="AM122" s="43" t="s">
        <v>40</v>
      </c>
      <c r="AN122" s="43" t="s">
        <v>40</v>
      </c>
      <c r="AO122" s="43" t="s">
        <v>40</v>
      </c>
      <c r="AP122" s="43" t="s">
        <v>40</v>
      </c>
      <c r="AQ122" s="43" t="s">
        <v>40</v>
      </c>
      <c r="AR122" s="43" t="s">
        <v>40</v>
      </c>
      <c r="AS122" s="43" t="s">
        <v>40</v>
      </c>
      <c r="AT122" s="43" t="s">
        <v>40</v>
      </c>
      <c r="AU122" s="43" t="s">
        <v>40</v>
      </c>
      <c r="AV122" s="43" t="s">
        <v>40</v>
      </c>
      <c r="AW122" s="43" t="s">
        <v>40</v>
      </c>
      <c r="AX122" s="43" t="s">
        <v>40</v>
      </c>
      <c r="AY122" s="43" t="s">
        <v>40</v>
      </c>
      <c r="AZ122" s="43" t="s">
        <v>40</v>
      </c>
      <c r="BA122" s="43" t="s">
        <v>40</v>
      </c>
      <c r="BB122" s="43" t="s">
        <v>40</v>
      </c>
      <c r="BC122" s="43" t="s">
        <v>40</v>
      </c>
      <c r="BD122" s="43" t="s">
        <v>40</v>
      </c>
      <c r="BE122" s="43" t="s">
        <v>40</v>
      </c>
      <c r="BF122" s="43" t="s">
        <v>40</v>
      </c>
      <c r="BG122" s="43" t="s">
        <v>40</v>
      </c>
      <c r="BH122" s="43" t="s">
        <v>40</v>
      </c>
      <c r="BI122" s="43" t="s">
        <v>40</v>
      </c>
      <c r="BJ122" s="14"/>
      <c r="BK122" s="16"/>
      <c r="BL122" s="9"/>
      <c r="BM122" s="9"/>
      <c r="BN122" s="9"/>
      <c r="BO122" s="9" t="s">
        <v>34</v>
      </c>
      <c r="BP122" s="43" t="s">
        <v>40</v>
      </c>
      <c r="BQ122" s="43" t="s">
        <v>40</v>
      </c>
      <c r="BR122" s="43" t="s">
        <v>40</v>
      </c>
      <c r="BS122" s="43" t="s">
        <v>40</v>
      </c>
      <c r="BT122" s="43" t="s">
        <v>40</v>
      </c>
      <c r="BU122" s="43" t="s">
        <v>40</v>
      </c>
      <c r="BV122" s="43" t="s">
        <v>40</v>
      </c>
      <c r="BW122" s="43" t="s">
        <v>40</v>
      </c>
      <c r="BX122" s="43" t="s">
        <v>40</v>
      </c>
      <c r="BY122" s="43" t="s">
        <v>40</v>
      </c>
      <c r="BZ122" s="43" t="s">
        <v>40</v>
      </c>
      <c r="CA122" s="43" t="s">
        <v>40</v>
      </c>
      <c r="CB122" s="43" t="s">
        <v>40</v>
      </c>
      <c r="CC122" s="43" t="s">
        <v>40</v>
      </c>
      <c r="CD122" s="43" t="s">
        <v>40</v>
      </c>
      <c r="CE122" s="43" t="s">
        <v>40</v>
      </c>
      <c r="CF122" s="43" t="s">
        <v>40</v>
      </c>
      <c r="CG122" s="43" t="s">
        <v>40</v>
      </c>
      <c r="CH122" s="43" t="s">
        <v>40</v>
      </c>
      <c r="CI122" s="43" t="s">
        <v>40</v>
      </c>
      <c r="CJ122" s="43" t="s">
        <v>40</v>
      </c>
      <c r="CK122" s="43" t="s">
        <v>40</v>
      </c>
      <c r="CL122" s="43" t="s">
        <v>40</v>
      </c>
      <c r="CM122" s="43" t="s">
        <v>40</v>
      </c>
      <c r="CN122" s="43" t="s">
        <v>40</v>
      </c>
      <c r="CO122" s="20"/>
    </row>
    <row r="123" spans="1:93" x14ac:dyDescent="0.7">
      <c r="A123" s="7"/>
      <c r="E123" s="8" t="s">
        <v>35</v>
      </c>
      <c r="F123" s="43" t="s">
        <v>40</v>
      </c>
      <c r="G123" s="43" t="s">
        <v>40</v>
      </c>
      <c r="H123" s="43" t="s">
        <v>40</v>
      </c>
      <c r="I123" s="43" t="s">
        <v>40</v>
      </c>
      <c r="J123" s="43" t="s">
        <v>40</v>
      </c>
      <c r="K123" s="43" t="s">
        <v>40</v>
      </c>
      <c r="L123" s="43" t="s">
        <v>40</v>
      </c>
      <c r="M123" s="43" t="s">
        <v>40</v>
      </c>
      <c r="N123" s="43" t="s">
        <v>40</v>
      </c>
      <c r="O123" s="43" t="s">
        <v>40</v>
      </c>
      <c r="P123" s="43" t="s">
        <v>40</v>
      </c>
      <c r="Q123" s="43" t="s">
        <v>40</v>
      </c>
      <c r="R123" s="43" t="s">
        <v>40</v>
      </c>
      <c r="S123" s="42">
        <v>0</v>
      </c>
      <c r="T123" s="42">
        <v>0</v>
      </c>
      <c r="U123" s="42">
        <v>0</v>
      </c>
      <c r="V123" s="42">
        <v>0</v>
      </c>
      <c r="W123" s="42">
        <v>0</v>
      </c>
      <c r="X123" s="43" t="s">
        <v>40</v>
      </c>
      <c r="Y123" s="43" t="s">
        <v>40</v>
      </c>
      <c r="Z123" s="43" t="s">
        <v>40</v>
      </c>
      <c r="AA123" s="43" t="s">
        <v>40</v>
      </c>
      <c r="AB123" s="43" t="s">
        <v>40</v>
      </c>
      <c r="AC123" s="43" t="s">
        <v>40</v>
      </c>
      <c r="AD123" s="43" t="s">
        <v>40</v>
      </c>
      <c r="AE123" s="7"/>
      <c r="AF123" s="13"/>
      <c r="AG123" s="9"/>
      <c r="AH123" s="9"/>
      <c r="AI123" s="9"/>
      <c r="AJ123" s="9" t="s">
        <v>35</v>
      </c>
      <c r="AK123" s="43" t="s">
        <v>40</v>
      </c>
      <c r="AL123" s="43" t="s">
        <v>40</v>
      </c>
      <c r="AM123" s="43" t="s">
        <v>40</v>
      </c>
      <c r="AN123" s="43" t="s">
        <v>40</v>
      </c>
      <c r="AO123" s="43" t="s">
        <v>40</v>
      </c>
      <c r="AP123" s="43" t="s">
        <v>40</v>
      </c>
      <c r="AQ123" s="43" t="s">
        <v>40</v>
      </c>
      <c r="AR123" s="43" t="s">
        <v>40</v>
      </c>
      <c r="AS123" s="43" t="s">
        <v>40</v>
      </c>
      <c r="AT123" s="43" t="s">
        <v>40</v>
      </c>
      <c r="AU123" s="43" t="s">
        <v>40</v>
      </c>
      <c r="AV123" s="43" t="s">
        <v>40</v>
      </c>
      <c r="AW123" s="43" t="s">
        <v>40</v>
      </c>
      <c r="AX123" s="43" t="s">
        <v>40</v>
      </c>
      <c r="AY123" s="43" t="s">
        <v>40</v>
      </c>
      <c r="AZ123" s="43" t="s">
        <v>40</v>
      </c>
      <c r="BA123" s="43" t="s">
        <v>40</v>
      </c>
      <c r="BB123" s="43" t="s">
        <v>40</v>
      </c>
      <c r="BC123" s="43" t="s">
        <v>40</v>
      </c>
      <c r="BD123" s="43" t="s">
        <v>40</v>
      </c>
      <c r="BE123" s="43" t="s">
        <v>40</v>
      </c>
      <c r="BF123" s="43" t="s">
        <v>40</v>
      </c>
      <c r="BG123" s="43" t="s">
        <v>40</v>
      </c>
      <c r="BH123" s="43" t="s">
        <v>40</v>
      </c>
      <c r="BI123" s="43" t="s">
        <v>40</v>
      </c>
      <c r="BJ123" s="14"/>
      <c r="BK123" s="16"/>
      <c r="BL123" s="9"/>
      <c r="BM123" s="9"/>
      <c r="BN123" s="9"/>
      <c r="BO123" s="9" t="s">
        <v>35</v>
      </c>
      <c r="BP123" s="43" t="s">
        <v>40</v>
      </c>
      <c r="BQ123" s="43" t="s">
        <v>40</v>
      </c>
      <c r="BR123" s="43" t="s">
        <v>40</v>
      </c>
      <c r="BS123" s="43" t="s">
        <v>40</v>
      </c>
      <c r="BT123" s="43" t="s">
        <v>40</v>
      </c>
      <c r="BU123" s="43" t="s">
        <v>40</v>
      </c>
      <c r="BV123" s="43" t="s">
        <v>40</v>
      </c>
      <c r="BW123" s="43" t="s">
        <v>40</v>
      </c>
      <c r="BX123" s="43" t="s">
        <v>40</v>
      </c>
      <c r="BY123" s="43" t="s">
        <v>40</v>
      </c>
      <c r="BZ123" s="43" t="s">
        <v>40</v>
      </c>
      <c r="CA123" s="43" t="s">
        <v>40</v>
      </c>
      <c r="CB123" s="43" t="s">
        <v>40</v>
      </c>
      <c r="CC123" s="43" t="s">
        <v>40</v>
      </c>
      <c r="CD123" s="43" t="s">
        <v>40</v>
      </c>
      <c r="CE123" s="43" t="s">
        <v>40</v>
      </c>
      <c r="CF123" s="43" t="s">
        <v>40</v>
      </c>
      <c r="CG123" s="43" t="s">
        <v>40</v>
      </c>
      <c r="CH123" s="43" t="s">
        <v>40</v>
      </c>
      <c r="CI123" s="43" t="s">
        <v>40</v>
      </c>
      <c r="CJ123" s="43" t="s">
        <v>40</v>
      </c>
      <c r="CK123" s="43" t="s">
        <v>40</v>
      </c>
      <c r="CL123" s="43" t="s">
        <v>40</v>
      </c>
      <c r="CM123" s="43" t="s">
        <v>40</v>
      </c>
      <c r="CN123" s="43" t="s">
        <v>40</v>
      </c>
      <c r="CO123" s="20"/>
    </row>
    <row r="124" spans="1:93" x14ac:dyDescent="0.7">
      <c r="A124" s="7"/>
      <c r="E124" s="8" t="s">
        <v>36</v>
      </c>
      <c r="F124" s="43" t="s">
        <v>40</v>
      </c>
      <c r="G124" s="43" t="s">
        <v>40</v>
      </c>
      <c r="H124" s="43" t="s">
        <v>40</v>
      </c>
      <c r="I124" s="43" t="s">
        <v>40</v>
      </c>
      <c r="J124" s="43" t="s">
        <v>40</v>
      </c>
      <c r="K124" s="43" t="s">
        <v>40</v>
      </c>
      <c r="L124" s="43" t="s">
        <v>40</v>
      </c>
      <c r="M124" s="43" t="s">
        <v>40</v>
      </c>
      <c r="N124" s="43" t="s">
        <v>40</v>
      </c>
      <c r="O124" s="43" t="s">
        <v>40</v>
      </c>
      <c r="P124" s="43" t="s">
        <v>40</v>
      </c>
      <c r="Q124" s="43" t="s">
        <v>40</v>
      </c>
      <c r="R124" s="43" t="s">
        <v>40</v>
      </c>
      <c r="S124" s="42">
        <v>0</v>
      </c>
      <c r="T124" s="42">
        <v>0</v>
      </c>
      <c r="U124" s="42">
        <v>0</v>
      </c>
      <c r="V124" s="42">
        <v>0</v>
      </c>
      <c r="W124" s="42">
        <v>0</v>
      </c>
      <c r="X124" s="43" t="s">
        <v>40</v>
      </c>
      <c r="Y124" s="43" t="s">
        <v>40</v>
      </c>
      <c r="Z124" s="43" t="s">
        <v>40</v>
      </c>
      <c r="AA124" s="43" t="s">
        <v>40</v>
      </c>
      <c r="AB124" s="43" t="s">
        <v>40</v>
      </c>
      <c r="AC124" s="43" t="s">
        <v>40</v>
      </c>
      <c r="AD124" s="43" t="s">
        <v>40</v>
      </c>
      <c r="AE124" s="7"/>
      <c r="AF124" s="13"/>
      <c r="AG124" s="9"/>
      <c r="AH124" s="9"/>
      <c r="AI124" s="9"/>
      <c r="AJ124" s="9" t="s">
        <v>36</v>
      </c>
      <c r="AK124" s="43" t="s">
        <v>40</v>
      </c>
      <c r="AL124" s="43" t="s">
        <v>40</v>
      </c>
      <c r="AM124" s="43" t="s">
        <v>40</v>
      </c>
      <c r="AN124" s="43" t="s">
        <v>40</v>
      </c>
      <c r="AO124" s="43" t="s">
        <v>40</v>
      </c>
      <c r="AP124" s="43" t="s">
        <v>40</v>
      </c>
      <c r="AQ124" s="43" t="s">
        <v>40</v>
      </c>
      <c r="AR124" s="43" t="s">
        <v>40</v>
      </c>
      <c r="AS124" s="43" t="s">
        <v>40</v>
      </c>
      <c r="AT124" s="43" t="s">
        <v>40</v>
      </c>
      <c r="AU124" s="43" t="s">
        <v>40</v>
      </c>
      <c r="AV124" s="43" t="s">
        <v>40</v>
      </c>
      <c r="AW124" s="43" t="s">
        <v>40</v>
      </c>
      <c r="AX124" s="43" t="s">
        <v>40</v>
      </c>
      <c r="AY124" s="43" t="s">
        <v>40</v>
      </c>
      <c r="AZ124" s="43" t="s">
        <v>40</v>
      </c>
      <c r="BA124" s="43" t="s">
        <v>40</v>
      </c>
      <c r="BB124" s="43" t="s">
        <v>40</v>
      </c>
      <c r="BC124" s="43" t="s">
        <v>40</v>
      </c>
      <c r="BD124" s="43" t="s">
        <v>40</v>
      </c>
      <c r="BE124" s="43" t="s">
        <v>40</v>
      </c>
      <c r="BF124" s="43" t="s">
        <v>40</v>
      </c>
      <c r="BG124" s="43" t="s">
        <v>40</v>
      </c>
      <c r="BH124" s="43" t="s">
        <v>40</v>
      </c>
      <c r="BI124" s="43" t="s">
        <v>40</v>
      </c>
      <c r="BJ124" s="14"/>
      <c r="BK124" s="16"/>
      <c r="BL124" s="9"/>
      <c r="BM124" s="9"/>
      <c r="BN124" s="9"/>
      <c r="BO124" s="9" t="s">
        <v>36</v>
      </c>
      <c r="BP124" s="43" t="s">
        <v>40</v>
      </c>
      <c r="BQ124" s="43" t="s">
        <v>40</v>
      </c>
      <c r="BR124" s="43" t="s">
        <v>40</v>
      </c>
      <c r="BS124" s="43" t="s">
        <v>40</v>
      </c>
      <c r="BT124" s="43" t="s">
        <v>40</v>
      </c>
      <c r="BU124" s="43" t="s">
        <v>40</v>
      </c>
      <c r="BV124" s="43" t="s">
        <v>40</v>
      </c>
      <c r="BW124" s="43" t="s">
        <v>40</v>
      </c>
      <c r="BX124" s="43" t="s">
        <v>40</v>
      </c>
      <c r="BY124" s="43" t="s">
        <v>40</v>
      </c>
      <c r="BZ124" s="43" t="s">
        <v>40</v>
      </c>
      <c r="CA124" s="43" t="s">
        <v>40</v>
      </c>
      <c r="CB124" s="43" t="s">
        <v>40</v>
      </c>
      <c r="CC124" s="43" t="s">
        <v>40</v>
      </c>
      <c r="CD124" s="43" t="s">
        <v>40</v>
      </c>
      <c r="CE124" s="43" t="s">
        <v>40</v>
      </c>
      <c r="CF124" s="43" t="s">
        <v>40</v>
      </c>
      <c r="CG124" s="43" t="s">
        <v>40</v>
      </c>
      <c r="CH124" s="43" t="s">
        <v>40</v>
      </c>
      <c r="CI124" s="43" t="s">
        <v>40</v>
      </c>
      <c r="CJ124" s="43" t="s">
        <v>40</v>
      </c>
      <c r="CK124" s="43" t="s">
        <v>40</v>
      </c>
      <c r="CL124" s="43" t="s">
        <v>40</v>
      </c>
      <c r="CM124" s="43" t="s">
        <v>40</v>
      </c>
      <c r="CN124" s="43" t="s">
        <v>40</v>
      </c>
      <c r="CO124" s="20"/>
    </row>
    <row r="125" spans="1:93" x14ac:dyDescent="0.7">
      <c r="A125" s="7"/>
      <c r="D125" s="8" t="s">
        <v>38</v>
      </c>
      <c r="E125" s="8" t="s">
        <v>27</v>
      </c>
      <c r="F125" s="42">
        <v>44207</v>
      </c>
      <c r="G125" s="42">
        <v>44307</v>
      </c>
      <c r="H125" s="42">
        <v>44465</v>
      </c>
      <c r="I125" s="42">
        <v>50392</v>
      </c>
      <c r="J125" s="42">
        <v>48473</v>
      </c>
      <c r="K125" s="42">
        <v>44888</v>
      </c>
      <c r="L125" s="42">
        <v>44313</v>
      </c>
      <c r="M125" s="42">
        <v>46191</v>
      </c>
      <c r="N125" s="42">
        <v>43211</v>
      </c>
      <c r="O125" s="42">
        <v>42848</v>
      </c>
      <c r="P125" s="42">
        <v>44808</v>
      </c>
      <c r="Q125" s="42">
        <v>44725</v>
      </c>
      <c r="R125" s="42">
        <v>45435</v>
      </c>
      <c r="S125" s="42">
        <v>47639</v>
      </c>
      <c r="T125" s="42">
        <v>56260</v>
      </c>
      <c r="U125" s="42">
        <v>46524</v>
      </c>
      <c r="V125" s="42">
        <v>44534</v>
      </c>
      <c r="W125" s="42">
        <v>45793</v>
      </c>
      <c r="X125" s="42">
        <v>53673</v>
      </c>
      <c r="Y125" s="42">
        <v>53199</v>
      </c>
      <c r="Z125" s="42">
        <v>51792</v>
      </c>
      <c r="AA125" s="42">
        <v>47795</v>
      </c>
      <c r="AB125" s="42">
        <v>49312</v>
      </c>
      <c r="AC125" s="42">
        <v>54290</v>
      </c>
      <c r="AD125" s="42">
        <v>58118</v>
      </c>
      <c r="AE125" s="7"/>
      <c r="AF125" s="13"/>
      <c r="AG125" s="9"/>
      <c r="AH125" s="9"/>
      <c r="AI125" s="9" t="s">
        <v>38</v>
      </c>
      <c r="AJ125" s="9" t="s">
        <v>27</v>
      </c>
      <c r="AK125" s="21">
        <v>44216</v>
      </c>
      <c r="AL125" s="21">
        <v>44429</v>
      </c>
      <c r="AM125" s="21">
        <v>44419</v>
      </c>
      <c r="AN125" s="21">
        <v>50438</v>
      </c>
      <c r="AO125" s="21">
        <v>48519</v>
      </c>
      <c r="AP125" s="21">
        <v>44892</v>
      </c>
      <c r="AQ125" s="21">
        <v>44086</v>
      </c>
      <c r="AR125" s="21">
        <v>45627</v>
      </c>
      <c r="AS125" s="21">
        <v>45238</v>
      </c>
      <c r="AT125" s="21">
        <v>44967</v>
      </c>
      <c r="AU125" s="21">
        <v>45775</v>
      </c>
      <c r="AV125" s="21">
        <v>46688</v>
      </c>
      <c r="AW125" s="21">
        <v>48151</v>
      </c>
      <c r="AX125" s="21">
        <v>49980</v>
      </c>
      <c r="AY125" s="21">
        <v>58367</v>
      </c>
      <c r="AZ125" s="21">
        <v>47762</v>
      </c>
      <c r="BA125" s="21">
        <v>45065</v>
      </c>
      <c r="BB125" s="21">
        <v>45614</v>
      </c>
      <c r="BC125" s="21">
        <v>53086</v>
      </c>
      <c r="BD125" s="21">
        <v>54885</v>
      </c>
      <c r="BE125" s="21">
        <v>52785</v>
      </c>
      <c r="BF125" s="21">
        <v>54551</v>
      </c>
      <c r="BG125" s="21">
        <v>56430</v>
      </c>
      <c r="BH125" s="21">
        <v>58141</v>
      </c>
      <c r="BI125" s="21">
        <v>59662</v>
      </c>
      <c r="BJ125" s="14"/>
      <c r="BK125" s="16"/>
      <c r="BL125" s="9"/>
      <c r="BM125" s="9"/>
      <c r="BN125" s="9" t="s">
        <v>38</v>
      </c>
      <c r="BO125" s="9" t="s">
        <v>27</v>
      </c>
      <c r="BP125" s="21">
        <f t="shared" ref="BP125:BP126" si="150">AK125-F125</f>
        <v>9</v>
      </c>
      <c r="BQ125" s="21">
        <f t="shared" ref="BQ125:BQ126" si="151">AL125-G125</f>
        <v>122</v>
      </c>
      <c r="BR125" s="21">
        <f t="shared" ref="BR125:BR126" si="152">AM125-H125</f>
        <v>-46</v>
      </c>
      <c r="BS125" s="21">
        <f t="shared" ref="BS125:BS126" si="153">AN125-I125</f>
        <v>46</v>
      </c>
      <c r="BT125" s="21">
        <f t="shared" ref="BT125:BT126" si="154">AO125-J125</f>
        <v>46</v>
      </c>
      <c r="BU125" s="21">
        <f t="shared" ref="BU125:BU126" si="155">AP125-K125</f>
        <v>4</v>
      </c>
      <c r="BV125" s="21">
        <f t="shared" ref="BV125:BV126" si="156">AQ125-L125</f>
        <v>-227</v>
      </c>
      <c r="BW125" s="21">
        <f t="shared" ref="BW125:BW126" si="157">AR125-M125</f>
        <v>-564</v>
      </c>
      <c r="BX125" s="21">
        <f t="shared" ref="BX125:BX126" si="158">AS125-N125</f>
        <v>2027</v>
      </c>
      <c r="BY125" s="21">
        <f t="shared" ref="BY125:BY126" si="159">AT125-O125</f>
        <v>2119</v>
      </c>
      <c r="BZ125" s="21">
        <f t="shared" ref="BZ125:BZ126" si="160">AU125-P125</f>
        <v>967</v>
      </c>
      <c r="CA125" s="21">
        <f t="shared" ref="CA125:CA126" si="161">AV125-Q125</f>
        <v>1963</v>
      </c>
      <c r="CB125" s="21">
        <f t="shared" ref="CB125:CB126" si="162">AW125-R125</f>
        <v>2716</v>
      </c>
      <c r="CC125" s="21">
        <f t="shared" ref="CC125:CC126" si="163">AX125-S125</f>
        <v>2341</v>
      </c>
      <c r="CD125" s="21">
        <f t="shared" ref="CD125:CD126" si="164">AY125-T125</f>
        <v>2107</v>
      </c>
      <c r="CE125" s="21">
        <f t="shared" ref="CE125:CE126" si="165">AZ125-U125</f>
        <v>1238</v>
      </c>
      <c r="CF125" s="21">
        <f t="shared" ref="CF125:CF126" si="166">BA125-V125</f>
        <v>531</v>
      </c>
      <c r="CG125" s="21">
        <f t="shared" ref="CG125:CG126" si="167">BB125-W125</f>
        <v>-179</v>
      </c>
      <c r="CH125" s="21">
        <f t="shared" ref="CH125:CH126" si="168">BC125-X125</f>
        <v>-587</v>
      </c>
      <c r="CI125" s="21">
        <f t="shared" ref="CI125:CI126" si="169">BD125-Y125</f>
        <v>1686</v>
      </c>
      <c r="CJ125" s="21">
        <f t="shared" ref="CJ125:CJ126" si="170">BE125-Z125</f>
        <v>993</v>
      </c>
      <c r="CK125" s="21">
        <f t="shared" ref="CK125:CK126" si="171">BF125-AA125</f>
        <v>6756</v>
      </c>
      <c r="CL125" s="21">
        <f t="shared" ref="CL125:CL126" si="172">BG125-AB125</f>
        <v>7118</v>
      </c>
      <c r="CM125" s="21">
        <f t="shared" ref="CM125:CM126" si="173">BH125-AC125</f>
        <v>3851</v>
      </c>
      <c r="CN125" s="21">
        <f t="shared" ref="CN125:CN126" si="174">BI125-AD125</f>
        <v>1544</v>
      </c>
      <c r="CO125" s="20"/>
    </row>
    <row r="126" spans="1:93" x14ac:dyDescent="0.7">
      <c r="A126" s="7"/>
      <c r="E126" s="8" t="s">
        <v>28</v>
      </c>
      <c r="F126" s="42">
        <v>41416</v>
      </c>
      <c r="G126" s="42">
        <v>42159</v>
      </c>
      <c r="H126" s="42">
        <v>42136</v>
      </c>
      <c r="I126" s="42">
        <v>47892</v>
      </c>
      <c r="J126" s="42">
        <v>46212</v>
      </c>
      <c r="K126" s="42">
        <v>42715</v>
      </c>
      <c r="L126" s="42">
        <v>42001</v>
      </c>
      <c r="M126" s="42">
        <v>43677</v>
      </c>
      <c r="N126" s="42">
        <v>40685</v>
      </c>
      <c r="O126" s="42">
        <v>40190</v>
      </c>
      <c r="P126" s="42">
        <v>41990</v>
      </c>
      <c r="Q126" s="42">
        <v>41908</v>
      </c>
      <c r="R126" s="42">
        <v>42478</v>
      </c>
      <c r="S126" s="42">
        <v>44634</v>
      </c>
      <c r="T126" s="42">
        <v>52630</v>
      </c>
      <c r="U126" s="42">
        <v>43660</v>
      </c>
      <c r="V126" s="42">
        <v>41631</v>
      </c>
      <c r="W126" s="42">
        <v>42843</v>
      </c>
      <c r="X126" s="42">
        <v>50164</v>
      </c>
      <c r="Y126" s="42">
        <v>49878</v>
      </c>
      <c r="Z126" s="42">
        <v>48425</v>
      </c>
      <c r="AA126" s="42">
        <v>44582</v>
      </c>
      <c r="AB126" s="42">
        <v>45963</v>
      </c>
      <c r="AC126" s="42">
        <v>50927</v>
      </c>
      <c r="AD126" s="42">
        <v>54333</v>
      </c>
      <c r="AE126" s="7"/>
      <c r="AF126" s="13"/>
      <c r="AG126" s="9"/>
      <c r="AH126" s="9"/>
      <c r="AI126" s="9"/>
      <c r="AJ126" s="9" t="s">
        <v>28</v>
      </c>
      <c r="AK126" s="21">
        <v>41403</v>
      </c>
      <c r="AL126" s="21">
        <v>42258</v>
      </c>
      <c r="AM126" s="21">
        <v>42072</v>
      </c>
      <c r="AN126" s="21">
        <v>47918</v>
      </c>
      <c r="AO126" s="21">
        <v>46231</v>
      </c>
      <c r="AP126" s="21">
        <v>42698</v>
      </c>
      <c r="AQ126" s="21">
        <v>41752</v>
      </c>
      <c r="AR126" s="21">
        <v>43104</v>
      </c>
      <c r="AS126" s="21">
        <v>42471</v>
      </c>
      <c r="AT126" s="21">
        <v>42073</v>
      </c>
      <c r="AU126" s="21">
        <v>42762</v>
      </c>
      <c r="AV126" s="21">
        <v>43655</v>
      </c>
      <c r="AW126" s="21">
        <v>45134</v>
      </c>
      <c r="AX126" s="21">
        <v>46921</v>
      </c>
      <c r="AY126" s="21">
        <v>54674</v>
      </c>
      <c r="AZ126" s="21">
        <v>44852</v>
      </c>
      <c r="BA126" s="21">
        <v>42114</v>
      </c>
      <c r="BB126" s="21">
        <v>42614</v>
      </c>
      <c r="BC126" s="21">
        <v>49472</v>
      </c>
      <c r="BD126" s="21">
        <v>51346</v>
      </c>
      <c r="BE126" s="21">
        <v>49220</v>
      </c>
      <c r="BF126" s="21">
        <v>50957</v>
      </c>
      <c r="BG126" s="21">
        <v>52670</v>
      </c>
      <c r="BH126" s="21">
        <v>54297</v>
      </c>
      <c r="BI126" s="21">
        <v>55706</v>
      </c>
      <c r="BJ126" s="14"/>
      <c r="BK126" s="16"/>
      <c r="BL126" s="9"/>
      <c r="BM126" s="9"/>
      <c r="BN126" s="9"/>
      <c r="BO126" s="9" t="s">
        <v>28</v>
      </c>
      <c r="BP126" s="21">
        <f t="shared" si="150"/>
        <v>-13</v>
      </c>
      <c r="BQ126" s="21">
        <f t="shared" si="151"/>
        <v>99</v>
      </c>
      <c r="BR126" s="21">
        <f t="shared" si="152"/>
        <v>-64</v>
      </c>
      <c r="BS126" s="21">
        <f t="shared" si="153"/>
        <v>26</v>
      </c>
      <c r="BT126" s="21">
        <f t="shared" si="154"/>
        <v>19</v>
      </c>
      <c r="BU126" s="21">
        <f t="shared" si="155"/>
        <v>-17</v>
      </c>
      <c r="BV126" s="21">
        <f t="shared" si="156"/>
        <v>-249</v>
      </c>
      <c r="BW126" s="21">
        <f t="shared" si="157"/>
        <v>-573</v>
      </c>
      <c r="BX126" s="21">
        <f t="shared" si="158"/>
        <v>1786</v>
      </c>
      <c r="BY126" s="21">
        <f t="shared" si="159"/>
        <v>1883</v>
      </c>
      <c r="BZ126" s="21">
        <f t="shared" si="160"/>
        <v>772</v>
      </c>
      <c r="CA126" s="21">
        <f t="shared" si="161"/>
        <v>1747</v>
      </c>
      <c r="CB126" s="21">
        <f t="shared" si="162"/>
        <v>2656</v>
      </c>
      <c r="CC126" s="21">
        <f t="shared" si="163"/>
        <v>2287</v>
      </c>
      <c r="CD126" s="21">
        <f t="shared" si="164"/>
        <v>2044</v>
      </c>
      <c r="CE126" s="21">
        <f t="shared" si="165"/>
        <v>1192</v>
      </c>
      <c r="CF126" s="21">
        <f t="shared" si="166"/>
        <v>483</v>
      </c>
      <c r="CG126" s="21">
        <f t="shared" si="167"/>
        <v>-229</v>
      </c>
      <c r="CH126" s="21">
        <f t="shared" si="168"/>
        <v>-692</v>
      </c>
      <c r="CI126" s="21">
        <f t="shared" si="169"/>
        <v>1468</v>
      </c>
      <c r="CJ126" s="21">
        <f t="shared" si="170"/>
        <v>795</v>
      </c>
      <c r="CK126" s="21">
        <f t="shared" si="171"/>
        <v>6375</v>
      </c>
      <c r="CL126" s="21">
        <f t="shared" si="172"/>
        <v>6707</v>
      </c>
      <c r="CM126" s="21">
        <f t="shared" si="173"/>
        <v>3370</v>
      </c>
      <c r="CN126" s="21">
        <f t="shared" si="174"/>
        <v>1373</v>
      </c>
      <c r="CO126" s="20"/>
    </row>
    <row r="127" spans="1:93" x14ac:dyDescent="0.7">
      <c r="A127" s="7"/>
      <c r="E127" s="8" t="s">
        <v>29</v>
      </c>
      <c r="F127" s="43" t="s">
        <v>40</v>
      </c>
      <c r="G127" s="43" t="s">
        <v>40</v>
      </c>
      <c r="H127" s="43" t="s">
        <v>40</v>
      </c>
      <c r="I127" s="43" t="s">
        <v>40</v>
      </c>
      <c r="J127" s="43" t="s">
        <v>40</v>
      </c>
      <c r="K127" s="43" t="s">
        <v>40</v>
      </c>
      <c r="L127" s="43" t="s">
        <v>40</v>
      </c>
      <c r="M127" s="43" t="s">
        <v>40</v>
      </c>
      <c r="N127" s="43" t="s">
        <v>40</v>
      </c>
      <c r="O127" s="43" t="s">
        <v>40</v>
      </c>
      <c r="P127" s="43" t="s">
        <v>40</v>
      </c>
      <c r="Q127" s="43" t="s">
        <v>40</v>
      </c>
      <c r="R127" s="43" t="s">
        <v>40</v>
      </c>
      <c r="S127" s="42">
        <v>0</v>
      </c>
      <c r="T127" s="42">
        <v>0</v>
      </c>
      <c r="U127" s="42">
        <v>0</v>
      </c>
      <c r="V127" s="42">
        <v>0</v>
      </c>
      <c r="W127" s="42">
        <v>0</v>
      </c>
      <c r="X127" s="43" t="s">
        <v>40</v>
      </c>
      <c r="Y127" s="43" t="s">
        <v>40</v>
      </c>
      <c r="Z127" s="43" t="s">
        <v>40</v>
      </c>
      <c r="AA127" s="43" t="s">
        <v>40</v>
      </c>
      <c r="AB127" s="43" t="s">
        <v>40</v>
      </c>
      <c r="AC127" s="43" t="s">
        <v>40</v>
      </c>
      <c r="AD127" s="43" t="s">
        <v>40</v>
      </c>
      <c r="AE127" s="7"/>
      <c r="AF127" s="13"/>
      <c r="AG127" s="9"/>
      <c r="AH127" s="9"/>
      <c r="AI127" s="9"/>
      <c r="AJ127" s="9" t="s">
        <v>29</v>
      </c>
      <c r="AK127" s="43" t="s">
        <v>40</v>
      </c>
      <c r="AL127" s="43" t="s">
        <v>40</v>
      </c>
      <c r="AM127" s="43" t="s">
        <v>40</v>
      </c>
      <c r="AN127" s="43" t="s">
        <v>40</v>
      </c>
      <c r="AO127" s="43" t="s">
        <v>40</v>
      </c>
      <c r="AP127" s="43" t="s">
        <v>40</v>
      </c>
      <c r="AQ127" s="43" t="s">
        <v>40</v>
      </c>
      <c r="AR127" s="43" t="s">
        <v>40</v>
      </c>
      <c r="AS127" s="43" t="s">
        <v>40</v>
      </c>
      <c r="AT127" s="43" t="s">
        <v>40</v>
      </c>
      <c r="AU127" s="43" t="s">
        <v>40</v>
      </c>
      <c r="AV127" s="43" t="s">
        <v>40</v>
      </c>
      <c r="AW127" s="43" t="s">
        <v>40</v>
      </c>
      <c r="AX127" s="43" t="s">
        <v>40</v>
      </c>
      <c r="AY127" s="43" t="s">
        <v>40</v>
      </c>
      <c r="AZ127" s="43" t="s">
        <v>40</v>
      </c>
      <c r="BA127" s="43" t="s">
        <v>40</v>
      </c>
      <c r="BB127" s="43" t="s">
        <v>40</v>
      </c>
      <c r="BC127" s="43" t="s">
        <v>40</v>
      </c>
      <c r="BD127" s="43" t="s">
        <v>40</v>
      </c>
      <c r="BE127" s="43" t="s">
        <v>40</v>
      </c>
      <c r="BF127" s="43" t="s">
        <v>40</v>
      </c>
      <c r="BG127" s="43" t="s">
        <v>40</v>
      </c>
      <c r="BH127" s="43" t="s">
        <v>40</v>
      </c>
      <c r="BI127" s="43" t="s">
        <v>40</v>
      </c>
      <c r="BJ127" s="14"/>
      <c r="BK127" s="16"/>
      <c r="BL127" s="9"/>
      <c r="BM127" s="9"/>
      <c r="BN127" s="9"/>
      <c r="BO127" s="9" t="s">
        <v>29</v>
      </c>
      <c r="BP127" s="43" t="s">
        <v>40</v>
      </c>
      <c r="BQ127" s="43" t="s">
        <v>40</v>
      </c>
      <c r="BR127" s="43" t="s">
        <v>40</v>
      </c>
      <c r="BS127" s="43" t="s">
        <v>40</v>
      </c>
      <c r="BT127" s="43" t="s">
        <v>40</v>
      </c>
      <c r="BU127" s="43" t="s">
        <v>40</v>
      </c>
      <c r="BV127" s="43" t="s">
        <v>40</v>
      </c>
      <c r="BW127" s="43" t="s">
        <v>40</v>
      </c>
      <c r="BX127" s="43" t="s">
        <v>40</v>
      </c>
      <c r="BY127" s="43" t="s">
        <v>40</v>
      </c>
      <c r="BZ127" s="43" t="s">
        <v>40</v>
      </c>
      <c r="CA127" s="43" t="s">
        <v>40</v>
      </c>
      <c r="CB127" s="43" t="s">
        <v>40</v>
      </c>
      <c r="CC127" s="43" t="s">
        <v>40</v>
      </c>
      <c r="CD127" s="43" t="s">
        <v>40</v>
      </c>
      <c r="CE127" s="43" t="s">
        <v>40</v>
      </c>
      <c r="CF127" s="43" t="s">
        <v>40</v>
      </c>
      <c r="CG127" s="43" t="s">
        <v>40</v>
      </c>
      <c r="CH127" s="43" t="s">
        <v>40</v>
      </c>
      <c r="CI127" s="43" t="s">
        <v>40</v>
      </c>
      <c r="CJ127" s="43" t="s">
        <v>40</v>
      </c>
      <c r="CK127" s="43" t="s">
        <v>40</v>
      </c>
      <c r="CL127" s="43" t="s">
        <v>40</v>
      </c>
      <c r="CM127" s="43" t="s">
        <v>40</v>
      </c>
      <c r="CN127" s="43" t="s">
        <v>40</v>
      </c>
      <c r="CO127" s="20"/>
    </row>
    <row r="128" spans="1:93" x14ac:dyDescent="0.7">
      <c r="A128" s="7"/>
      <c r="E128" s="8" t="s">
        <v>30</v>
      </c>
      <c r="F128" s="42">
        <v>24952</v>
      </c>
      <c r="G128" s="42">
        <v>24451</v>
      </c>
      <c r="H128" s="42">
        <v>24954</v>
      </c>
      <c r="I128" s="42">
        <v>27889</v>
      </c>
      <c r="J128" s="42">
        <v>27036</v>
      </c>
      <c r="K128" s="42">
        <v>25043</v>
      </c>
      <c r="L128" s="42">
        <v>25175</v>
      </c>
      <c r="M128" s="42">
        <v>26315</v>
      </c>
      <c r="N128" s="42">
        <v>23979</v>
      </c>
      <c r="O128" s="42">
        <v>23781</v>
      </c>
      <c r="P128" s="42">
        <v>24640</v>
      </c>
      <c r="Q128" s="42">
        <v>24007</v>
      </c>
      <c r="R128" s="42">
        <v>22758</v>
      </c>
      <c r="S128" s="42">
        <v>24051</v>
      </c>
      <c r="T128" s="42">
        <v>29098</v>
      </c>
      <c r="U128" s="42">
        <v>22922</v>
      </c>
      <c r="V128" s="42">
        <v>21722</v>
      </c>
      <c r="W128" s="42">
        <v>22354</v>
      </c>
      <c r="X128" s="42">
        <v>25384</v>
      </c>
      <c r="Y128" s="42">
        <v>24654</v>
      </c>
      <c r="Z128" s="42">
        <v>23982</v>
      </c>
      <c r="AA128" s="42">
        <v>21489</v>
      </c>
      <c r="AB128" s="42">
        <v>22349</v>
      </c>
      <c r="AC128" s="42">
        <v>22089</v>
      </c>
      <c r="AD128" s="42">
        <v>23716</v>
      </c>
      <c r="AE128" s="7"/>
      <c r="AF128" s="13"/>
      <c r="AG128" s="9"/>
      <c r="AH128" s="9"/>
      <c r="AI128" s="9"/>
      <c r="AJ128" s="9" t="s">
        <v>30</v>
      </c>
      <c r="AK128" s="21">
        <v>24881</v>
      </c>
      <c r="AL128" s="21">
        <v>24435</v>
      </c>
      <c r="AM128" s="21">
        <v>24857</v>
      </c>
      <c r="AN128" s="21">
        <v>27848</v>
      </c>
      <c r="AO128" s="21">
        <v>26978</v>
      </c>
      <c r="AP128" s="21">
        <v>24977</v>
      </c>
      <c r="AQ128" s="21">
        <v>25056</v>
      </c>
      <c r="AR128" s="21">
        <v>25968</v>
      </c>
      <c r="AS128" s="21">
        <v>24931</v>
      </c>
      <c r="AT128" s="21">
        <v>24828</v>
      </c>
      <c r="AU128" s="21">
        <v>25219</v>
      </c>
      <c r="AV128" s="21">
        <v>25131</v>
      </c>
      <c r="AW128" s="21">
        <v>23507</v>
      </c>
      <c r="AX128" s="21">
        <v>24733</v>
      </c>
      <c r="AY128" s="21">
        <v>29897</v>
      </c>
      <c r="AZ128" s="21">
        <v>23356</v>
      </c>
      <c r="BA128" s="21">
        <v>21467</v>
      </c>
      <c r="BB128" s="21">
        <v>21804</v>
      </c>
      <c r="BC128" s="21">
        <v>24765</v>
      </c>
      <c r="BD128" s="21">
        <v>25281</v>
      </c>
      <c r="BE128" s="21">
        <v>23997</v>
      </c>
      <c r="BF128" s="21">
        <v>24491</v>
      </c>
      <c r="BG128" s="21">
        <v>25431</v>
      </c>
      <c r="BH128" s="21">
        <v>25459</v>
      </c>
      <c r="BI128" s="21">
        <v>25089</v>
      </c>
      <c r="BJ128" s="14"/>
      <c r="BK128" s="16"/>
      <c r="BL128" s="9"/>
      <c r="BM128" s="9"/>
      <c r="BN128" s="9"/>
      <c r="BO128" s="9" t="s">
        <v>30</v>
      </c>
      <c r="BP128" s="21">
        <f t="shared" ref="BP128:BP131" si="175">AK128-F128</f>
        <v>-71</v>
      </c>
      <c r="BQ128" s="21">
        <f t="shared" ref="BQ128:BQ131" si="176">AL128-G128</f>
        <v>-16</v>
      </c>
      <c r="BR128" s="21">
        <f t="shared" ref="BR128:BR131" si="177">AM128-H128</f>
        <v>-97</v>
      </c>
      <c r="BS128" s="21">
        <f t="shared" ref="BS128:BS131" si="178">AN128-I128</f>
        <v>-41</v>
      </c>
      <c r="BT128" s="21">
        <f t="shared" ref="BT128:BT131" si="179">AO128-J128</f>
        <v>-58</v>
      </c>
      <c r="BU128" s="21">
        <f t="shared" ref="BU128:BU131" si="180">AP128-K128</f>
        <v>-66</v>
      </c>
      <c r="BV128" s="21">
        <f t="shared" ref="BV128:BV131" si="181">AQ128-L128</f>
        <v>-119</v>
      </c>
      <c r="BW128" s="21">
        <f t="shared" ref="BW128:BW131" si="182">AR128-M128</f>
        <v>-347</v>
      </c>
      <c r="BX128" s="21">
        <f t="shared" ref="BX128:BX131" si="183">AS128-N128</f>
        <v>952</v>
      </c>
      <c r="BY128" s="21">
        <f t="shared" ref="BY128:BY131" si="184">AT128-O128</f>
        <v>1047</v>
      </c>
      <c r="BZ128" s="21">
        <f t="shared" ref="BZ128:BZ131" si="185">AU128-P128</f>
        <v>579</v>
      </c>
      <c r="CA128" s="21">
        <f t="shared" ref="CA128:CA131" si="186">AV128-Q128</f>
        <v>1124</v>
      </c>
      <c r="CB128" s="21">
        <f t="shared" ref="CB128:CB131" si="187">AW128-R128</f>
        <v>749</v>
      </c>
      <c r="CC128" s="21">
        <f t="shared" ref="CC128:CC131" si="188">AX128-S128</f>
        <v>682</v>
      </c>
      <c r="CD128" s="21">
        <f t="shared" ref="CD128:CD131" si="189">AY128-T128</f>
        <v>799</v>
      </c>
      <c r="CE128" s="21">
        <f t="shared" ref="CE128:CE131" si="190">AZ128-U128</f>
        <v>434</v>
      </c>
      <c r="CF128" s="21">
        <f t="shared" ref="CF128:CF131" si="191">BA128-V128</f>
        <v>-255</v>
      </c>
      <c r="CG128" s="21">
        <f t="shared" ref="CG128:CG131" si="192">BB128-W128</f>
        <v>-550</v>
      </c>
      <c r="CH128" s="21">
        <f t="shared" ref="CH128:CH131" si="193">BC128-X128</f>
        <v>-619</v>
      </c>
      <c r="CI128" s="21">
        <f t="shared" ref="CI128:CI131" si="194">BD128-Y128</f>
        <v>627</v>
      </c>
      <c r="CJ128" s="21">
        <f t="shared" ref="CJ128:CJ131" si="195">BE128-Z128</f>
        <v>15</v>
      </c>
      <c r="CK128" s="21">
        <f t="shared" ref="CK128:CK131" si="196">BF128-AA128</f>
        <v>3002</v>
      </c>
      <c r="CL128" s="21">
        <f t="shared" ref="CL128:CL131" si="197">BG128-AB128</f>
        <v>3082</v>
      </c>
      <c r="CM128" s="21">
        <f t="shared" ref="CM128:CM131" si="198">BH128-AC128</f>
        <v>3370</v>
      </c>
      <c r="CN128" s="21">
        <f t="shared" ref="CN128:CN131" si="199">BI128-AD128</f>
        <v>1373</v>
      </c>
      <c r="CO128" s="20"/>
    </row>
    <row r="129" spans="1:93" x14ac:dyDescent="0.7">
      <c r="A129" s="7"/>
      <c r="E129" s="8" t="s">
        <v>31</v>
      </c>
      <c r="F129" s="42">
        <v>16464</v>
      </c>
      <c r="G129" s="42">
        <v>17708</v>
      </c>
      <c r="H129" s="42">
        <v>17182</v>
      </c>
      <c r="I129" s="42">
        <v>20003</v>
      </c>
      <c r="J129" s="42">
        <v>19176</v>
      </c>
      <c r="K129" s="42">
        <v>17672</v>
      </c>
      <c r="L129" s="42">
        <v>16826</v>
      </c>
      <c r="M129" s="42">
        <v>17362</v>
      </c>
      <c r="N129" s="42">
        <v>16706</v>
      </c>
      <c r="O129" s="42">
        <v>16409</v>
      </c>
      <c r="P129" s="42">
        <v>17350</v>
      </c>
      <c r="Q129" s="42">
        <v>17901</v>
      </c>
      <c r="R129" s="42">
        <v>19720</v>
      </c>
      <c r="S129" s="42">
        <v>20569</v>
      </c>
      <c r="T129" s="42">
        <v>23440</v>
      </c>
      <c r="U129" s="42">
        <v>20736</v>
      </c>
      <c r="V129" s="42">
        <v>19896</v>
      </c>
      <c r="W129" s="42">
        <v>20433</v>
      </c>
      <c r="X129" s="42">
        <v>24781</v>
      </c>
      <c r="Y129" s="42">
        <v>25223</v>
      </c>
      <c r="Z129" s="42">
        <v>24443</v>
      </c>
      <c r="AA129" s="42">
        <v>23093</v>
      </c>
      <c r="AB129" s="42">
        <v>23614</v>
      </c>
      <c r="AC129" s="42">
        <v>28838</v>
      </c>
      <c r="AD129" s="42">
        <v>30617</v>
      </c>
      <c r="AE129" s="7"/>
      <c r="AF129" s="13"/>
      <c r="AG129" s="9"/>
      <c r="AH129" s="9"/>
      <c r="AI129" s="9"/>
      <c r="AJ129" s="9" t="s">
        <v>31</v>
      </c>
      <c r="AK129" s="21">
        <v>16522</v>
      </c>
      <c r="AL129" s="21">
        <v>17823</v>
      </c>
      <c r="AM129" s="21">
        <v>17215</v>
      </c>
      <c r="AN129" s="21">
        <v>20071</v>
      </c>
      <c r="AO129" s="21">
        <v>19253</v>
      </c>
      <c r="AP129" s="21">
        <v>17722</v>
      </c>
      <c r="AQ129" s="21">
        <v>16696</v>
      </c>
      <c r="AR129" s="21">
        <v>17137</v>
      </c>
      <c r="AS129" s="21">
        <v>17540</v>
      </c>
      <c r="AT129" s="21">
        <v>17245</v>
      </c>
      <c r="AU129" s="21">
        <v>17543</v>
      </c>
      <c r="AV129" s="21">
        <v>18525</v>
      </c>
      <c r="AW129" s="21">
        <v>21895</v>
      </c>
      <c r="AX129" s="21">
        <v>22376</v>
      </c>
      <c r="AY129" s="21">
        <v>24757</v>
      </c>
      <c r="AZ129" s="21">
        <v>21597</v>
      </c>
      <c r="BA129" s="21">
        <v>20752</v>
      </c>
      <c r="BB129" s="21">
        <v>20813</v>
      </c>
      <c r="BC129" s="21">
        <v>24707</v>
      </c>
      <c r="BD129" s="21">
        <v>26064</v>
      </c>
      <c r="BE129" s="21">
        <v>25222</v>
      </c>
      <c r="BF129" s="21">
        <v>26466</v>
      </c>
      <c r="BG129" s="21">
        <v>27239</v>
      </c>
      <c r="BH129" s="21">
        <v>28838</v>
      </c>
      <c r="BI129" s="21">
        <v>30617</v>
      </c>
      <c r="BJ129" s="14"/>
      <c r="BK129" s="16"/>
      <c r="BL129" s="9"/>
      <c r="BM129" s="9"/>
      <c r="BN129" s="9"/>
      <c r="BO129" s="9" t="s">
        <v>31</v>
      </c>
      <c r="BP129" s="21">
        <f t="shared" si="175"/>
        <v>58</v>
      </c>
      <c r="BQ129" s="21">
        <f t="shared" si="176"/>
        <v>115</v>
      </c>
      <c r="BR129" s="21">
        <f t="shared" si="177"/>
        <v>33</v>
      </c>
      <c r="BS129" s="21">
        <f t="shared" si="178"/>
        <v>68</v>
      </c>
      <c r="BT129" s="21">
        <f t="shared" si="179"/>
        <v>77</v>
      </c>
      <c r="BU129" s="21">
        <f t="shared" si="180"/>
        <v>50</v>
      </c>
      <c r="BV129" s="21">
        <f t="shared" si="181"/>
        <v>-130</v>
      </c>
      <c r="BW129" s="21">
        <f t="shared" si="182"/>
        <v>-225</v>
      </c>
      <c r="BX129" s="21">
        <f t="shared" si="183"/>
        <v>834</v>
      </c>
      <c r="BY129" s="21">
        <f t="shared" si="184"/>
        <v>836</v>
      </c>
      <c r="BZ129" s="21">
        <f t="shared" si="185"/>
        <v>193</v>
      </c>
      <c r="CA129" s="21">
        <f t="shared" si="186"/>
        <v>624</v>
      </c>
      <c r="CB129" s="21">
        <f t="shared" si="187"/>
        <v>2175</v>
      </c>
      <c r="CC129" s="21">
        <f t="shared" si="188"/>
        <v>1807</v>
      </c>
      <c r="CD129" s="21">
        <f t="shared" si="189"/>
        <v>1317</v>
      </c>
      <c r="CE129" s="21">
        <f t="shared" si="190"/>
        <v>861</v>
      </c>
      <c r="CF129" s="21">
        <f t="shared" si="191"/>
        <v>856</v>
      </c>
      <c r="CG129" s="21">
        <f t="shared" si="192"/>
        <v>380</v>
      </c>
      <c r="CH129" s="21">
        <f t="shared" si="193"/>
        <v>-74</v>
      </c>
      <c r="CI129" s="21">
        <f t="shared" si="194"/>
        <v>841</v>
      </c>
      <c r="CJ129" s="21">
        <f t="shared" si="195"/>
        <v>779</v>
      </c>
      <c r="CK129" s="21">
        <f t="shared" si="196"/>
        <v>3373</v>
      </c>
      <c r="CL129" s="21">
        <f t="shared" si="197"/>
        <v>3625</v>
      </c>
      <c r="CM129" s="21">
        <f t="shared" si="198"/>
        <v>0</v>
      </c>
      <c r="CN129" s="21">
        <f t="shared" si="199"/>
        <v>0</v>
      </c>
      <c r="CO129" s="20"/>
    </row>
    <row r="130" spans="1:93" x14ac:dyDescent="0.7">
      <c r="A130" s="7"/>
      <c r="E130" s="8" t="s">
        <v>32</v>
      </c>
      <c r="F130" s="42">
        <v>2791</v>
      </c>
      <c r="G130" s="42">
        <v>2148</v>
      </c>
      <c r="H130" s="42">
        <v>2329</v>
      </c>
      <c r="I130" s="42">
        <v>2500</v>
      </c>
      <c r="J130" s="42">
        <v>2261</v>
      </c>
      <c r="K130" s="42">
        <v>2173</v>
      </c>
      <c r="L130" s="42">
        <v>2312</v>
      </c>
      <c r="M130" s="42">
        <v>2514</v>
      </c>
      <c r="N130" s="42">
        <v>2526</v>
      </c>
      <c r="O130" s="42">
        <v>2658</v>
      </c>
      <c r="P130" s="42">
        <v>2818</v>
      </c>
      <c r="Q130" s="42">
        <v>2817</v>
      </c>
      <c r="R130" s="42">
        <v>2957</v>
      </c>
      <c r="S130" s="42">
        <v>3023</v>
      </c>
      <c r="T130" s="42">
        <v>3644</v>
      </c>
      <c r="U130" s="42">
        <v>2890</v>
      </c>
      <c r="V130" s="42">
        <v>2912</v>
      </c>
      <c r="W130" s="42">
        <v>2959</v>
      </c>
      <c r="X130" s="42">
        <v>3509</v>
      </c>
      <c r="Y130" s="42">
        <v>3321</v>
      </c>
      <c r="Z130" s="42">
        <v>3368</v>
      </c>
      <c r="AA130" s="42">
        <v>3214</v>
      </c>
      <c r="AB130" s="42">
        <v>3349</v>
      </c>
      <c r="AC130" s="42">
        <v>3363</v>
      </c>
      <c r="AD130" s="42">
        <v>3786</v>
      </c>
      <c r="AE130" s="7"/>
      <c r="AF130" s="13"/>
      <c r="AG130" s="9"/>
      <c r="AH130" s="9"/>
      <c r="AI130" s="9"/>
      <c r="AJ130" s="9" t="s">
        <v>32</v>
      </c>
      <c r="AK130" s="21">
        <v>2813</v>
      </c>
      <c r="AL130" s="21">
        <v>2171</v>
      </c>
      <c r="AM130" s="21">
        <v>2347</v>
      </c>
      <c r="AN130" s="21">
        <v>2519</v>
      </c>
      <c r="AO130" s="21">
        <v>2287</v>
      </c>
      <c r="AP130" s="21">
        <v>2194</v>
      </c>
      <c r="AQ130" s="21">
        <v>2334</v>
      </c>
      <c r="AR130" s="21">
        <v>2523</v>
      </c>
      <c r="AS130" s="21">
        <v>2767</v>
      </c>
      <c r="AT130" s="21">
        <v>2894</v>
      </c>
      <c r="AU130" s="21">
        <v>3013</v>
      </c>
      <c r="AV130" s="21">
        <v>3033</v>
      </c>
      <c r="AW130" s="21">
        <v>3049</v>
      </c>
      <c r="AX130" s="21">
        <v>3111</v>
      </c>
      <c r="AY130" s="21">
        <v>3742</v>
      </c>
      <c r="AZ130" s="21">
        <v>2964</v>
      </c>
      <c r="BA130" s="21">
        <v>2979</v>
      </c>
      <c r="BB130" s="21">
        <v>3019</v>
      </c>
      <c r="BC130" s="21">
        <v>3614</v>
      </c>
      <c r="BD130" s="21">
        <v>3539</v>
      </c>
      <c r="BE130" s="21">
        <v>3566</v>
      </c>
      <c r="BF130" s="21">
        <v>3594</v>
      </c>
      <c r="BG130" s="21">
        <v>3760</v>
      </c>
      <c r="BH130" s="21">
        <v>3844</v>
      </c>
      <c r="BI130" s="21">
        <v>3956</v>
      </c>
      <c r="BJ130" s="14"/>
      <c r="BK130" s="16"/>
      <c r="BL130" s="9"/>
      <c r="BM130" s="9"/>
      <c r="BN130" s="9"/>
      <c r="BO130" s="9" t="s">
        <v>32</v>
      </c>
      <c r="BP130" s="21">
        <f t="shared" si="175"/>
        <v>22</v>
      </c>
      <c r="BQ130" s="21">
        <f t="shared" si="176"/>
        <v>23</v>
      </c>
      <c r="BR130" s="21">
        <f t="shared" si="177"/>
        <v>18</v>
      </c>
      <c r="BS130" s="21">
        <f t="shared" si="178"/>
        <v>19</v>
      </c>
      <c r="BT130" s="21">
        <f t="shared" si="179"/>
        <v>26</v>
      </c>
      <c r="BU130" s="21">
        <f t="shared" si="180"/>
        <v>21</v>
      </c>
      <c r="BV130" s="21">
        <f t="shared" si="181"/>
        <v>22</v>
      </c>
      <c r="BW130" s="21">
        <f t="shared" si="182"/>
        <v>9</v>
      </c>
      <c r="BX130" s="21">
        <f t="shared" si="183"/>
        <v>241</v>
      </c>
      <c r="BY130" s="21">
        <f t="shared" si="184"/>
        <v>236</v>
      </c>
      <c r="BZ130" s="21">
        <f t="shared" si="185"/>
        <v>195</v>
      </c>
      <c r="CA130" s="21">
        <f t="shared" si="186"/>
        <v>216</v>
      </c>
      <c r="CB130" s="21">
        <f t="shared" si="187"/>
        <v>92</v>
      </c>
      <c r="CC130" s="21">
        <f t="shared" si="188"/>
        <v>88</v>
      </c>
      <c r="CD130" s="21">
        <f t="shared" si="189"/>
        <v>98</v>
      </c>
      <c r="CE130" s="21">
        <f t="shared" si="190"/>
        <v>74</v>
      </c>
      <c r="CF130" s="21">
        <f t="shared" si="191"/>
        <v>67</v>
      </c>
      <c r="CG130" s="21">
        <f t="shared" si="192"/>
        <v>60</v>
      </c>
      <c r="CH130" s="21">
        <f t="shared" si="193"/>
        <v>105</v>
      </c>
      <c r="CI130" s="21">
        <f t="shared" si="194"/>
        <v>218</v>
      </c>
      <c r="CJ130" s="21">
        <f t="shared" si="195"/>
        <v>198</v>
      </c>
      <c r="CK130" s="21">
        <f t="shared" si="196"/>
        <v>380</v>
      </c>
      <c r="CL130" s="21">
        <f t="shared" si="197"/>
        <v>411</v>
      </c>
      <c r="CM130" s="21">
        <f t="shared" si="198"/>
        <v>481</v>
      </c>
      <c r="CN130" s="21">
        <f t="shared" si="199"/>
        <v>170</v>
      </c>
      <c r="CO130" s="20"/>
    </row>
    <row r="131" spans="1:93" x14ac:dyDescent="0.7">
      <c r="A131" s="7"/>
      <c r="E131" s="8" t="s">
        <v>33</v>
      </c>
      <c r="F131" s="42">
        <v>2791</v>
      </c>
      <c r="G131" s="42">
        <v>2148</v>
      </c>
      <c r="H131" s="42">
        <v>2329</v>
      </c>
      <c r="I131" s="42">
        <v>2500</v>
      </c>
      <c r="J131" s="42">
        <v>2261</v>
      </c>
      <c r="K131" s="42">
        <v>2173</v>
      </c>
      <c r="L131" s="42">
        <v>2312</v>
      </c>
      <c r="M131" s="42">
        <v>2514</v>
      </c>
      <c r="N131" s="42">
        <v>2526</v>
      </c>
      <c r="O131" s="42">
        <v>2658</v>
      </c>
      <c r="P131" s="42">
        <v>2818</v>
      </c>
      <c r="Q131" s="42">
        <v>2817</v>
      </c>
      <c r="R131" s="42">
        <v>2957</v>
      </c>
      <c r="S131" s="42">
        <v>3023</v>
      </c>
      <c r="T131" s="42">
        <v>3644</v>
      </c>
      <c r="U131" s="42">
        <v>2890</v>
      </c>
      <c r="V131" s="42">
        <v>2912</v>
      </c>
      <c r="W131" s="42">
        <v>2959</v>
      </c>
      <c r="X131" s="42">
        <v>3509</v>
      </c>
      <c r="Y131" s="42">
        <v>3321</v>
      </c>
      <c r="Z131" s="42">
        <v>3368</v>
      </c>
      <c r="AA131" s="42">
        <v>3214</v>
      </c>
      <c r="AB131" s="42">
        <v>3349</v>
      </c>
      <c r="AC131" s="42">
        <v>3363</v>
      </c>
      <c r="AD131" s="42">
        <v>3786</v>
      </c>
      <c r="AE131" s="7"/>
      <c r="AF131" s="13"/>
      <c r="AG131" s="9"/>
      <c r="AH131" s="9"/>
      <c r="AI131" s="9"/>
      <c r="AJ131" s="9" t="s">
        <v>33</v>
      </c>
      <c r="AK131" s="21">
        <v>2813</v>
      </c>
      <c r="AL131" s="21">
        <v>2171</v>
      </c>
      <c r="AM131" s="21">
        <v>2347</v>
      </c>
      <c r="AN131" s="21">
        <v>2519</v>
      </c>
      <c r="AO131" s="21">
        <v>2287</v>
      </c>
      <c r="AP131" s="21">
        <v>2194</v>
      </c>
      <c r="AQ131" s="21">
        <v>2334</v>
      </c>
      <c r="AR131" s="21">
        <v>2523</v>
      </c>
      <c r="AS131" s="21">
        <v>2767</v>
      </c>
      <c r="AT131" s="21">
        <v>2894</v>
      </c>
      <c r="AU131" s="21">
        <v>3013</v>
      </c>
      <c r="AV131" s="21">
        <v>3033</v>
      </c>
      <c r="AW131" s="21">
        <v>3049</v>
      </c>
      <c r="AX131" s="21">
        <v>3111</v>
      </c>
      <c r="AY131" s="21">
        <v>3742</v>
      </c>
      <c r="AZ131" s="21">
        <v>2964</v>
      </c>
      <c r="BA131" s="21">
        <v>2979</v>
      </c>
      <c r="BB131" s="21">
        <v>3019</v>
      </c>
      <c r="BC131" s="21">
        <v>3614</v>
      </c>
      <c r="BD131" s="21">
        <v>3539</v>
      </c>
      <c r="BE131" s="21">
        <v>3566</v>
      </c>
      <c r="BF131" s="21">
        <v>3594</v>
      </c>
      <c r="BG131" s="21">
        <v>3760</v>
      </c>
      <c r="BH131" s="21">
        <v>3844</v>
      </c>
      <c r="BI131" s="21">
        <v>3956</v>
      </c>
      <c r="BJ131" s="14"/>
      <c r="BK131" s="16"/>
      <c r="BL131" s="9"/>
      <c r="BM131" s="9"/>
      <c r="BN131" s="9"/>
      <c r="BO131" s="9" t="s">
        <v>33</v>
      </c>
      <c r="BP131" s="21">
        <f t="shared" si="175"/>
        <v>22</v>
      </c>
      <c r="BQ131" s="21">
        <f t="shared" si="176"/>
        <v>23</v>
      </c>
      <c r="BR131" s="21">
        <f t="shared" si="177"/>
        <v>18</v>
      </c>
      <c r="BS131" s="21">
        <f t="shared" si="178"/>
        <v>19</v>
      </c>
      <c r="BT131" s="21">
        <f t="shared" si="179"/>
        <v>26</v>
      </c>
      <c r="BU131" s="21">
        <f t="shared" si="180"/>
        <v>21</v>
      </c>
      <c r="BV131" s="21">
        <f t="shared" si="181"/>
        <v>22</v>
      </c>
      <c r="BW131" s="21">
        <f t="shared" si="182"/>
        <v>9</v>
      </c>
      <c r="BX131" s="21">
        <f t="shared" si="183"/>
        <v>241</v>
      </c>
      <c r="BY131" s="21">
        <f t="shared" si="184"/>
        <v>236</v>
      </c>
      <c r="BZ131" s="21">
        <f t="shared" si="185"/>
        <v>195</v>
      </c>
      <c r="CA131" s="21">
        <f t="shared" si="186"/>
        <v>216</v>
      </c>
      <c r="CB131" s="21">
        <f t="shared" si="187"/>
        <v>92</v>
      </c>
      <c r="CC131" s="21">
        <f t="shared" si="188"/>
        <v>88</v>
      </c>
      <c r="CD131" s="21">
        <f t="shared" si="189"/>
        <v>98</v>
      </c>
      <c r="CE131" s="21">
        <f t="shared" si="190"/>
        <v>74</v>
      </c>
      <c r="CF131" s="21">
        <f t="shared" si="191"/>
        <v>67</v>
      </c>
      <c r="CG131" s="21">
        <f t="shared" si="192"/>
        <v>60</v>
      </c>
      <c r="CH131" s="21">
        <f t="shared" si="193"/>
        <v>105</v>
      </c>
      <c r="CI131" s="21">
        <f t="shared" si="194"/>
        <v>218</v>
      </c>
      <c r="CJ131" s="21">
        <f t="shared" si="195"/>
        <v>198</v>
      </c>
      <c r="CK131" s="21">
        <f t="shared" si="196"/>
        <v>380</v>
      </c>
      <c r="CL131" s="21">
        <f t="shared" si="197"/>
        <v>411</v>
      </c>
      <c r="CM131" s="21">
        <f t="shared" si="198"/>
        <v>481</v>
      </c>
      <c r="CN131" s="21">
        <f t="shared" si="199"/>
        <v>170</v>
      </c>
      <c r="CO131" s="20"/>
    </row>
    <row r="132" spans="1:93" x14ac:dyDescent="0.7">
      <c r="A132" s="7"/>
      <c r="E132" s="8" t="s">
        <v>34</v>
      </c>
      <c r="F132" s="43" t="s">
        <v>40</v>
      </c>
      <c r="G132" s="43" t="s">
        <v>40</v>
      </c>
      <c r="H132" s="43" t="s">
        <v>40</v>
      </c>
      <c r="I132" s="43" t="s">
        <v>40</v>
      </c>
      <c r="J132" s="43" t="s">
        <v>40</v>
      </c>
      <c r="K132" s="43" t="s">
        <v>40</v>
      </c>
      <c r="L132" s="43" t="s">
        <v>40</v>
      </c>
      <c r="M132" s="43" t="s">
        <v>40</v>
      </c>
      <c r="N132" s="43" t="s">
        <v>40</v>
      </c>
      <c r="O132" s="43" t="s">
        <v>40</v>
      </c>
      <c r="P132" s="43" t="s">
        <v>40</v>
      </c>
      <c r="Q132" s="43" t="s">
        <v>40</v>
      </c>
      <c r="R132" s="43" t="s">
        <v>40</v>
      </c>
      <c r="S132" s="42">
        <v>0</v>
      </c>
      <c r="T132" s="42">
        <v>0</v>
      </c>
      <c r="U132" s="42">
        <v>0</v>
      </c>
      <c r="V132" s="42">
        <v>0</v>
      </c>
      <c r="W132" s="42">
        <v>0</v>
      </c>
      <c r="X132" s="43" t="s">
        <v>40</v>
      </c>
      <c r="Y132" s="43" t="s">
        <v>40</v>
      </c>
      <c r="Z132" s="43" t="s">
        <v>40</v>
      </c>
      <c r="AA132" s="43" t="s">
        <v>40</v>
      </c>
      <c r="AB132" s="43" t="s">
        <v>40</v>
      </c>
      <c r="AC132" s="43" t="s">
        <v>40</v>
      </c>
      <c r="AD132" s="43" t="s">
        <v>40</v>
      </c>
      <c r="AE132" s="7"/>
      <c r="AF132" s="13"/>
      <c r="AG132" s="9"/>
      <c r="AH132" s="9"/>
      <c r="AI132" s="9"/>
      <c r="AJ132" s="9" t="s">
        <v>34</v>
      </c>
      <c r="AK132" s="43" t="s">
        <v>40</v>
      </c>
      <c r="AL132" s="43" t="s">
        <v>40</v>
      </c>
      <c r="AM132" s="43" t="s">
        <v>40</v>
      </c>
      <c r="AN132" s="43" t="s">
        <v>40</v>
      </c>
      <c r="AO132" s="43" t="s">
        <v>40</v>
      </c>
      <c r="AP132" s="43" t="s">
        <v>40</v>
      </c>
      <c r="AQ132" s="43" t="s">
        <v>40</v>
      </c>
      <c r="AR132" s="43" t="s">
        <v>40</v>
      </c>
      <c r="AS132" s="43" t="s">
        <v>40</v>
      </c>
      <c r="AT132" s="43" t="s">
        <v>40</v>
      </c>
      <c r="AU132" s="43" t="s">
        <v>40</v>
      </c>
      <c r="AV132" s="43" t="s">
        <v>40</v>
      </c>
      <c r="AW132" s="43" t="s">
        <v>40</v>
      </c>
      <c r="AX132" s="43" t="s">
        <v>40</v>
      </c>
      <c r="AY132" s="43" t="s">
        <v>40</v>
      </c>
      <c r="AZ132" s="43" t="s">
        <v>40</v>
      </c>
      <c r="BA132" s="43" t="s">
        <v>40</v>
      </c>
      <c r="BB132" s="43" t="s">
        <v>40</v>
      </c>
      <c r="BC132" s="43" t="s">
        <v>40</v>
      </c>
      <c r="BD132" s="43" t="s">
        <v>40</v>
      </c>
      <c r="BE132" s="43" t="s">
        <v>40</v>
      </c>
      <c r="BF132" s="43" t="s">
        <v>40</v>
      </c>
      <c r="BG132" s="43" t="s">
        <v>40</v>
      </c>
      <c r="BH132" s="43" t="s">
        <v>40</v>
      </c>
      <c r="BI132" s="43" t="s">
        <v>40</v>
      </c>
      <c r="BJ132" s="14"/>
      <c r="BK132" s="16"/>
      <c r="BL132" s="9"/>
      <c r="BM132" s="9"/>
      <c r="BN132" s="9"/>
      <c r="BO132" s="9" t="s">
        <v>34</v>
      </c>
      <c r="BP132" s="43" t="s">
        <v>40</v>
      </c>
      <c r="BQ132" s="43" t="s">
        <v>40</v>
      </c>
      <c r="BR132" s="43" t="s">
        <v>40</v>
      </c>
      <c r="BS132" s="43" t="s">
        <v>40</v>
      </c>
      <c r="BT132" s="43" t="s">
        <v>40</v>
      </c>
      <c r="BU132" s="43" t="s">
        <v>40</v>
      </c>
      <c r="BV132" s="43" t="s">
        <v>40</v>
      </c>
      <c r="BW132" s="43" t="s">
        <v>40</v>
      </c>
      <c r="BX132" s="43" t="s">
        <v>40</v>
      </c>
      <c r="BY132" s="43" t="s">
        <v>40</v>
      </c>
      <c r="BZ132" s="43" t="s">
        <v>40</v>
      </c>
      <c r="CA132" s="43" t="s">
        <v>40</v>
      </c>
      <c r="CB132" s="43" t="s">
        <v>40</v>
      </c>
      <c r="CC132" s="43" t="s">
        <v>40</v>
      </c>
      <c r="CD132" s="43" t="s">
        <v>40</v>
      </c>
      <c r="CE132" s="43" t="s">
        <v>40</v>
      </c>
      <c r="CF132" s="43" t="s">
        <v>40</v>
      </c>
      <c r="CG132" s="43" t="s">
        <v>40</v>
      </c>
      <c r="CH132" s="43" t="s">
        <v>40</v>
      </c>
      <c r="CI132" s="43" t="s">
        <v>40</v>
      </c>
      <c r="CJ132" s="43" t="s">
        <v>40</v>
      </c>
      <c r="CK132" s="43" t="s">
        <v>40</v>
      </c>
      <c r="CL132" s="43" t="s">
        <v>40</v>
      </c>
      <c r="CM132" s="43" t="s">
        <v>40</v>
      </c>
      <c r="CN132" s="43" t="s">
        <v>40</v>
      </c>
      <c r="CO132" s="20"/>
    </row>
    <row r="133" spans="1:93" x14ac:dyDescent="0.7">
      <c r="A133" s="7"/>
      <c r="E133" s="8" t="s">
        <v>35</v>
      </c>
      <c r="F133" s="43" t="s">
        <v>40</v>
      </c>
      <c r="G133" s="43" t="s">
        <v>40</v>
      </c>
      <c r="H133" s="43" t="s">
        <v>40</v>
      </c>
      <c r="I133" s="43" t="s">
        <v>40</v>
      </c>
      <c r="J133" s="43" t="s">
        <v>40</v>
      </c>
      <c r="K133" s="43" t="s">
        <v>40</v>
      </c>
      <c r="L133" s="43" t="s">
        <v>40</v>
      </c>
      <c r="M133" s="43" t="s">
        <v>40</v>
      </c>
      <c r="N133" s="43" t="s">
        <v>40</v>
      </c>
      <c r="O133" s="43" t="s">
        <v>40</v>
      </c>
      <c r="P133" s="43" t="s">
        <v>40</v>
      </c>
      <c r="Q133" s="43" t="s">
        <v>40</v>
      </c>
      <c r="R133" s="43" t="s">
        <v>40</v>
      </c>
      <c r="S133" s="42">
        <v>0</v>
      </c>
      <c r="T133" s="42">
        <v>0</v>
      </c>
      <c r="U133" s="42">
        <v>0</v>
      </c>
      <c r="V133" s="42">
        <v>0</v>
      </c>
      <c r="W133" s="42">
        <v>0</v>
      </c>
      <c r="X133" s="43" t="s">
        <v>40</v>
      </c>
      <c r="Y133" s="43" t="s">
        <v>40</v>
      </c>
      <c r="Z133" s="43" t="s">
        <v>40</v>
      </c>
      <c r="AA133" s="43" t="s">
        <v>40</v>
      </c>
      <c r="AB133" s="43" t="s">
        <v>40</v>
      </c>
      <c r="AC133" s="43" t="s">
        <v>40</v>
      </c>
      <c r="AD133" s="43" t="s">
        <v>40</v>
      </c>
      <c r="AE133" s="7"/>
      <c r="AF133" s="13"/>
      <c r="AG133" s="9"/>
      <c r="AH133" s="9"/>
      <c r="AI133" s="9"/>
      <c r="AJ133" s="9" t="s">
        <v>35</v>
      </c>
      <c r="AK133" s="43" t="s">
        <v>40</v>
      </c>
      <c r="AL133" s="43" t="s">
        <v>40</v>
      </c>
      <c r="AM133" s="43" t="s">
        <v>40</v>
      </c>
      <c r="AN133" s="43" t="s">
        <v>40</v>
      </c>
      <c r="AO133" s="43" t="s">
        <v>40</v>
      </c>
      <c r="AP133" s="43" t="s">
        <v>40</v>
      </c>
      <c r="AQ133" s="43" t="s">
        <v>40</v>
      </c>
      <c r="AR133" s="43" t="s">
        <v>40</v>
      </c>
      <c r="AS133" s="43" t="s">
        <v>40</v>
      </c>
      <c r="AT133" s="43" t="s">
        <v>40</v>
      </c>
      <c r="AU133" s="43" t="s">
        <v>40</v>
      </c>
      <c r="AV133" s="43" t="s">
        <v>40</v>
      </c>
      <c r="AW133" s="43" t="s">
        <v>40</v>
      </c>
      <c r="AX133" s="43" t="s">
        <v>40</v>
      </c>
      <c r="AY133" s="43" t="s">
        <v>40</v>
      </c>
      <c r="AZ133" s="43" t="s">
        <v>40</v>
      </c>
      <c r="BA133" s="43" t="s">
        <v>40</v>
      </c>
      <c r="BB133" s="43" t="s">
        <v>40</v>
      </c>
      <c r="BC133" s="43" t="s">
        <v>40</v>
      </c>
      <c r="BD133" s="43" t="s">
        <v>40</v>
      </c>
      <c r="BE133" s="43" t="s">
        <v>40</v>
      </c>
      <c r="BF133" s="43" t="s">
        <v>40</v>
      </c>
      <c r="BG133" s="43" t="s">
        <v>40</v>
      </c>
      <c r="BH133" s="43" t="s">
        <v>40</v>
      </c>
      <c r="BI133" s="43" t="s">
        <v>40</v>
      </c>
      <c r="BJ133" s="14"/>
      <c r="BK133" s="16"/>
      <c r="BL133" s="9"/>
      <c r="BM133" s="9"/>
      <c r="BN133" s="9"/>
      <c r="BO133" s="9" t="s">
        <v>35</v>
      </c>
      <c r="BP133" s="43" t="s">
        <v>40</v>
      </c>
      <c r="BQ133" s="43" t="s">
        <v>40</v>
      </c>
      <c r="BR133" s="43" t="s">
        <v>40</v>
      </c>
      <c r="BS133" s="43" t="s">
        <v>40</v>
      </c>
      <c r="BT133" s="43" t="s">
        <v>40</v>
      </c>
      <c r="BU133" s="43" t="s">
        <v>40</v>
      </c>
      <c r="BV133" s="43" t="s">
        <v>40</v>
      </c>
      <c r="BW133" s="43" t="s">
        <v>40</v>
      </c>
      <c r="BX133" s="43" t="s">
        <v>40</v>
      </c>
      <c r="BY133" s="43" t="s">
        <v>40</v>
      </c>
      <c r="BZ133" s="43" t="s">
        <v>40</v>
      </c>
      <c r="CA133" s="43" t="s">
        <v>40</v>
      </c>
      <c r="CB133" s="43" t="s">
        <v>40</v>
      </c>
      <c r="CC133" s="43" t="s">
        <v>40</v>
      </c>
      <c r="CD133" s="43" t="s">
        <v>40</v>
      </c>
      <c r="CE133" s="43" t="s">
        <v>40</v>
      </c>
      <c r="CF133" s="43" t="s">
        <v>40</v>
      </c>
      <c r="CG133" s="43" t="s">
        <v>40</v>
      </c>
      <c r="CH133" s="43" t="s">
        <v>40</v>
      </c>
      <c r="CI133" s="43" t="s">
        <v>40</v>
      </c>
      <c r="CJ133" s="43" t="s">
        <v>40</v>
      </c>
      <c r="CK133" s="43" t="s">
        <v>40</v>
      </c>
      <c r="CL133" s="43" t="s">
        <v>40</v>
      </c>
      <c r="CM133" s="43" t="s">
        <v>40</v>
      </c>
      <c r="CN133" s="43" t="s">
        <v>40</v>
      </c>
      <c r="CO133" s="20"/>
    </row>
    <row r="134" spans="1:93" x14ac:dyDescent="0.7">
      <c r="A134" s="7"/>
      <c r="E134" s="8" t="s">
        <v>36</v>
      </c>
      <c r="F134" s="43" t="s">
        <v>40</v>
      </c>
      <c r="G134" s="43" t="s">
        <v>40</v>
      </c>
      <c r="H134" s="43" t="s">
        <v>40</v>
      </c>
      <c r="I134" s="43" t="s">
        <v>40</v>
      </c>
      <c r="J134" s="43" t="s">
        <v>40</v>
      </c>
      <c r="K134" s="43" t="s">
        <v>40</v>
      </c>
      <c r="L134" s="43" t="s">
        <v>40</v>
      </c>
      <c r="M134" s="43" t="s">
        <v>40</v>
      </c>
      <c r="N134" s="43" t="s">
        <v>40</v>
      </c>
      <c r="O134" s="43" t="s">
        <v>40</v>
      </c>
      <c r="P134" s="43" t="s">
        <v>40</v>
      </c>
      <c r="Q134" s="43" t="s">
        <v>40</v>
      </c>
      <c r="R134" s="43" t="s">
        <v>40</v>
      </c>
      <c r="S134" s="42">
        <v>0</v>
      </c>
      <c r="T134" s="42">
        <v>0</v>
      </c>
      <c r="U134" s="42">
        <v>0</v>
      </c>
      <c r="V134" s="42">
        <v>0</v>
      </c>
      <c r="W134" s="42">
        <v>0</v>
      </c>
      <c r="X134" s="43" t="s">
        <v>40</v>
      </c>
      <c r="Y134" s="43" t="s">
        <v>40</v>
      </c>
      <c r="Z134" s="43" t="s">
        <v>40</v>
      </c>
      <c r="AA134" s="43" t="s">
        <v>40</v>
      </c>
      <c r="AB134" s="43" t="s">
        <v>40</v>
      </c>
      <c r="AC134" s="43" t="s">
        <v>40</v>
      </c>
      <c r="AD134" s="43" t="s">
        <v>40</v>
      </c>
      <c r="AE134" s="7"/>
      <c r="AF134" s="13"/>
      <c r="AG134" s="9"/>
      <c r="AH134" s="9"/>
      <c r="AI134" s="9"/>
      <c r="AJ134" s="9" t="s">
        <v>36</v>
      </c>
      <c r="AK134" s="43" t="s">
        <v>40</v>
      </c>
      <c r="AL134" s="43" t="s">
        <v>40</v>
      </c>
      <c r="AM134" s="43" t="s">
        <v>40</v>
      </c>
      <c r="AN134" s="43" t="s">
        <v>40</v>
      </c>
      <c r="AO134" s="43" t="s">
        <v>40</v>
      </c>
      <c r="AP134" s="43" t="s">
        <v>40</v>
      </c>
      <c r="AQ134" s="43" t="s">
        <v>40</v>
      </c>
      <c r="AR134" s="43" t="s">
        <v>40</v>
      </c>
      <c r="AS134" s="43" t="s">
        <v>40</v>
      </c>
      <c r="AT134" s="43" t="s">
        <v>40</v>
      </c>
      <c r="AU134" s="43" t="s">
        <v>40</v>
      </c>
      <c r="AV134" s="43" t="s">
        <v>40</v>
      </c>
      <c r="AW134" s="43" t="s">
        <v>40</v>
      </c>
      <c r="AX134" s="43" t="s">
        <v>40</v>
      </c>
      <c r="AY134" s="43" t="s">
        <v>40</v>
      </c>
      <c r="AZ134" s="43" t="s">
        <v>40</v>
      </c>
      <c r="BA134" s="43" t="s">
        <v>40</v>
      </c>
      <c r="BB134" s="43" t="s">
        <v>40</v>
      </c>
      <c r="BC134" s="43" t="s">
        <v>40</v>
      </c>
      <c r="BD134" s="43" t="s">
        <v>40</v>
      </c>
      <c r="BE134" s="43" t="s">
        <v>40</v>
      </c>
      <c r="BF134" s="43" t="s">
        <v>40</v>
      </c>
      <c r="BG134" s="43" t="s">
        <v>40</v>
      </c>
      <c r="BH134" s="43" t="s">
        <v>40</v>
      </c>
      <c r="BI134" s="43" t="s">
        <v>40</v>
      </c>
      <c r="BJ134" s="14"/>
      <c r="BK134" s="16"/>
      <c r="BL134" s="9"/>
      <c r="BM134" s="9"/>
      <c r="BN134" s="9"/>
      <c r="BO134" s="9" t="s">
        <v>36</v>
      </c>
      <c r="BP134" s="43" t="s">
        <v>40</v>
      </c>
      <c r="BQ134" s="43" t="s">
        <v>40</v>
      </c>
      <c r="BR134" s="43" t="s">
        <v>40</v>
      </c>
      <c r="BS134" s="43" t="s">
        <v>40</v>
      </c>
      <c r="BT134" s="43" t="s">
        <v>40</v>
      </c>
      <c r="BU134" s="43" t="s">
        <v>40</v>
      </c>
      <c r="BV134" s="43" t="s">
        <v>40</v>
      </c>
      <c r="BW134" s="43" t="s">
        <v>40</v>
      </c>
      <c r="BX134" s="43" t="s">
        <v>40</v>
      </c>
      <c r="BY134" s="43" t="s">
        <v>40</v>
      </c>
      <c r="BZ134" s="43" t="s">
        <v>40</v>
      </c>
      <c r="CA134" s="43" t="s">
        <v>40</v>
      </c>
      <c r="CB134" s="43" t="s">
        <v>40</v>
      </c>
      <c r="CC134" s="43" t="s">
        <v>40</v>
      </c>
      <c r="CD134" s="43" t="s">
        <v>40</v>
      </c>
      <c r="CE134" s="43" t="s">
        <v>40</v>
      </c>
      <c r="CF134" s="43" t="s">
        <v>40</v>
      </c>
      <c r="CG134" s="43" t="s">
        <v>40</v>
      </c>
      <c r="CH134" s="43" t="s">
        <v>40</v>
      </c>
      <c r="CI134" s="43" t="s">
        <v>40</v>
      </c>
      <c r="CJ134" s="43" t="s">
        <v>40</v>
      </c>
      <c r="CK134" s="43" t="s">
        <v>40</v>
      </c>
      <c r="CL134" s="43" t="s">
        <v>40</v>
      </c>
      <c r="CM134" s="43" t="s">
        <v>40</v>
      </c>
      <c r="CN134" s="43" t="s">
        <v>40</v>
      </c>
      <c r="CO134" s="20"/>
    </row>
    <row r="135" spans="1:93" x14ac:dyDescent="0.7">
      <c r="A135" s="7"/>
      <c r="D135" s="8" t="s">
        <v>39</v>
      </c>
      <c r="E135" s="8" t="s">
        <v>27</v>
      </c>
      <c r="F135" s="43" t="s">
        <v>40</v>
      </c>
      <c r="G135" s="43" t="s">
        <v>40</v>
      </c>
      <c r="H135" s="43" t="s">
        <v>40</v>
      </c>
      <c r="I135" s="43" t="s">
        <v>40</v>
      </c>
      <c r="J135" s="43" t="s">
        <v>40</v>
      </c>
      <c r="K135" s="43" t="s">
        <v>40</v>
      </c>
      <c r="L135" s="43" t="s">
        <v>40</v>
      </c>
      <c r="M135" s="43" t="s">
        <v>40</v>
      </c>
      <c r="N135" s="43" t="s">
        <v>40</v>
      </c>
      <c r="O135" s="43" t="s">
        <v>40</v>
      </c>
      <c r="P135" s="43" t="s">
        <v>40</v>
      </c>
      <c r="Q135" s="43" t="s">
        <v>40</v>
      </c>
      <c r="R135" s="43" t="s">
        <v>40</v>
      </c>
      <c r="S135" s="42">
        <v>0</v>
      </c>
      <c r="T135" s="42">
        <v>0</v>
      </c>
      <c r="U135" s="42">
        <v>0</v>
      </c>
      <c r="V135" s="42">
        <v>0</v>
      </c>
      <c r="W135" s="42">
        <v>0</v>
      </c>
      <c r="X135" s="43" t="s">
        <v>40</v>
      </c>
      <c r="Y135" s="43" t="s">
        <v>40</v>
      </c>
      <c r="Z135" s="43" t="s">
        <v>40</v>
      </c>
      <c r="AA135" s="43" t="s">
        <v>40</v>
      </c>
      <c r="AB135" s="43" t="s">
        <v>40</v>
      </c>
      <c r="AC135" s="43" t="s">
        <v>40</v>
      </c>
      <c r="AD135" s="43" t="s">
        <v>40</v>
      </c>
      <c r="AE135" s="7"/>
      <c r="AF135" s="13"/>
      <c r="AG135" s="9"/>
      <c r="AH135" s="9"/>
      <c r="AI135" s="9" t="s">
        <v>39</v>
      </c>
      <c r="AJ135" s="9" t="s">
        <v>27</v>
      </c>
      <c r="AK135" s="43" t="s">
        <v>40</v>
      </c>
      <c r="AL135" s="43" t="s">
        <v>40</v>
      </c>
      <c r="AM135" s="43" t="s">
        <v>40</v>
      </c>
      <c r="AN135" s="43" t="s">
        <v>40</v>
      </c>
      <c r="AO135" s="43" t="s">
        <v>40</v>
      </c>
      <c r="AP135" s="43" t="s">
        <v>40</v>
      </c>
      <c r="AQ135" s="43" t="s">
        <v>40</v>
      </c>
      <c r="AR135" s="43" t="s">
        <v>40</v>
      </c>
      <c r="AS135" s="43" t="s">
        <v>40</v>
      </c>
      <c r="AT135" s="43" t="s">
        <v>40</v>
      </c>
      <c r="AU135" s="43" t="s">
        <v>40</v>
      </c>
      <c r="AV135" s="43" t="s">
        <v>40</v>
      </c>
      <c r="AW135" s="43" t="s">
        <v>40</v>
      </c>
      <c r="AX135" s="43" t="s">
        <v>40</v>
      </c>
      <c r="AY135" s="43" t="s">
        <v>40</v>
      </c>
      <c r="AZ135" s="43" t="s">
        <v>40</v>
      </c>
      <c r="BA135" s="43" t="s">
        <v>40</v>
      </c>
      <c r="BB135" s="43" t="s">
        <v>40</v>
      </c>
      <c r="BC135" s="43" t="s">
        <v>40</v>
      </c>
      <c r="BD135" s="43" t="s">
        <v>40</v>
      </c>
      <c r="BE135" s="43" t="s">
        <v>40</v>
      </c>
      <c r="BF135" s="43" t="s">
        <v>40</v>
      </c>
      <c r="BG135" s="43" t="s">
        <v>40</v>
      </c>
      <c r="BH135" s="43" t="s">
        <v>40</v>
      </c>
      <c r="BI135" s="43" t="s">
        <v>40</v>
      </c>
      <c r="BJ135" s="14"/>
      <c r="BK135" s="16"/>
      <c r="BL135" s="9"/>
      <c r="BM135" s="9"/>
      <c r="BN135" s="9" t="s">
        <v>39</v>
      </c>
      <c r="BO135" s="9" t="s">
        <v>27</v>
      </c>
      <c r="BP135" s="43" t="s">
        <v>40</v>
      </c>
      <c r="BQ135" s="43" t="s">
        <v>40</v>
      </c>
      <c r="BR135" s="43" t="s">
        <v>40</v>
      </c>
      <c r="BS135" s="43" t="s">
        <v>40</v>
      </c>
      <c r="BT135" s="43" t="s">
        <v>40</v>
      </c>
      <c r="BU135" s="43" t="s">
        <v>40</v>
      </c>
      <c r="BV135" s="43" t="s">
        <v>40</v>
      </c>
      <c r="BW135" s="43" t="s">
        <v>40</v>
      </c>
      <c r="BX135" s="43" t="s">
        <v>40</v>
      </c>
      <c r="BY135" s="43" t="s">
        <v>40</v>
      </c>
      <c r="BZ135" s="43" t="s">
        <v>40</v>
      </c>
      <c r="CA135" s="43" t="s">
        <v>40</v>
      </c>
      <c r="CB135" s="43" t="s">
        <v>40</v>
      </c>
      <c r="CC135" s="43" t="s">
        <v>40</v>
      </c>
      <c r="CD135" s="43" t="s">
        <v>40</v>
      </c>
      <c r="CE135" s="43" t="s">
        <v>40</v>
      </c>
      <c r="CF135" s="43" t="s">
        <v>40</v>
      </c>
      <c r="CG135" s="43" t="s">
        <v>40</v>
      </c>
      <c r="CH135" s="43" t="s">
        <v>40</v>
      </c>
      <c r="CI135" s="43" t="s">
        <v>40</v>
      </c>
      <c r="CJ135" s="43" t="s">
        <v>40</v>
      </c>
      <c r="CK135" s="43" t="s">
        <v>40</v>
      </c>
      <c r="CL135" s="43" t="s">
        <v>40</v>
      </c>
      <c r="CM135" s="43" t="s">
        <v>40</v>
      </c>
      <c r="CN135" s="43" t="s">
        <v>40</v>
      </c>
      <c r="CO135" s="20"/>
    </row>
    <row r="136" spans="1:93" x14ac:dyDescent="0.7">
      <c r="A136" s="7"/>
      <c r="E136" s="8" t="s">
        <v>28</v>
      </c>
      <c r="F136" s="43" t="s">
        <v>40</v>
      </c>
      <c r="G136" s="43" t="s">
        <v>40</v>
      </c>
      <c r="H136" s="43" t="s">
        <v>40</v>
      </c>
      <c r="I136" s="43" t="s">
        <v>40</v>
      </c>
      <c r="J136" s="43" t="s">
        <v>40</v>
      </c>
      <c r="K136" s="43" t="s">
        <v>40</v>
      </c>
      <c r="L136" s="43" t="s">
        <v>40</v>
      </c>
      <c r="M136" s="43" t="s">
        <v>40</v>
      </c>
      <c r="N136" s="43" t="s">
        <v>40</v>
      </c>
      <c r="O136" s="43" t="s">
        <v>40</v>
      </c>
      <c r="P136" s="43" t="s">
        <v>40</v>
      </c>
      <c r="Q136" s="43" t="s">
        <v>40</v>
      </c>
      <c r="R136" s="43" t="s">
        <v>40</v>
      </c>
      <c r="S136" s="42">
        <v>0</v>
      </c>
      <c r="T136" s="42">
        <v>0</v>
      </c>
      <c r="U136" s="42">
        <v>0</v>
      </c>
      <c r="V136" s="42">
        <v>0</v>
      </c>
      <c r="W136" s="42">
        <v>0</v>
      </c>
      <c r="X136" s="43" t="s">
        <v>40</v>
      </c>
      <c r="Y136" s="43" t="s">
        <v>40</v>
      </c>
      <c r="Z136" s="43" t="s">
        <v>40</v>
      </c>
      <c r="AA136" s="43" t="s">
        <v>40</v>
      </c>
      <c r="AB136" s="43" t="s">
        <v>40</v>
      </c>
      <c r="AC136" s="43" t="s">
        <v>40</v>
      </c>
      <c r="AD136" s="43" t="s">
        <v>40</v>
      </c>
      <c r="AE136" s="7"/>
      <c r="AF136" s="13"/>
      <c r="AG136" s="9"/>
      <c r="AH136" s="9"/>
      <c r="AI136" s="9"/>
      <c r="AJ136" s="9" t="s">
        <v>28</v>
      </c>
      <c r="AK136" s="43" t="s">
        <v>40</v>
      </c>
      <c r="AL136" s="43" t="s">
        <v>40</v>
      </c>
      <c r="AM136" s="43" t="s">
        <v>40</v>
      </c>
      <c r="AN136" s="43" t="s">
        <v>40</v>
      </c>
      <c r="AO136" s="43" t="s">
        <v>40</v>
      </c>
      <c r="AP136" s="43" t="s">
        <v>40</v>
      </c>
      <c r="AQ136" s="43" t="s">
        <v>40</v>
      </c>
      <c r="AR136" s="43" t="s">
        <v>40</v>
      </c>
      <c r="AS136" s="43" t="s">
        <v>40</v>
      </c>
      <c r="AT136" s="43" t="s">
        <v>40</v>
      </c>
      <c r="AU136" s="43" t="s">
        <v>40</v>
      </c>
      <c r="AV136" s="43" t="s">
        <v>40</v>
      </c>
      <c r="AW136" s="43" t="s">
        <v>40</v>
      </c>
      <c r="AX136" s="43" t="s">
        <v>40</v>
      </c>
      <c r="AY136" s="43" t="s">
        <v>40</v>
      </c>
      <c r="AZ136" s="43" t="s">
        <v>40</v>
      </c>
      <c r="BA136" s="43" t="s">
        <v>40</v>
      </c>
      <c r="BB136" s="43" t="s">
        <v>40</v>
      </c>
      <c r="BC136" s="43" t="s">
        <v>40</v>
      </c>
      <c r="BD136" s="43" t="s">
        <v>40</v>
      </c>
      <c r="BE136" s="43" t="s">
        <v>40</v>
      </c>
      <c r="BF136" s="43" t="s">
        <v>40</v>
      </c>
      <c r="BG136" s="43" t="s">
        <v>40</v>
      </c>
      <c r="BH136" s="43" t="s">
        <v>40</v>
      </c>
      <c r="BI136" s="43" t="s">
        <v>40</v>
      </c>
      <c r="BJ136" s="14"/>
      <c r="BK136" s="16"/>
      <c r="BL136" s="9"/>
      <c r="BM136" s="9"/>
      <c r="BN136" s="9"/>
      <c r="BO136" s="9" t="s">
        <v>28</v>
      </c>
      <c r="BP136" s="43" t="s">
        <v>40</v>
      </c>
      <c r="BQ136" s="43" t="s">
        <v>40</v>
      </c>
      <c r="BR136" s="43" t="s">
        <v>40</v>
      </c>
      <c r="BS136" s="43" t="s">
        <v>40</v>
      </c>
      <c r="BT136" s="43" t="s">
        <v>40</v>
      </c>
      <c r="BU136" s="43" t="s">
        <v>40</v>
      </c>
      <c r="BV136" s="43" t="s">
        <v>40</v>
      </c>
      <c r="BW136" s="43" t="s">
        <v>40</v>
      </c>
      <c r="BX136" s="43" t="s">
        <v>40</v>
      </c>
      <c r="BY136" s="43" t="s">
        <v>40</v>
      </c>
      <c r="BZ136" s="43" t="s">
        <v>40</v>
      </c>
      <c r="CA136" s="43" t="s">
        <v>40</v>
      </c>
      <c r="CB136" s="43" t="s">
        <v>40</v>
      </c>
      <c r="CC136" s="43" t="s">
        <v>40</v>
      </c>
      <c r="CD136" s="43" t="s">
        <v>40</v>
      </c>
      <c r="CE136" s="43" t="s">
        <v>40</v>
      </c>
      <c r="CF136" s="43" t="s">
        <v>40</v>
      </c>
      <c r="CG136" s="43" t="s">
        <v>40</v>
      </c>
      <c r="CH136" s="43" t="s">
        <v>40</v>
      </c>
      <c r="CI136" s="43" t="s">
        <v>40</v>
      </c>
      <c r="CJ136" s="43" t="s">
        <v>40</v>
      </c>
      <c r="CK136" s="43" t="s">
        <v>40</v>
      </c>
      <c r="CL136" s="43" t="s">
        <v>40</v>
      </c>
      <c r="CM136" s="43" t="s">
        <v>40</v>
      </c>
      <c r="CN136" s="43" t="s">
        <v>40</v>
      </c>
      <c r="CO136" s="20"/>
    </row>
    <row r="137" spans="1:93" x14ac:dyDescent="0.7">
      <c r="A137" s="7"/>
      <c r="E137" s="8" t="s">
        <v>29</v>
      </c>
      <c r="F137" s="43" t="s">
        <v>40</v>
      </c>
      <c r="G137" s="43" t="s">
        <v>40</v>
      </c>
      <c r="H137" s="43" t="s">
        <v>40</v>
      </c>
      <c r="I137" s="43" t="s">
        <v>40</v>
      </c>
      <c r="J137" s="43" t="s">
        <v>40</v>
      </c>
      <c r="K137" s="43" t="s">
        <v>40</v>
      </c>
      <c r="L137" s="43" t="s">
        <v>40</v>
      </c>
      <c r="M137" s="43" t="s">
        <v>40</v>
      </c>
      <c r="N137" s="43" t="s">
        <v>40</v>
      </c>
      <c r="O137" s="43" t="s">
        <v>40</v>
      </c>
      <c r="P137" s="43" t="s">
        <v>40</v>
      </c>
      <c r="Q137" s="43" t="s">
        <v>40</v>
      </c>
      <c r="R137" s="43" t="s">
        <v>40</v>
      </c>
      <c r="S137" s="42">
        <v>0</v>
      </c>
      <c r="T137" s="42">
        <v>0</v>
      </c>
      <c r="U137" s="42">
        <v>0</v>
      </c>
      <c r="V137" s="42">
        <v>0</v>
      </c>
      <c r="W137" s="42">
        <v>0</v>
      </c>
      <c r="X137" s="43" t="s">
        <v>40</v>
      </c>
      <c r="Y137" s="43" t="s">
        <v>40</v>
      </c>
      <c r="Z137" s="43" t="s">
        <v>40</v>
      </c>
      <c r="AA137" s="43" t="s">
        <v>40</v>
      </c>
      <c r="AB137" s="43" t="s">
        <v>40</v>
      </c>
      <c r="AC137" s="43" t="s">
        <v>40</v>
      </c>
      <c r="AD137" s="43" t="s">
        <v>40</v>
      </c>
      <c r="AE137" s="7"/>
      <c r="AF137" s="13"/>
      <c r="AG137" s="9"/>
      <c r="AH137" s="9"/>
      <c r="AI137" s="9"/>
      <c r="AJ137" s="9" t="s">
        <v>29</v>
      </c>
      <c r="AK137" s="43" t="s">
        <v>40</v>
      </c>
      <c r="AL137" s="43" t="s">
        <v>40</v>
      </c>
      <c r="AM137" s="43" t="s">
        <v>40</v>
      </c>
      <c r="AN137" s="43" t="s">
        <v>40</v>
      </c>
      <c r="AO137" s="43" t="s">
        <v>40</v>
      </c>
      <c r="AP137" s="43" t="s">
        <v>40</v>
      </c>
      <c r="AQ137" s="43" t="s">
        <v>40</v>
      </c>
      <c r="AR137" s="43" t="s">
        <v>40</v>
      </c>
      <c r="AS137" s="43" t="s">
        <v>40</v>
      </c>
      <c r="AT137" s="43" t="s">
        <v>40</v>
      </c>
      <c r="AU137" s="43" t="s">
        <v>40</v>
      </c>
      <c r="AV137" s="43" t="s">
        <v>40</v>
      </c>
      <c r="AW137" s="43" t="s">
        <v>40</v>
      </c>
      <c r="AX137" s="43" t="s">
        <v>40</v>
      </c>
      <c r="AY137" s="43" t="s">
        <v>40</v>
      </c>
      <c r="AZ137" s="43" t="s">
        <v>40</v>
      </c>
      <c r="BA137" s="43" t="s">
        <v>40</v>
      </c>
      <c r="BB137" s="43" t="s">
        <v>40</v>
      </c>
      <c r="BC137" s="43" t="s">
        <v>40</v>
      </c>
      <c r="BD137" s="43" t="s">
        <v>40</v>
      </c>
      <c r="BE137" s="43" t="s">
        <v>40</v>
      </c>
      <c r="BF137" s="43" t="s">
        <v>40</v>
      </c>
      <c r="BG137" s="43" t="s">
        <v>40</v>
      </c>
      <c r="BH137" s="43" t="s">
        <v>40</v>
      </c>
      <c r="BI137" s="43" t="s">
        <v>40</v>
      </c>
      <c r="BJ137" s="14"/>
      <c r="BK137" s="16"/>
      <c r="BL137" s="9"/>
      <c r="BM137" s="9"/>
      <c r="BN137" s="9"/>
      <c r="BO137" s="9" t="s">
        <v>29</v>
      </c>
      <c r="BP137" s="43" t="s">
        <v>40</v>
      </c>
      <c r="BQ137" s="43" t="s">
        <v>40</v>
      </c>
      <c r="BR137" s="43" t="s">
        <v>40</v>
      </c>
      <c r="BS137" s="43" t="s">
        <v>40</v>
      </c>
      <c r="BT137" s="43" t="s">
        <v>40</v>
      </c>
      <c r="BU137" s="43" t="s">
        <v>40</v>
      </c>
      <c r="BV137" s="43" t="s">
        <v>40</v>
      </c>
      <c r="BW137" s="43" t="s">
        <v>40</v>
      </c>
      <c r="BX137" s="43" t="s">
        <v>40</v>
      </c>
      <c r="BY137" s="43" t="s">
        <v>40</v>
      </c>
      <c r="BZ137" s="43" t="s">
        <v>40</v>
      </c>
      <c r="CA137" s="43" t="s">
        <v>40</v>
      </c>
      <c r="CB137" s="43" t="s">
        <v>40</v>
      </c>
      <c r="CC137" s="43" t="s">
        <v>40</v>
      </c>
      <c r="CD137" s="43" t="s">
        <v>40</v>
      </c>
      <c r="CE137" s="43" t="s">
        <v>40</v>
      </c>
      <c r="CF137" s="43" t="s">
        <v>40</v>
      </c>
      <c r="CG137" s="43" t="s">
        <v>40</v>
      </c>
      <c r="CH137" s="43" t="s">
        <v>40</v>
      </c>
      <c r="CI137" s="43" t="s">
        <v>40</v>
      </c>
      <c r="CJ137" s="43" t="s">
        <v>40</v>
      </c>
      <c r="CK137" s="43" t="s">
        <v>40</v>
      </c>
      <c r="CL137" s="43" t="s">
        <v>40</v>
      </c>
      <c r="CM137" s="43" t="s">
        <v>40</v>
      </c>
      <c r="CN137" s="43" t="s">
        <v>40</v>
      </c>
      <c r="CO137" s="20"/>
    </row>
    <row r="138" spans="1:93" x14ac:dyDescent="0.7">
      <c r="A138" s="7"/>
      <c r="E138" s="8" t="s">
        <v>30</v>
      </c>
      <c r="F138" s="43" t="s">
        <v>40</v>
      </c>
      <c r="G138" s="43" t="s">
        <v>40</v>
      </c>
      <c r="H138" s="43" t="s">
        <v>40</v>
      </c>
      <c r="I138" s="43" t="s">
        <v>40</v>
      </c>
      <c r="J138" s="43" t="s">
        <v>40</v>
      </c>
      <c r="K138" s="43" t="s">
        <v>40</v>
      </c>
      <c r="L138" s="43" t="s">
        <v>40</v>
      </c>
      <c r="M138" s="43" t="s">
        <v>40</v>
      </c>
      <c r="N138" s="43" t="s">
        <v>40</v>
      </c>
      <c r="O138" s="43" t="s">
        <v>40</v>
      </c>
      <c r="P138" s="43" t="s">
        <v>40</v>
      </c>
      <c r="Q138" s="43" t="s">
        <v>40</v>
      </c>
      <c r="R138" s="43" t="s">
        <v>40</v>
      </c>
      <c r="S138" s="42">
        <v>0</v>
      </c>
      <c r="T138" s="42">
        <v>0</v>
      </c>
      <c r="U138" s="42">
        <v>0</v>
      </c>
      <c r="V138" s="42">
        <v>0</v>
      </c>
      <c r="W138" s="42">
        <v>0</v>
      </c>
      <c r="X138" s="43" t="s">
        <v>40</v>
      </c>
      <c r="Y138" s="43" t="s">
        <v>40</v>
      </c>
      <c r="Z138" s="43" t="s">
        <v>40</v>
      </c>
      <c r="AA138" s="43" t="s">
        <v>40</v>
      </c>
      <c r="AB138" s="43" t="s">
        <v>40</v>
      </c>
      <c r="AC138" s="43" t="s">
        <v>40</v>
      </c>
      <c r="AD138" s="43" t="s">
        <v>40</v>
      </c>
      <c r="AE138" s="7"/>
      <c r="AF138" s="13"/>
      <c r="AG138" s="9"/>
      <c r="AH138" s="9"/>
      <c r="AI138" s="9"/>
      <c r="AJ138" s="9" t="s">
        <v>30</v>
      </c>
      <c r="AK138" s="43" t="s">
        <v>40</v>
      </c>
      <c r="AL138" s="43" t="s">
        <v>40</v>
      </c>
      <c r="AM138" s="43" t="s">
        <v>40</v>
      </c>
      <c r="AN138" s="43" t="s">
        <v>40</v>
      </c>
      <c r="AO138" s="43" t="s">
        <v>40</v>
      </c>
      <c r="AP138" s="43" t="s">
        <v>40</v>
      </c>
      <c r="AQ138" s="43" t="s">
        <v>40</v>
      </c>
      <c r="AR138" s="43" t="s">
        <v>40</v>
      </c>
      <c r="AS138" s="43" t="s">
        <v>40</v>
      </c>
      <c r="AT138" s="43" t="s">
        <v>40</v>
      </c>
      <c r="AU138" s="43" t="s">
        <v>40</v>
      </c>
      <c r="AV138" s="43" t="s">
        <v>40</v>
      </c>
      <c r="AW138" s="43" t="s">
        <v>40</v>
      </c>
      <c r="AX138" s="43" t="s">
        <v>40</v>
      </c>
      <c r="AY138" s="43" t="s">
        <v>40</v>
      </c>
      <c r="AZ138" s="43" t="s">
        <v>40</v>
      </c>
      <c r="BA138" s="43" t="s">
        <v>40</v>
      </c>
      <c r="BB138" s="43" t="s">
        <v>40</v>
      </c>
      <c r="BC138" s="43" t="s">
        <v>40</v>
      </c>
      <c r="BD138" s="43" t="s">
        <v>40</v>
      </c>
      <c r="BE138" s="43" t="s">
        <v>40</v>
      </c>
      <c r="BF138" s="43" t="s">
        <v>40</v>
      </c>
      <c r="BG138" s="43" t="s">
        <v>40</v>
      </c>
      <c r="BH138" s="43" t="s">
        <v>40</v>
      </c>
      <c r="BI138" s="43" t="s">
        <v>40</v>
      </c>
      <c r="BJ138" s="14"/>
      <c r="BK138" s="16"/>
      <c r="BL138" s="9"/>
      <c r="BM138" s="9"/>
      <c r="BN138" s="9"/>
      <c r="BO138" s="9" t="s">
        <v>30</v>
      </c>
      <c r="BP138" s="43" t="s">
        <v>40</v>
      </c>
      <c r="BQ138" s="43" t="s">
        <v>40</v>
      </c>
      <c r="BR138" s="43" t="s">
        <v>40</v>
      </c>
      <c r="BS138" s="43" t="s">
        <v>40</v>
      </c>
      <c r="BT138" s="43" t="s">
        <v>40</v>
      </c>
      <c r="BU138" s="43" t="s">
        <v>40</v>
      </c>
      <c r="BV138" s="43" t="s">
        <v>40</v>
      </c>
      <c r="BW138" s="43" t="s">
        <v>40</v>
      </c>
      <c r="BX138" s="43" t="s">
        <v>40</v>
      </c>
      <c r="BY138" s="43" t="s">
        <v>40</v>
      </c>
      <c r="BZ138" s="43" t="s">
        <v>40</v>
      </c>
      <c r="CA138" s="43" t="s">
        <v>40</v>
      </c>
      <c r="CB138" s="43" t="s">
        <v>40</v>
      </c>
      <c r="CC138" s="43" t="s">
        <v>40</v>
      </c>
      <c r="CD138" s="43" t="s">
        <v>40</v>
      </c>
      <c r="CE138" s="43" t="s">
        <v>40</v>
      </c>
      <c r="CF138" s="43" t="s">
        <v>40</v>
      </c>
      <c r="CG138" s="43" t="s">
        <v>40</v>
      </c>
      <c r="CH138" s="43" t="s">
        <v>40</v>
      </c>
      <c r="CI138" s="43" t="s">
        <v>40</v>
      </c>
      <c r="CJ138" s="43" t="s">
        <v>40</v>
      </c>
      <c r="CK138" s="43" t="s">
        <v>40</v>
      </c>
      <c r="CL138" s="43" t="s">
        <v>40</v>
      </c>
      <c r="CM138" s="43" t="s">
        <v>40</v>
      </c>
      <c r="CN138" s="43" t="s">
        <v>40</v>
      </c>
      <c r="CO138" s="20"/>
    </row>
    <row r="139" spans="1:93" x14ac:dyDescent="0.7">
      <c r="A139" s="7"/>
      <c r="E139" s="8" t="s">
        <v>31</v>
      </c>
      <c r="F139" s="43" t="s">
        <v>40</v>
      </c>
      <c r="G139" s="43" t="s">
        <v>40</v>
      </c>
      <c r="H139" s="43" t="s">
        <v>40</v>
      </c>
      <c r="I139" s="43" t="s">
        <v>40</v>
      </c>
      <c r="J139" s="43" t="s">
        <v>40</v>
      </c>
      <c r="K139" s="43" t="s">
        <v>40</v>
      </c>
      <c r="L139" s="43" t="s">
        <v>40</v>
      </c>
      <c r="M139" s="43" t="s">
        <v>40</v>
      </c>
      <c r="N139" s="43" t="s">
        <v>40</v>
      </c>
      <c r="O139" s="43" t="s">
        <v>40</v>
      </c>
      <c r="P139" s="43" t="s">
        <v>40</v>
      </c>
      <c r="Q139" s="43" t="s">
        <v>40</v>
      </c>
      <c r="R139" s="43" t="s">
        <v>40</v>
      </c>
      <c r="S139" s="42">
        <v>0</v>
      </c>
      <c r="T139" s="42">
        <v>0</v>
      </c>
      <c r="U139" s="42">
        <v>0</v>
      </c>
      <c r="V139" s="42">
        <v>0</v>
      </c>
      <c r="W139" s="42">
        <v>0</v>
      </c>
      <c r="X139" s="43" t="s">
        <v>40</v>
      </c>
      <c r="Y139" s="43" t="s">
        <v>40</v>
      </c>
      <c r="Z139" s="43" t="s">
        <v>40</v>
      </c>
      <c r="AA139" s="43" t="s">
        <v>40</v>
      </c>
      <c r="AB139" s="43" t="s">
        <v>40</v>
      </c>
      <c r="AC139" s="43" t="s">
        <v>40</v>
      </c>
      <c r="AD139" s="43" t="s">
        <v>40</v>
      </c>
      <c r="AE139" s="7"/>
      <c r="AF139" s="13"/>
      <c r="AG139" s="9"/>
      <c r="AH139" s="9"/>
      <c r="AI139" s="9"/>
      <c r="AJ139" s="9" t="s">
        <v>31</v>
      </c>
      <c r="AK139" s="43" t="s">
        <v>40</v>
      </c>
      <c r="AL139" s="43" t="s">
        <v>40</v>
      </c>
      <c r="AM139" s="43" t="s">
        <v>40</v>
      </c>
      <c r="AN139" s="43" t="s">
        <v>40</v>
      </c>
      <c r="AO139" s="43" t="s">
        <v>40</v>
      </c>
      <c r="AP139" s="43" t="s">
        <v>40</v>
      </c>
      <c r="AQ139" s="43" t="s">
        <v>40</v>
      </c>
      <c r="AR139" s="43" t="s">
        <v>40</v>
      </c>
      <c r="AS139" s="43" t="s">
        <v>40</v>
      </c>
      <c r="AT139" s="43" t="s">
        <v>40</v>
      </c>
      <c r="AU139" s="43" t="s">
        <v>40</v>
      </c>
      <c r="AV139" s="43" t="s">
        <v>40</v>
      </c>
      <c r="AW139" s="43" t="s">
        <v>40</v>
      </c>
      <c r="AX139" s="43" t="s">
        <v>40</v>
      </c>
      <c r="AY139" s="43" t="s">
        <v>40</v>
      </c>
      <c r="AZ139" s="43" t="s">
        <v>40</v>
      </c>
      <c r="BA139" s="43" t="s">
        <v>40</v>
      </c>
      <c r="BB139" s="43" t="s">
        <v>40</v>
      </c>
      <c r="BC139" s="43" t="s">
        <v>40</v>
      </c>
      <c r="BD139" s="43" t="s">
        <v>40</v>
      </c>
      <c r="BE139" s="43" t="s">
        <v>40</v>
      </c>
      <c r="BF139" s="43" t="s">
        <v>40</v>
      </c>
      <c r="BG139" s="43" t="s">
        <v>40</v>
      </c>
      <c r="BH139" s="43" t="s">
        <v>40</v>
      </c>
      <c r="BI139" s="43" t="s">
        <v>40</v>
      </c>
      <c r="BJ139" s="14"/>
      <c r="BK139" s="16"/>
      <c r="BL139" s="9"/>
      <c r="BM139" s="9"/>
      <c r="BN139" s="9"/>
      <c r="BO139" s="9" t="s">
        <v>31</v>
      </c>
      <c r="BP139" s="43" t="s">
        <v>40</v>
      </c>
      <c r="BQ139" s="43" t="s">
        <v>40</v>
      </c>
      <c r="BR139" s="43" t="s">
        <v>40</v>
      </c>
      <c r="BS139" s="43" t="s">
        <v>40</v>
      </c>
      <c r="BT139" s="43" t="s">
        <v>40</v>
      </c>
      <c r="BU139" s="43" t="s">
        <v>40</v>
      </c>
      <c r="BV139" s="43" t="s">
        <v>40</v>
      </c>
      <c r="BW139" s="43" t="s">
        <v>40</v>
      </c>
      <c r="BX139" s="43" t="s">
        <v>40</v>
      </c>
      <c r="BY139" s="43" t="s">
        <v>40</v>
      </c>
      <c r="BZ139" s="43" t="s">
        <v>40</v>
      </c>
      <c r="CA139" s="43" t="s">
        <v>40</v>
      </c>
      <c r="CB139" s="43" t="s">
        <v>40</v>
      </c>
      <c r="CC139" s="43" t="s">
        <v>40</v>
      </c>
      <c r="CD139" s="43" t="s">
        <v>40</v>
      </c>
      <c r="CE139" s="43" t="s">
        <v>40</v>
      </c>
      <c r="CF139" s="43" t="s">
        <v>40</v>
      </c>
      <c r="CG139" s="43" t="s">
        <v>40</v>
      </c>
      <c r="CH139" s="43" t="s">
        <v>40</v>
      </c>
      <c r="CI139" s="43" t="s">
        <v>40</v>
      </c>
      <c r="CJ139" s="43" t="s">
        <v>40</v>
      </c>
      <c r="CK139" s="43" t="s">
        <v>40</v>
      </c>
      <c r="CL139" s="43" t="s">
        <v>40</v>
      </c>
      <c r="CM139" s="43" t="s">
        <v>40</v>
      </c>
      <c r="CN139" s="43" t="s">
        <v>40</v>
      </c>
      <c r="CO139" s="20"/>
    </row>
    <row r="140" spans="1:93" x14ac:dyDescent="0.7">
      <c r="A140" s="7"/>
      <c r="E140" s="8" t="s">
        <v>32</v>
      </c>
      <c r="F140" s="43" t="s">
        <v>40</v>
      </c>
      <c r="G140" s="43" t="s">
        <v>40</v>
      </c>
      <c r="H140" s="43" t="s">
        <v>40</v>
      </c>
      <c r="I140" s="43" t="s">
        <v>40</v>
      </c>
      <c r="J140" s="43" t="s">
        <v>40</v>
      </c>
      <c r="K140" s="43" t="s">
        <v>40</v>
      </c>
      <c r="L140" s="43" t="s">
        <v>40</v>
      </c>
      <c r="M140" s="43" t="s">
        <v>40</v>
      </c>
      <c r="N140" s="43" t="s">
        <v>40</v>
      </c>
      <c r="O140" s="43" t="s">
        <v>40</v>
      </c>
      <c r="P140" s="43" t="s">
        <v>40</v>
      </c>
      <c r="Q140" s="43" t="s">
        <v>40</v>
      </c>
      <c r="R140" s="43" t="s">
        <v>40</v>
      </c>
      <c r="S140" s="42">
        <v>0</v>
      </c>
      <c r="T140" s="42">
        <v>0</v>
      </c>
      <c r="U140" s="42">
        <v>0</v>
      </c>
      <c r="V140" s="42">
        <v>0</v>
      </c>
      <c r="W140" s="42">
        <v>0</v>
      </c>
      <c r="X140" s="43" t="s">
        <v>40</v>
      </c>
      <c r="Y140" s="43" t="s">
        <v>40</v>
      </c>
      <c r="Z140" s="43" t="s">
        <v>40</v>
      </c>
      <c r="AA140" s="43" t="s">
        <v>40</v>
      </c>
      <c r="AB140" s="43" t="s">
        <v>40</v>
      </c>
      <c r="AC140" s="43" t="s">
        <v>40</v>
      </c>
      <c r="AD140" s="43" t="s">
        <v>40</v>
      </c>
      <c r="AE140" s="7"/>
      <c r="AF140" s="13"/>
      <c r="AG140" s="9"/>
      <c r="AH140" s="9"/>
      <c r="AI140" s="9"/>
      <c r="AJ140" s="9" t="s">
        <v>32</v>
      </c>
      <c r="AK140" s="43" t="s">
        <v>40</v>
      </c>
      <c r="AL140" s="43" t="s">
        <v>40</v>
      </c>
      <c r="AM140" s="43" t="s">
        <v>40</v>
      </c>
      <c r="AN140" s="43" t="s">
        <v>40</v>
      </c>
      <c r="AO140" s="43" t="s">
        <v>40</v>
      </c>
      <c r="AP140" s="43" t="s">
        <v>40</v>
      </c>
      <c r="AQ140" s="43" t="s">
        <v>40</v>
      </c>
      <c r="AR140" s="43" t="s">
        <v>40</v>
      </c>
      <c r="AS140" s="43" t="s">
        <v>40</v>
      </c>
      <c r="AT140" s="43" t="s">
        <v>40</v>
      </c>
      <c r="AU140" s="43" t="s">
        <v>40</v>
      </c>
      <c r="AV140" s="43" t="s">
        <v>40</v>
      </c>
      <c r="AW140" s="43" t="s">
        <v>40</v>
      </c>
      <c r="AX140" s="43" t="s">
        <v>40</v>
      </c>
      <c r="AY140" s="43" t="s">
        <v>40</v>
      </c>
      <c r="AZ140" s="43" t="s">
        <v>40</v>
      </c>
      <c r="BA140" s="43" t="s">
        <v>40</v>
      </c>
      <c r="BB140" s="43" t="s">
        <v>40</v>
      </c>
      <c r="BC140" s="43" t="s">
        <v>40</v>
      </c>
      <c r="BD140" s="43" t="s">
        <v>40</v>
      </c>
      <c r="BE140" s="43" t="s">
        <v>40</v>
      </c>
      <c r="BF140" s="43" t="s">
        <v>40</v>
      </c>
      <c r="BG140" s="43" t="s">
        <v>40</v>
      </c>
      <c r="BH140" s="43" t="s">
        <v>40</v>
      </c>
      <c r="BI140" s="43" t="s">
        <v>40</v>
      </c>
      <c r="BJ140" s="14"/>
      <c r="BK140" s="16"/>
      <c r="BL140" s="9"/>
      <c r="BM140" s="9"/>
      <c r="BN140" s="9"/>
      <c r="BO140" s="9" t="s">
        <v>32</v>
      </c>
      <c r="BP140" s="43" t="s">
        <v>40</v>
      </c>
      <c r="BQ140" s="43" t="s">
        <v>40</v>
      </c>
      <c r="BR140" s="43" t="s">
        <v>40</v>
      </c>
      <c r="BS140" s="43" t="s">
        <v>40</v>
      </c>
      <c r="BT140" s="43" t="s">
        <v>40</v>
      </c>
      <c r="BU140" s="43" t="s">
        <v>40</v>
      </c>
      <c r="BV140" s="43" t="s">
        <v>40</v>
      </c>
      <c r="BW140" s="43" t="s">
        <v>40</v>
      </c>
      <c r="BX140" s="43" t="s">
        <v>40</v>
      </c>
      <c r="BY140" s="43" t="s">
        <v>40</v>
      </c>
      <c r="BZ140" s="43" t="s">
        <v>40</v>
      </c>
      <c r="CA140" s="43" t="s">
        <v>40</v>
      </c>
      <c r="CB140" s="43" t="s">
        <v>40</v>
      </c>
      <c r="CC140" s="43" t="s">
        <v>40</v>
      </c>
      <c r="CD140" s="43" t="s">
        <v>40</v>
      </c>
      <c r="CE140" s="43" t="s">
        <v>40</v>
      </c>
      <c r="CF140" s="43" t="s">
        <v>40</v>
      </c>
      <c r="CG140" s="43" t="s">
        <v>40</v>
      </c>
      <c r="CH140" s="43" t="s">
        <v>40</v>
      </c>
      <c r="CI140" s="43" t="s">
        <v>40</v>
      </c>
      <c r="CJ140" s="43" t="s">
        <v>40</v>
      </c>
      <c r="CK140" s="43" t="s">
        <v>40</v>
      </c>
      <c r="CL140" s="43" t="s">
        <v>40</v>
      </c>
      <c r="CM140" s="43" t="s">
        <v>40</v>
      </c>
      <c r="CN140" s="43" t="s">
        <v>40</v>
      </c>
      <c r="CO140" s="20"/>
    </row>
    <row r="141" spans="1:93" x14ac:dyDescent="0.7">
      <c r="A141" s="7"/>
      <c r="E141" s="8" t="s">
        <v>33</v>
      </c>
      <c r="F141" s="43" t="s">
        <v>40</v>
      </c>
      <c r="G141" s="43" t="s">
        <v>40</v>
      </c>
      <c r="H141" s="43" t="s">
        <v>40</v>
      </c>
      <c r="I141" s="43" t="s">
        <v>40</v>
      </c>
      <c r="J141" s="43" t="s">
        <v>40</v>
      </c>
      <c r="K141" s="43" t="s">
        <v>40</v>
      </c>
      <c r="L141" s="43" t="s">
        <v>40</v>
      </c>
      <c r="M141" s="43" t="s">
        <v>40</v>
      </c>
      <c r="N141" s="43" t="s">
        <v>40</v>
      </c>
      <c r="O141" s="43" t="s">
        <v>40</v>
      </c>
      <c r="P141" s="43" t="s">
        <v>40</v>
      </c>
      <c r="Q141" s="43" t="s">
        <v>40</v>
      </c>
      <c r="R141" s="43" t="s">
        <v>40</v>
      </c>
      <c r="S141" s="42">
        <v>0</v>
      </c>
      <c r="T141" s="42">
        <v>0</v>
      </c>
      <c r="U141" s="42">
        <v>0</v>
      </c>
      <c r="V141" s="42">
        <v>0</v>
      </c>
      <c r="W141" s="42">
        <v>0</v>
      </c>
      <c r="X141" s="43" t="s">
        <v>40</v>
      </c>
      <c r="Y141" s="43" t="s">
        <v>40</v>
      </c>
      <c r="Z141" s="43" t="s">
        <v>40</v>
      </c>
      <c r="AA141" s="43" t="s">
        <v>40</v>
      </c>
      <c r="AB141" s="43" t="s">
        <v>40</v>
      </c>
      <c r="AC141" s="43" t="s">
        <v>40</v>
      </c>
      <c r="AD141" s="43" t="s">
        <v>40</v>
      </c>
      <c r="AE141" s="7"/>
      <c r="AF141" s="13"/>
      <c r="AG141" s="9"/>
      <c r="AH141" s="9"/>
      <c r="AI141" s="9"/>
      <c r="AJ141" s="9" t="s">
        <v>33</v>
      </c>
      <c r="AK141" s="43" t="s">
        <v>40</v>
      </c>
      <c r="AL141" s="43" t="s">
        <v>40</v>
      </c>
      <c r="AM141" s="43" t="s">
        <v>40</v>
      </c>
      <c r="AN141" s="43" t="s">
        <v>40</v>
      </c>
      <c r="AO141" s="43" t="s">
        <v>40</v>
      </c>
      <c r="AP141" s="43" t="s">
        <v>40</v>
      </c>
      <c r="AQ141" s="43" t="s">
        <v>40</v>
      </c>
      <c r="AR141" s="43" t="s">
        <v>40</v>
      </c>
      <c r="AS141" s="43" t="s">
        <v>40</v>
      </c>
      <c r="AT141" s="43" t="s">
        <v>40</v>
      </c>
      <c r="AU141" s="43" t="s">
        <v>40</v>
      </c>
      <c r="AV141" s="43" t="s">
        <v>40</v>
      </c>
      <c r="AW141" s="43" t="s">
        <v>40</v>
      </c>
      <c r="AX141" s="43" t="s">
        <v>40</v>
      </c>
      <c r="AY141" s="43" t="s">
        <v>40</v>
      </c>
      <c r="AZ141" s="43" t="s">
        <v>40</v>
      </c>
      <c r="BA141" s="43" t="s">
        <v>40</v>
      </c>
      <c r="BB141" s="43" t="s">
        <v>40</v>
      </c>
      <c r="BC141" s="43" t="s">
        <v>40</v>
      </c>
      <c r="BD141" s="43" t="s">
        <v>40</v>
      </c>
      <c r="BE141" s="43" t="s">
        <v>40</v>
      </c>
      <c r="BF141" s="43" t="s">
        <v>40</v>
      </c>
      <c r="BG141" s="43" t="s">
        <v>40</v>
      </c>
      <c r="BH141" s="43" t="s">
        <v>40</v>
      </c>
      <c r="BI141" s="43" t="s">
        <v>40</v>
      </c>
      <c r="BJ141" s="14"/>
      <c r="BK141" s="16"/>
      <c r="BL141" s="9"/>
      <c r="BM141" s="9"/>
      <c r="BN141" s="9"/>
      <c r="BO141" s="9" t="s">
        <v>33</v>
      </c>
      <c r="BP141" s="43" t="s">
        <v>40</v>
      </c>
      <c r="BQ141" s="43" t="s">
        <v>40</v>
      </c>
      <c r="BR141" s="43" t="s">
        <v>40</v>
      </c>
      <c r="BS141" s="43" t="s">
        <v>40</v>
      </c>
      <c r="BT141" s="43" t="s">
        <v>40</v>
      </c>
      <c r="BU141" s="43" t="s">
        <v>40</v>
      </c>
      <c r="BV141" s="43" t="s">
        <v>40</v>
      </c>
      <c r="BW141" s="43" t="s">
        <v>40</v>
      </c>
      <c r="BX141" s="43" t="s">
        <v>40</v>
      </c>
      <c r="BY141" s="43" t="s">
        <v>40</v>
      </c>
      <c r="BZ141" s="43" t="s">
        <v>40</v>
      </c>
      <c r="CA141" s="43" t="s">
        <v>40</v>
      </c>
      <c r="CB141" s="43" t="s">
        <v>40</v>
      </c>
      <c r="CC141" s="43" t="s">
        <v>40</v>
      </c>
      <c r="CD141" s="43" t="s">
        <v>40</v>
      </c>
      <c r="CE141" s="43" t="s">
        <v>40</v>
      </c>
      <c r="CF141" s="43" t="s">
        <v>40</v>
      </c>
      <c r="CG141" s="43" t="s">
        <v>40</v>
      </c>
      <c r="CH141" s="43" t="s">
        <v>40</v>
      </c>
      <c r="CI141" s="43" t="s">
        <v>40</v>
      </c>
      <c r="CJ141" s="43" t="s">
        <v>40</v>
      </c>
      <c r="CK141" s="43" t="s">
        <v>40</v>
      </c>
      <c r="CL141" s="43" t="s">
        <v>40</v>
      </c>
      <c r="CM141" s="43" t="s">
        <v>40</v>
      </c>
      <c r="CN141" s="43" t="s">
        <v>40</v>
      </c>
      <c r="CO141" s="20"/>
    </row>
    <row r="142" spans="1:93" x14ac:dyDescent="0.7">
      <c r="A142" s="7"/>
      <c r="E142" s="8" t="s">
        <v>34</v>
      </c>
      <c r="F142" s="43" t="s">
        <v>40</v>
      </c>
      <c r="G142" s="43" t="s">
        <v>40</v>
      </c>
      <c r="H142" s="43" t="s">
        <v>40</v>
      </c>
      <c r="I142" s="43" t="s">
        <v>40</v>
      </c>
      <c r="J142" s="43" t="s">
        <v>40</v>
      </c>
      <c r="K142" s="43" t="s">
        <v>40</v>
      </c>
      <c r="L142" s="43" t="s">
        <v>40</v>
      </c>
      <c r="M142" s="43" t="s">
        <v>40</v>
      </c>
      <c r="N142" s="43" t="s">
        <v>40</v>
      </c>
      <c r="O142" s="43" t="s">
        <v>40</v>
      </c>
      <c r="P142" s="43" t="s">
        <v>40</v>
      </c>
      <c r="Q142" s="43" t="s">
        <v>40</v>
      </c>
      <c r="R142" s="43" t="s">
        <v>40</v>
      </c>
      <c r="S142" s="42">
        <v>0</v>
      </c>
      <c r="T142" s="42">
        <v>0</v>
      </c>
      <c r="U142" s="42">
        <v>0</v>
      </c>
      <c r="V142" s="42">
        <v>0</v>
      </c>
      <c r="W142" s="42">
        <v>0</v>
      </c>
      <c r="X142" s="43" t="s">
        <v>40</v>
      </c>
      <c r="Y142" s="43" t="s">
        <v>40</v>
      </c>
      <c r="Z142" s="43" t="s">
        <v>40</v>
      </c>
      <c r="AA142" s="43" t="s">
        <v>40</v>
      </c>
      <c r="AB142" s="43" t="s">
        <v>40</v>
      </c>
      <c r="AC142" s="43" t="s">
        <v>40</v>
      </c>
      <c r="AD142" s="43" t="s">
        <v>40</v>
      </c>
      <c r="AE142" s="7"/>
      <c r="AF142" s="13"/>
      <c r="AG142" s="9"/>
      <c r="AH142" s="9"/>
      <c r="AI142" s="9"/>
      <c r="AJ142" s="9" t="s">
        <v>34</v>
      </c>
      <c r="AK142" s="43" t="s">
        <v>40</v>
      </c>
      <c r="AL142" s="43" t="s">
        <v>40</v>
      </c>
      <c r="AM142" s="43" t="s">
        <v>40</v>
      </c>
      <c r="AN142" s="43" t="s">
        <v>40</v>
      </c>
      <c r="AO142" s="43" t="s">
        <v>40</v>
      </c>
      <c r="AP142" s="43" t="s">
        <v>40</v>
      </c>
      <c r="AQ142" s="43" t="s">
        <v>40</v>
      </c>
      <c r="AR142" s="43" t="s">
        <v>40</v>
      </c>
      <c r="AS142" s="43" t="s">
        <v>40</v>
      </c>
      <c r="AT142" s="43" t="s">
        <v>40</v>
      </c>
      <c r="AU142" s="43" t="s">
        <v>40</v>
      </c>
      <c r="AV142" s="43" t="s">
        <v>40</v>
      </c>
      <c r="AW142" s="43" t="s">
        <v>40</v>
      </c>
      <c r="AX142" s="43" t="s">
        <v>40</v>
      </c>
      <c r="AY142" s="43" t="s">
        <v>40</v>
      </c>
      <c r="AZ142" s="43" t="s">
        <v>40</v>
      </c>
      <c r="BA142" s="43" t="s">
        <v>40</v>
      </c>
      <c r="BB142" s="43" t="s">
        <v>40</v>
      </c>
      <c r="BC142" s="43" t="s">
        <v>40</v>
      </c>
      <c r="BD142" s="43" t="s">
        <v>40</v>
      </c>
      <c r="BE142" s="43" t="s">
        <v>40</v>
      </c>
      <c r="BF142" s="43" t="s">
        <v>40</v>
      </c>
      <c r="BG142" s="43" t="s">
        <v>40</v>
      </c>
      <c r="BH142" s="43" t="s">
        <v>40</v>
      </c>
      <c r="BI142" s="43" t="s">
        <v>40</v>
      </c>
      <c r="BJ142" s="14"/>
      <c r="BK142" s="16"/>
      <c r="BL142" s="9"/>
      <c r="BM142" s="9"/>
      <c r="BN142" s="9"/>
      <c r="BO142" s="9" t="s">
        <v>34</v>
      </c>
      <c r="BP142" s="43" t="s">
        <v>40</v>
      </c>
      <c r="BQ142" s="43" t="s">
        <v>40</v>
      </c>
      <c r="BR142" s="43" t="s">
        <v>40</v>
      </c>
      <c r="BS142" s="43" t="s">
        <v>40</v>
      </c>
      <c r="BT142" s="43" t="s">
        <v>40</v>
      </c>
      <c r="BU142" s="43" t="s">
        <v>40</v>
      </c>
      <c r="BV142" s="43" t="s">
        <v>40</v>
      </c>
      <c r="BW142" s="43" t="s">
        <v>40</v>
      </c>
      <c r="BX142" s="43" t="s">
        <v>40</v>
      </c>
      <c r="BY142" s="43" t="s">
        <v>40</v>
      </c>
      <c r="BZ142" s="43" t="s">
        <v>40</v>
      </c>
      <c r="CA142" s="43" t="s">
        <v>40</v>
      </c>
      <c r="CB142" s="43" t="s">
        <v>40</v>
      </c>
      <c r="CC142" s="43" t="s">
        <v>40</v>
      </c>
      <c r="CD142" s="43" t="s">
        <v>40</v>
      </c>
      <c r="CE142" s="43" t="s">
        <v>40</v>
      </c>
      <c r="CF142" s="43" t="s">
        <v>40</v>
      </c>
      <c r="CG142" s="43" t="s">
        <v>40</v>
      </c>
      <c r="CH142" s="43" t="s">
        <v>40</v>
      </c>
      <c r="CI142" s="43" t="s">
        <v>40</v>
      </c>
      <c r="CJ142" s="43" t="s">
        <v>40</v>
      </c>
      <c r="CK142" s="43" t="s">
        <v>40</v>
      </c>
      <c r="CL142" s="43" t="s">
        <v>40</v>
      </c>
      <c r="CM142" s="43" t="s">
        <v>40</v>
      </c>
      <c r="CN142" s="43" t="s">
        <v>40</v>
      </c>
      <c r="CO142" s="20"/>
    </row>
    <row r="143" spans="1:93" x14ac:dyDescent="0.7">
      <c r="A143" s="7"/>
      <c r="E143" s="8" t="s">
        <v>35</v>
      </c>
      <c r="F143" s="43" t="s">
        <v>40</v>
      </c>
      <c r="G143" s="43" t="s">
        <v>40</v>
      </c>
      <c r="H143" s="43" t="s">
        <v>40</v>
      </c>
      <c r="I143" s="43" t="s">
        <v>40</v>
      </c>
      <c r="J143" s="43" t="s">
        <v>40</v>
      </c>
      <c r="K143" s="43" t="s">
        <v>40</v>
      </c>
      <c r="L143" s="43" t="s">
        <v>40</v>
      </c>
      <c r="M143" s="43" t="s">
        <v>40</v>
      </c>
      <c r="N143" s="43" t="s">
        <v>40</v>
      </c>
      <c r="O143" s="43" t="s">
        <v>40</v>
      </c>
      <c r="P143" s="43" t="s">
        <v>40</v>
      </c>
      <c r="Q143" s="43" t="s">
        <v>40</v>
      </c>
      <c r="R143" s="43" t="s">
        <v>40</v>
      </c>
      <c r="S143" s="42">
        <v>0</v>
      </c>
      <c r="T143" s="42">
        <v>0</v>
      </c>
      <c r="U143" s="42">
        <v>0</v>
      </c>
      <c r="V143" s="42">
        <v>0</v>
      </c>
      <c r="W143" s="42">
        <v>0</v>
      </c>
      <c r="X143" s="43" t="s">
        <v>40</v>
      </c>
      <c r="Y143" s="43" t="s">
        <v>40</v>
      </c>
      <c r="Z143" s="43" t="s">
        <v>40</v>
      </c>
      <c r="AA143" s="43" t="s">
        <v>40</v>
      </c>
      <c r="AB143" s="43" t="s">
        <v>40</v>
      </c>
      <c r="AC143" s="43" t="s">
        <v>40</v>
      </c>
      <c r="AD143" s="43" t="s">
        <v>40</v>
      </c>
      <c r="AE143" s="7"/>
      <c r="AF143" s="13"/>
      <c r="AG143" s="9"/>
      <c r="AH143" s="9"/>
      <c r="AI143" s="9"/>
      <c r="AJ143" s="9" t="s">
        <v>35</v>
      </c>
      <c r="AK143" s="43" t="s">
        <v>40</v>
      </c>
      <c r="AL143" s="43" t="s">
        <v>40</v>
      </c>
      <c r="AM143" s="43" t="s">
        <v>40</v>
      </c>
      <c r="AN143" s="43" t="s">
        <v>40</v>
      </c>
      <c r="AO143" s="43" t="s">
        <v>40</v>
      </c>
      <c r="AP143" s="43" t="s">
        <v>40</v>
      </c>
      <c r="AQ143" s="43" t="s">
        <v>40</v>
      </c>
      <c r="AR143" s="43" t="s">
        <v>40</v>
      </c>
      <c r="AS143" s="43" t="s">
        <v>40</v>
      </c>
      <c r="AT143" s="43" t="s">
        <v>40</v>
      </c>
      <c r="AU143" s="43" t="s">
        <v>40</v>
      </c>
      <c r="AV143" s="43" t="s">
        <v>40</v>
      </c>
      <c r="AW143" s="43" t="s">
        <v>40</v>
      </c>
      <c r="AX143" s="43" t="s">
        <v>40</v>
      </c>
      <c r="AY143" s="43" t="s">
        <v>40</v>
      </c>
      <c r="AZ143" s="43" t="s">
        <v>40</v>
      </c>
      <c r="BA143" s="43" t="s">
        <v>40</v>
      </c>
      <c r="BB143" s="43" t="s">
        <v>40</v>
      </c>
      <c r="BC143" s="43" t="s">
        <v>40</v>
      </c>
      <c r="BD143" s="43" t="s">
        <v>40</v>
      </c>
      <c r="BE143" s="43" t="s">
        <v>40</v>
      </c>
      <c r="BF143" s="43" t="s">
        <v>40</v>
      </c>
      <c r="BG143" s="43" t="s">
        <v>40</v>
      </c>
      <c r="BH143" s="43" t="s">
        <v>40</v>
      </c>
      <c r="BI143" s="43" t="s">
        <v>40</v>
      </c>
      <c r="BJ143" s="14"/>
      <c r="BK143" s="16"/>
      <c r="BL143" s="9"/>
      <c r="BM143" s="9"/>
      <c r="BN143" s="9"/>
      <c r="BO143" s="9" t="s">
        <v>35</v>
      </c>
      <c r="BP143" s="43" t="s">
        <v>40</v>
      </c>
      <c r="BQ143" s="43" t="s">
        <v>40</v>
      </c>
      <c r="BR143" s="43" t="s">
        <v>40</v>
      </c>
      <c r="BS143" s="43" t="s">
        <v>40</v>
      </c>
      <c r="BT143" s="43" t="s">
        <v>40</v>
      </c>
      <c r="BU143" s="43" t="s">
        <v>40</v>
      </c>
      <c r="BV143" s="43" t="s">
        <v>40</v>
      </c>
      <c r="BW143" s="43" t="s">
        <v>40</v>
      </c>
      <c r="BX143" s="43" t="s">
        <v>40</v>
      </c>
      <c r="BY143" s="43" t="s">
        <v>40</v>
      </c>
      <c r="BZ143" s="43" t="s">
        <v>40</v>
      </c>
      <c r="CA143" s="43" t="s">
        <v>40</v>
      </c>
      <c r="CB143" s="43" t="s">
        <v>40</v>
      </c>
      <c r="CC143" s="43" t="s">
        <v>40</v>
      </c>
      <c r="CD143" s="43" t="s">
        <v>40</v>
      </c>
      <c r="CE143" s="43" t="s">
        <v>40</v>
      </c>
      <c r="CF143" s="43" t="s">
        <v>40</v>
      </c>
      <c r="CG143" s="43" t="s">
        <v>40</v>
      </c>
      <c r="CH143" s="43" t="s">
        <v>40</v>
      </c>
      <c r="CI143" s="43" t="s">
        <v>40</v>
      </c>
      <c r="CJ143" s="43" t="s">
        <v>40</v>
      </c>
      <c r="CK143" s="43" t="s">
        <v>40</v>
      </c>
      <c r="CL143" s="43" t="s">
        <v>40</v>
      </c>
      <c r="CM143" s="43" t="s">
        <v>40</v>
      </c>
      <c r="CN143" s="43" t="s">
        <v>40</v>
      </c>
      <c r="CO143" s="20"/>
    </row>
    <row r="144" spans="1:93" x14ac:dyDescent="0.7">
      <c r="A144" s="7"/>
      <c r="E144" s="8" t="s">
        <v>36</v>
      </c>
      <c r="F144" s="43" t="s">
        <v>40</v>
      </c>
      <c r="G144" s="43" t="s">
        <v>40</v>
      </c>
      <c r="H144" s="43" t="s">
        <v>40</v>
      </c>
      <c r="I144" s="43" t="s">
        <v>40</v>
      </c>
      <c r="J144" s="43" t="s">
        <v>40</v>
      </c>
      <c r="K144" s="43" t="s">
        <v>40</v>
      </c>
      <c r="L144" s="43" t="s">
        <v>40</v>
      </c>
      <c r="M144" s="43" t="s">
        <v>40</v>
      </c>
      <c r="N144" s="43" t="s">
        <v>40</v>
      </c>
      <c r="O144" s="43" t="s">
        <v>40</v>
      </c>
      <c r="P144" s="43" t="s">
        <v>40</v>
      </c>
      <c r="Q144" s="43" t="s">
        <v>40</v>
      </c>
      <c r="R144" s="43" t="s">
        <v>40</v>
      </c>
      <c r="S144" s="42">
        <v>0</v>
      </c>
      <c r="T144" s="42">
        <v>0</v>
      </c>
      <c r="U144" s="42">
        <v>0</v>
      </c>
      <c r="V144" s="42">
        <v>0</v>
      </c>
      <c r="W144" s="42">
        <v>0</v>
      </c>
      <c r="X144" s="43" t="s">
        <v>40</v>
      </c>
      <c r="Y144" s="43" t="s">
        <v>40</v>
      </c>
      <c r="Z144" s="43" t="s">
        <v>40</v>
      </c>
      <c r="AA144" s="43" t="s">
        <v>40</v>
      </c>
      <c r="AB144" s="43" t="s">
        <v>40</v>
      </c>
      <c r="AC144" s="43" t="s">
        <v>40</v>
      </c>
      <c r="AD144" s="43" t="s">
        <v>40</v>
      </c>
      <c r="AE144" s="7"/>
      <c r="AF144" s="13"/>
      <c r="AG144" s="9"/>
      <c r="AH144" s="9"/>
      <c r="AI144" s="9"/>
      <c r="AJ144" s="9" t="s">
        <v>36</v>
      </c>
      <c r="AK144" s="43" t="s">
        <v>40</v>
      </c>
      <c r="AL144" s="43" t="s">
        <v>40</v>
      </c>
      <c r="AM144" s="43" t="s">
        <v>40</v>
      </c>
      <c r="AN144" s="43" t="s">
        <v>40</v>
      </c>
      <c r="AO144" s="43" t="s">
        <v>40</v>
      </c>
      <c r="AP144" s="43" t="s">
        <v>40</v>
      </c>
      <c r="AQ144" s="43" t="s">
        <v>40</v>
      </c>
      <c r="AR144" s="43" t="s">
        <v>40</v>
      </c>
      <c r="AS144" s="43" t="s">
        <v>40</v>
      </c>
      <c r="AT144" s="43" t="s">
        <v>40</v>
      </c>
      <c r="AU144" s="43" t="s">
        <v>40</v>
      </c>
      <c r="AV144" s="43" t="s">
        <v>40</v>
      </c>
      <c r="AW144" s="43" t="s">
        <v>40</v>
      </c>
      <c r="AX144" s="43" t="s">
        <v>40</v>
      </c>
      <c r="AY144" s="43" t="s">
        <v>40</v>
      </c>
      <c r="AZ144" s="43" t="s">
        <v>40</v>
      </c>
      <c r="BA144" s="43" t="s">
        <v>40</v>
      </c>
      <c r="BB144" s="43" t="s">
        <v>40</v>
      </c>
      <c r="BC144" s="43" t="s">
        <v>40</v>
      </c>
      <c r="BD144" s="43" t="s">
        <v>40</v>
      </c>
      <c r="BE144" s="43" t="s">
        <v>40</v>
      </c>
      <c r="BF144" s="43" t="s">
        <v>40</v>
      </c>
      <c r="BG144" s="43" t="s">
        <v>40</v>
      </c>
      <c r="BH144" s="43" t="s">
        <v>40</v>
      </c>
      <c r="BI144" s="43" t="s">
        <v>40</v>
      </c>
      <c r="BJ144" s="14"/>
      <c r="BK144" s="16"/>
      <c r="BL144" s="9"/>
      <c r="BM144" s="9"/>
      <c r="BN144" s="9"/>
      <c r="BO144" s="9" t="s">
        <v>36</v>
      </c>
      <c r="BP144" s="43" t="s">
        <v>40</v>
      </c>
      <c r="BQ144" s="43" t="s">
        <v>40</v>
      </c>
      <c r="BR144" s="43" t="s">
        <v>40</v>
      </c>
      <c r="BS144" s="43" t="s">
        <v>40</v>
      </c>
      <c r="BT144" s="43" t="s">
        <v>40</v>
      </c>
      <c r="BU144" s="43" t="s">
        <v>40</v>
      </c>
      <c r="BV144" s="43" t="s">
        <v>40</v>
      </c>
      <c r="BW144" s="43" t="s">
        <v>40</v>
      </c>
      <c r="BX144" s="43" t="s">
        <v>40</v>
      </c>
      <c r="BY144" s="43" t="s">
        <v>40</v>
      </c>
      <c r="BZ144" s="43" t="s">
        <v>40</v>
      </c>
      <c r="CA144" s="43" t="s">
        <v>40</v>
      </c>
      <c r="CB144" s="43" t="s">
        <v>40</v>
      </c>
      <c r="CC144" s="43" t="s">
        <v>40</v>
      </c>
      <c r="CD144" s="43" t="s">
        <v>40</v>
      </c>
      <c r="CE144" s="43" t="s">
        <v>40</v>
      </c>
      <c r="CF144" s="43" t="s">
        <v>40</v>
      </c>
      <c r="CG144" s="43" t="s">
        <v>40</v>
      </c>
      <c r="CH144" s="43" t="s">
        <v>40</v>
      </c>
      <c r="CI144" s="43" t="s">
        <v>40</v>
      </c>
      <c r="CJ144" s="43" t="s">
        <v>40</v>
      </c>
      <c r="CK144" s="43" t="s">
        <v>40</v>
      </c>
      <c r="CL144" s="43" t="s">
        <v>40</v>
      </c>
      <c r="CM144" s="43" t="s">
        <v>40</v>
      </c>
      <c r="CN144" s="43" t="s">
        <v>40</v>
      </c>
      <c r="CO144" s="20"/>
    </row>
    <row r="145" spans="1:93" x14ac:dyDescent="0.7">
      <c r="A145" s="7"/>
      <c r="D145" s="8" t="s">
        <v>41</v>
      </c>
      <c r="E145" s="8" t="s">
        <v>27</v>
      </c>
      <c r="F145" s="42">
        <v>981</v>
      </c>
      <c r="G145" s="42">
        <v>230</v>
      </c>
      <c r="H145" s="42">
        <v>605</v>
      </c>
      <c r="I145" s="42">
        <v>310</v>
      </c>
      <c r="J145" s="42">
        <v>255</v>
      </c>
      <c r="K145" s="42">
        <v>342</v>
      </c>
      <c r="L145" s="42">
        <v>1013</v>
      </c>
      <c r="M145" s="42">
        <v>637</v>
      </c>
      <c r="N145" s="42">
        <v>575</v>
      </c>
      <c r="O145" s="42">
        <v>857</v>
      </c>
      <c r="P145" s="42">
        <v>1430</v>
      </c>
      <c r="Q145" s="42">
        <v>787</v>
      </c>
      <c r="R145" s="42">
        <v>830</v>
      </c>
      <c r="S145" s="42">
        <v>909</v>
      </c>
      <c r="T145" s="42">
        <v>1371</v>
      </c>
      <c r="U145" s="42">
        <v>811</v>
      </c>
      <c r="V145" s="42">
        <v>819</v>
      </c>
      <c r="W145" s="42">
        <v>815</v>
      </c>
      <c r="X145" s="42">
        <v>1273</v>
      </c>
      <c r="Y145" s="42">
        <v>831</v>
      </c>
      <c r="Z145" s="42">
        <v>774</v>
      </c>
      <c r="AA145" s="42">
        <v>751</v>
      </c>
      <c r="AB145" s="42">
        <v>1126</v>
      </c>
      <c r="AC145" s="42">
        <v>711</v>
      </c>
      <c r="AD145" s="42">
        <v>738</v>
      </c>
      <c r="AE145" s="7"/>
      <c r="AF145" s="13"/>
      <c r="AG145" s="9"/>
      <c r="AH145" s="9"/>
      <c r="AI145" s="9" t="s">
        <v>41</v>
      </c>
      <c r="AJ145" s="9" t="s">
        <v>27</v>
      </c>
      <c r="AK145" s="21">
        <v>981</v>
      </c>
      <c r="AL145" s="21">
        <v>231</v>
      </c>
      <c r="AM145" s="21">
        <v>605</v>
      </c>
      <c r="AN145" s="21">
        <v>309</v>
      </c>
      <c r="AO145" s="21">
        <v>261</v>
      </c>
      <c r="AP145" s="21">
        <v>342</v>
      </c>
      <c r="AQ145" s="21">
        <v>1014</v>
      </c>
      <c r="AR145" s="21">
        <v>637</v>
      </c>
      <c r="AS145" s="21">
        <v>575</v>
      </c>
      <c r="AT145" s="21">
        <v>858</v>
      </c>
      <c r="AU145" s="21">
        <v>1430</v>
      </c>
      <c r="AV145" s="21">
        <v>784</v>
      </c>
      <c r="AW145" s="21">
        <v>829</v>
      </c>
      <c r="AX145" s="21">
        <v>908</v>
      </c>
      <c r="AY145" s="21">
        <v>1369</v>
      </c>
      <c r="AZ145" s="21">
        <v>811</v>
      </c>
      <c r="BA145" s="21">
        <v>819</v>
      </c>
      <c r="BB145" s="21">
        <v>815</v>
      </c>
      <c r="BC145" s="21">
        <v>1266</v>
      </c>
      <c r="BD145" s="21">
        <v>782</v>
      </c>
      <c r="BE145" s="21">
        <v>768</v>
      </c>
      <c r="BF145" s="21">
        <v>751</v>
      </c>
      <c r="BG145" s="21">
        <v>1126</v>
      </c>
      <c r="BH145" s="21">
        <v>711</v>
      </c>
      <c r="BI145" s="21">
        <v>738</v>
      </c>
      <c r="BJ145" s="14"/>
      <c r="BK145" s="16"/>
      <c r="BL145" s="9"/>
      <c r="BM145" s="9"/>
      <c r="BN145" s="9" t="s">
        <v>41</v>
      </c>
      <c r="BO145" s="9" t="s">
        <v>27</v>
      </c>
      <c r="BP145" s="21">
        <f t="shared" ref="BP145:BP146" si="200">AK145-F145</f>
        <v>0</v>
      </c>
      <c r="BQ145" s="21">
        <f t="shared" ref="BQ145:BQ146" si="201">AL145-G145</f>
        <v>1</v>
      </c>
      <c r="BR145" s="21">
        <f t="shared" ref="BR145:BR146" si="202">AM145-H145</f>
        <v>0</v>
      </c>
      <c r="BS145" s="21">
        <f t="shared" ref="BS145:BS146" si="203">AN145-I145</f>
        <v>-1</v>
      </c>
      <c r="BT145" s="21">
        <f t="shared" ref="BT145:BT146" si="204">AO145-J145</f>
        <v>6</v>
      </c>
      <c r="BU145" s="21">
        <f t="shared" ref="BU145:BU146" si="205">AP145-K145</f>
        <v>0</v>
      </c>
      <c r="BV145" s="21">
        <f t="shared" ref="BV145:BV146" si="206">AQ145-L145</f>
        <v>1</v>
      </c>
      <c r="BW145" s="21">
        <f t="shared" ref="BW145:BW146" si="207">AR145-M145</f>
        <v>0</v>
      </c>
      <c r="BX145" s="21">
        <f t="shared" ref="BX145:BX146" si="208">AS145-N145</f>
        <v>0</v>
      </c>
      <c r="BY145" s="21">
        <f t="shared" ref="BY145:BY146" si="209">AT145-O145</f>
        <v>1</v>
      </c>
      <c r="BZ145" s="21">
        <f t="shared" ref="BZ145:BZ146" si="210">AU145-P145</f>
        <v>0</v>
      </c>
      <c r="CA145" s="21">
        <f t="shared" ref="CA145:CA146" si="211">AV145-Q145</f>
        <v>-3</v>
      </c>
      <c r="CB145" s="21">
        <f t="shared" ref="CB145:CB146" si="212">AW145-R145</f>
        <v>-1</v>
      </c>
      <c r="CC145" s="21">
        <f t="shared" ref="CC145:CC146" si="213">AX145-S145</f>
        <v>-1</v>
      </c>
      <c r="CD145" s="21">
        <f t="shared" ref="CD145:CD146" si="214">AY145-T145</f>
        <v>-2</v>
      </c>
      <c r="CE145" s="21">
        <f t="shared" ref="CE145:CE146" si="215">AZ145-U145</f>
        <v>0</v>
      </c>
      <c r="CF145" s="21">
        <f t="shared" ref="CF145:CF146" si="216">BA145-V145</f>
        <v>0</v>
      </c>
      <c r="CG145" s="21">
        <f t="shared" ref="CG145:CG146" si="217">BB145-W145</f>
        <v>0</v>
      </c>
      <c r="CH145" s="21">
        <f t="shared" ref="CH145:CH146" si="218">BC145-X145</f>
        <v>-7</v>
      </c>
      <c r="CI145" s="21">
        <f t="shared" ref="CI145:CI146" si="219">BD145-Y145</f>
        <v>-49</v>
      </c>
      <c r="CJ145" s="21">
        <f t="shared" ref="CJ145:CJ146" si="220">BE145-Z145</f>
        <v>-6</v>
      </c>
      <c r="CK145" s="21">
        <f t="shared" ref="CK145:CK146" si="221">BF145-AA145</f>
        <v>0</v>
      </c>
      <c r="CL145" s="21">
        <f t="shared" ref="CL145:CL146" si="222">BG145-AB145</f>
        <v>0</v>
      </c>
      <c r="CM145" s="21">
        <f t="shared" ref="CM145:CM146" si="223">BH145-AC145</f>
        <v>0</v>
      </c>
      <c r="CN145" s="21">
        <f t="shared" ref="CN145:CN146" si="224">BI145-AD145</f>
        <v>0</v>
      </c>
      <c r="CO145" s="20"/>
    </row>
    <row r="146" spans="1:93" x14ac:dyDescent="0.7">
      <c r="A146" s="7"/>
      <c r="E146" s="8" t="s">
        <v>28</v>
      </c>
      <c r="F146" s="42">
        <v>862</v>
      </c>
      <c r="G146" s="42">
        <v>215</v>
      </c>
      <c r="H146" s="42">
        <v>554</v>
      </c>
      <c r="I146" s="42">
        <v>285</v>
      </c>
      <c r="J146" s="42">
        <v>236</v>
      </c>
      <c r="K146" s="42">
        <v>316</v>
      </c>
      <c r="L146" s="42">
        <v>929</v>
      </c>
      <c r="M146" s="42">
        <v>576</v>
      </c>
      <c r="N146" s="42">
        <v>515</v>
      </c>
      <c r="O146" s="42">
        <v>772</v>
      </c>
      <c r="P146" s="42">
        <v>1296</v>
      </c>
      <c r="Q146" s="42">
        <v>703</v>
      </c>
      <c r="R146" s="42">
        <v>736</v>
      </c>
      <c r="S146" s="42">
        <v>821</v>
      </c>
      <c r="T146" s="42">
        <v>1243</v>
      </c>
      <c r="U146" s="42">
        <v>727</v>
      </c>
      <c r="V146" s="42">
        <v>726</v>
      </c>
      <c r="W146" s="42">
        <v>739</v>
      </c>
      <c r="X146" s="42">
        <v>1155</v>
      </c>
      <c r="Y146" s="42">
        <v>753</v>
      </c>
      <c r="Z146" s="42">
        <v>689</v>
      </c>
      <c r="AA146" s="42">
        <v>682</v>
      </c>
      <c r="AB146" s="42">
        <v>1025</v>
      </c>
      <c r="AC146" s="42">
        <v>640</v>
      </c>
      <c r="AD146" s="42">
        <v>655</v>
      </c>
      <c r="AE146" s="7"/>
      <c r="AF146" s="13"/>
      <c r="AG146" s="9"/>
      <c r="AH146" s="9"/>
      <c r="AI146" s="9"/>
      <c r="AJ146" s="9" t="s">
        <v>28</v>
      </c>
      <c r="AK146" s="21">
        <v>862</v>
      </c>
      <c r="AL146" s="21">
        <v>216</v>
      </c>
      <c r="AM146" s="21">
        <v>554</v>
      </c>
      <c r="AN146" s="21">
        <v>284</v>
      </c>
      <c r="AO146" s="21">
        <v>241</v>
      </c>
      <c r="AP146" s="21">
        <v>315</v>
      </c>
      <c r="AQ146" s="21">
        <v>930</v>
      </c>
      <c r="AR146" s="21">
        <v>576</v>
      </c>
      <c r="AS146" s="21">
        <v>515</v>
      </c>
      <c r="AT146" s="21">
        <v>773</v>
      </c>
      <c r="AU146" s="21">
        <v>1296</v>
      </c>
      <c r="AV146" s="21">
        <v>701</v>
      </c>
      <c r="AW146" s="21">
        <v>735</v>
      </c>
      <c r="AX146" s="21">
        <v>820</v>
      </c>
      <c r="AY146" s="21">
        <v>1241</v>
      </c>
      <c r="AZ146" s="21">
        <v>727</v>
      </c>
      <c r="BA146" s="21">
        <v>727</v>
      </c>
      <c r="BB146" s="21">
        <v>739</v>
      </c>
      <c r="BC146" s="21">
        <v>1151</v>
      </c>
      <c r="BD146" s="21">
        <v>704</v>
      </c>
      <c r="BE146" s="21">
        <v>683</v>
      </c>
      <c r="BF146" s="21">
        <v>682</v>
      </c>
      <c r="BG146" s="21">
        <v>1025</v>
      </c>
      <c r="BH146" s="21">
        <v>640</v>
      </c>
      <c r="BI146" s="21">
        <v>655</v>
      </c>
      <c r="BJ146" s="14"/>
      <c r="BK146" s="16"/>
      <c r="BL146" s="9"/>
      <c r="BM146" s="9"/>
      <c r="BN146" s="9"/>
      <c r="BO146" s="9" t="s">
        <v>28</v>
      </c>
      <c r="BP146" s="21">
        <f t="shared" si="200"/>
        <v>0</v>
      </c>
      <c r="BQ146" s="21">
        <f t="shared" si="201"/>
        <v>1</v>
      </c>
      <c r="BR146" s="21">
        <f t="shared" si="202"/>
        <v>0</v>
      </c>
      <c r="BS146" s="21">
        <f t="shared" si="203"/>
        <v>-1</v>
      </c>
      <c r="BT146" s="21">
        <f t="shared" si="204"/>
        <v>5</v>
      </c>
      <c r="BU146" s="21">
        <f t="shared" si="205"/>
        <v>-1</v>
      </c>
      <c r="BV146" s="21">
        <f t="shared" si="206"/>
        <v>1</v>
      </c>
      <c r="BW146" s="21">
        <f t="shared" si="207"/>
        <v>0</v>
      </c>
      <c r="BX146" s="21">
        <f t="shared" si="208"/>
        <v>0</v>
      </c>
      <c r="BY146" s="21">
        <f t="shared" si="209"/>
        <v>1</v>
      </c>
      <c r="BZ146" s="21">
        <f t="shared" si="210"/>
        <v>0</v>
      </c>
      <c r="CA146" s="21">
        <f t="shared" si="211"/>
        <v>-2</v>
      </c>
      <c r="CB146" s="21">
        <f t="shared" si="212"/>
        <v>-1</v>
      </c>
      <c r="CC146" s="21">
        <f t="shared" si="213"/>
        <v>-1</v>
      </c>
      <c r="CD146" s="21">
        <f t="shared" si="214"/>
        <v>-2</v>
      </c>
      <c r="CE146" s="21">
        <f t="shared" si="215"/>
        <v>0</v>
      </c>
      <c r="CF146" s="21">
        <f t="shared" si="216"/>
        <v>1</v>
      </c>
      <c r="CG146" s="21">
        <f t="shared" si="217"/>
        <v>0</v>
      </c>
      <c r="CH146" s="21">
        <f t="shared" si="218"/>
        <v>-4</v>
      </c>
      <c r="CI146" s="21">
        <f t="shared" si="219"/>
        <v>-49</v>
      </c>
      <c r="CJ146" s="21">
        <f t="shared" si="220"/>
        <v>-6</v>
      </c>
      <c r="CK146" s="21">
        <f t="shared" si="221"/>
        <v>0</v>
      </c>
      <c r="CL146" s="21">
        <f t="shared" si="222"/>
        <v>0</v>
      </c>
      <c r="CM146" s="21">
        <f t="shared" si="223"/>
        <v>0</v>
      </c>
      <c r="CN146" s="21">
        <f t="shared" si="224"/>
        <v>0</v>
      </c>
      <c r="CO146" s="20"/>
    </row>
    <row r="147" spans="1:93" x14ac:dyDescent="0.7">
      <c r="A147" s="7"/>
      <c r="E147" s="8" t="s">
        <v>29</v>
      </c>
      <c r="F147" s="43" t="s">
        <v>40</v>
      </c>
      <c r="G147" s="43" t="s">
        <v>40</v>
      </c>
      <c r="H147" s="43" t="s">
        <v>40</v>
      </c>
      <c r="I147" s="43" t="s">
        <v>40</v>
      </c>
      <c r="J147" s="43" t="s">
        <v>40</v>
      </c>
      <c r="K147" s="43" t="s">
        <v>40</v>
      </c>
      <c r="L147" s="43" t="s">
        <v>40</v>
      </c>
      <c r="M147" s="43" t="s">
        <v>40</v>
      </c>
      <c r="N147" s="43" t="s">
        <v>40</v>
      </c>
      <c r="O147" s="43" t="s">
        <v>40</v>
      </c>
      <c r="P147" s="43" t="s">
        <v>40</v>
      </c>
      <c r="Q147" s="43" t="s">
        <v>40</v>
      </c>
      <c r="R147" s="43" t="s">
        <v>40</v>
      </c>
      <c r="S147" s="42">
        <v>0</v>
      </c>
      <c r="T147" s="42">
        <v>0</v>
      </c>
      <c r="U147" s="42">
        <v>0</v>
      </c>
      <c r="V147" s="42">
        <v>0</v>
      </c>
      <c r="W147" s="42">
        <v>0</v>
      </c>
      <c r="X147" s="43" t="s">
        <v>40</v>
      </c>
      <c r="Y147" s="43" t="s">
        <v>40</v>
      </c>
      <c r="Z147" s="43" t="s">
        <v>40</v>
      </c>
      <c r="AA147" s="43" t="s">
        <v>40</v>
      </c>
      <c r="AB147" s="43" t="s">
        <v>40</v>
      </c>
      <c r="AC147" s="43" t="s">
        <v>40</v>
      </c>
      <c r="AD147" s="43" t="s">
        <v>40</v>
      </c>
      <c r="AE147" s="7"/>
      <c r="AF147" s="13"/>
      <c r="AG147" s="9"/>
      <c r="AH147" s="9"/>
      <c r="AI147" s="9"/>
      <c r="AJ147" s="9" t="s">
        <v>29</v>
      </c>
      <c r="AK147" s="43" t="s">
        <v>40</v>
      </c>
      <c r="AL147" s="43" t="s">
        <v>40</v>
      </c>
      <c r="AM147" s="43" t="s">
        <v>40</v>
      </c>
      <c r="AN147" s="43" t="s">
        <v>40</v>
      </c>
      <c r="AO147" s="43" t="s">
        <v>40</v>
      </c>
      <c r="AP147" s="43" t="s">
        <v>40</v>
      </c>
      <c r="AQ147" s="43" t="s">
        <v>40</v>
      </c>
      <c r="AR147" s="43" t="s">
        <v>40</v>
      </c>
      <c r="AS147" s="43" t="s">
        <v>40</v>
      </c>
      <c r="AT147" s="43" t="s">
        <v>40</v>
      </c>
      <c r="AU147" s="43" t="s">
        <v>40</v>
      </c>
      <c r="AV147" s="43" t="s">
        <v>40</v>
      </c>
      <c r="AW147" s="43" t="s">
        <v>40</v>
      </c>
      <c r="AX147" s="43" t="s">
        <v>40</v>
      </c>
      <c r="AY147" s="43" t="s">
        <v>40</v>
      </c>
      <c r="AZ147" s="43" t="s">
        <v>40</v>
      </c>
      <c r="BA147" s="43" t="s">
        <v>40</v>
      </c>
      <c r="BB147" s="43" t="s">
        <v>40</v>
      </c>
      <c r="BC147" s="43" t="s">
        <v>40</v>
      </c>
      <c r="BD147" s="43" t="s">
        <v>40</v>
      </c>
      <c r="BE147" s="43" t="s">
        <v>40</v>
      </c>
      <c r="BF147" s="43" t="s">
        <v>40</v>
      </c>
      <c r="BG147" s="43" t="s">
        <v>40</v>
      </c>
      <c r="BH147" s="43" t="s">
        <v>40</v>
      </c>
      <c r="BI147" s="43" t="s">
        <v>40</v>
      </c>
      <c r="BJ147" s="14"/>
      <c r="BK147" s="16"/>
      <c r="BL147" s="9"/>
      <c r="BM147" s="9"/>
      <c r="BN147" s="9"/>
      <c r="BO147" s="9" t="s">
        <v>29</v>
      </c>
      <c r="BP147" s="43" t="s">
        <v>40</v>
      </c>
      <c r="BQ147" s="43" t="s">
        <v>40</v>
      </c>
      <c r="BR147" s="43" t="s">
        <v>40</v>
      </c>
      <c r="BS147" s="43" t="s">
        <v>40</v>
      </c>
      <c r="BT147" s="43" t="s">
        <v>40</v>
      </c>
      <c r="BU147" s="43" t="s">
        <v>40</v>
      </c>
      <c r="BV147" s="43" t="s">
        <v>40</v>
      </c>
      <c r="BW147" s="43" t="s">
        <v>40</v>
      </c>
      <c r="BX147" s="43" t="s">
        <v>40</v>
      </c>
      <c r="BY147" s="43" t="s">
        <v>40</v>
      </c>
      <c r="BZ147" s="43" t="s">
        <v>40</v>
      </c>
      <c r="CA147" s="43" t="s">
        <v>40</v>
      </c>
      <c r="CB147" s="43" t="s">
        <v>40</v>
      </c>
      <c r="CC147" s="43" t="s">
        <v>40</v>
      </c>
      <c r="CD147" s="43" t="s">
        <v>40</v>
      </c>
      <c r="CE147" s="43" t="s">
        <v>40</v>
      </c>
      <c r="CF147" s="43" t="s">
        <v>40</v>
      </c>
      <c r="CG147" s="43" t="s">
        <v>40</v>
      </c>
      <c r="CH147" s="43" t="s">
        <v>40</v>
      </c>
      <c r="CI147" s="43" t="s">
        <v>40</v>
      </c>
      <c r="CJ147" s="43" t="s">
        <v>40</v>
      </c>
      <c r="CK147" s="43" t="s">
        <v>40</v>
      </c>
      <c r="CL147" s="43" t="s">
        <v>40</v>
      </c>
      <c r="CM147" s="43" t="s">
        <v>40</v>
      </c>
      <c r="CN147" s="43" t="s">
        <v>40</v>
      </c>
      <c r="CO147" s="20"/>
    </row>
    <row r="148" spans="1:93" x14ac:dyDescent="0.7">
      <c r="A148" s="7"/>
      <c r="E148" s="8" t="s">
        <v>30</v>
      </c>
      <c r="F148" s="42">
        <v>481</v>
      </c>
      <c r="G148" s="42">
        <v>63</v>
      </c>
      <c r="H148" s="42">
        <v>285</v>
      </c>
      <c r="I148" s="42">
        <v>101</v>
      </c>
      <c r="J148" s="42">
        <v>68</v>
      </c>
      <c r="K148" s="42">
        <v>107</v>
      </c>
      <c r="L148" s="42">
        <v>509</v>
      </c>
      <c r="M148" s="42">
        <v>298</v>
      </c>
      <c r="N148" s="42">
        <v>240</v>
      </c>
      <c r="O148" s="42">
        <v>401</v>
      </c>
      <c r="P148" s="42">
        <v>733</v>
      </c>
      <c r="Q148" s="42">
        <v>349</v>
      </c>
      <c r="R148" s="42">
        <v>321</v>
      </c>
      <c r="S148" s="42">
        <v>361</v>
      </c>
      <c r="T148" s="42">
        <v>621</v>
      </c>
      <c r="U148" s="42">
        <v>322</v>
      </c>
      <c r="V148" s="42">
        <v>325</v>
      </c>
      <c r="W148" s="42">
        <v>317</v>
      </c>
      <c r="X148" s="42">
        <v>554</v>
      </c>
      <c r="Y148" s="42">
        <v>345</v>
      </c>
      <c r="Z148" s="42">
        <v>287</v>
      </c>
      <c r="AA148" s="42">
        <v>272</v>
      </c>
      <c r="AB148" s="42">
        <v>462</v>
      </c>
      <c r="AC148" s="42">
        <v>252</v>
      </c>
      <c r="AD148" s="42">
        <v>256</v>
      </c>
      <c r="AE148" s="7"/>
      <c r="AF148" s="13"/>
      <c r="AG148" s="9"/>
      <c r="AH148" s="9"/>
      <c r="AI148" s="9"/>
      <c r="AJ148" s="9" t="s">
        <v>30</v>
      </c>
      <c r="AK148" s="21">
        <v>481</v>
      </c>
      <c r="AL148" s="21">
        <v>63</v>
      </c>
      <c r="AM148" s="21">
        <v>285</v>
      </c>
      <c r="AN148" s="21">
        <v>101</v>
      </c>
      <c r="AO148" s="21">
        <v>72</v>
      </c>
      <c r="AP148" s="21">
        <v>106</v>
      </c>
      <c r="AQ148" s="21">
        <v>509</v>
      </c>
      <c r="AR148" s="21">
        <v>298</v>
      </c>
      <c r="AS148" s="21">
        <v>240</v>
      </c>
      <c r="AT148" s="21">
        <v>403</v>
      </c>
      <c r="AU148" s="21">
        <v>737</v>
      </c>
      <c r="AV148" s="21">
        <v>351</v>
      </c>
      <c r="AW148" s="21">
        <v>324</v>
      </c>
      <c r="AX148" s="21">
        <v>366</v>
      </c>
      <c r="AY148" s="21">
        <v>634</v>
      </c>
      <c r="AZ148" s="21">
        <v>330</v>
      </c>
      <c r="BA148" s="21">
        <v>325</v>
      </c>
      <c r="BB148" s="21">
        <v>317</v>
      </c>
      <c r="BC148" s="21">
        <v>546</v>
      </c>
      <c r="BD148" s="21">
        <v>296</v>
      </c>
      <c r="BE148" s="21">
        <v>282</v>
      </c>
      <c r="BF148" s="21">
        <v>272</v>
      </c>
      <c r="BG148" s="21">
        <v>462</v>
      </c>
      <c r="BH148" s="21">
        <v>252</v>
      </c>
      <c r="BI148" s="21">
        <v>256</v>
      </c>
      <c r="BJ148" s="14"/>
      <c r="BK148" s="16"/>
      <c r="BL148" s="9"/>
      <c r="BM148" s="9"/>
      <c r="BN148" s="9"/>
      <c r="BO148" s="9" t="s">
        <v>30</v>
      </c>
      <c r="BP148" s="21">
        <f t="shared" ref="BP148:BP151" si="225">AK148-F148</f>
        <v>0</v>
      </c>
      <c r="BQ148" s="21">
        <f t="shared" ref="BQ148:BQ151" si="226">AL148-G148</f>
        <v>0</v>
      </c>
      <c r="BR148" s="21">
        <f t="shared" ref="BR148:BR151" si="227">AM148-H148</f>
        <v>0</v>
      </c>
      <c r="BS148" s="21">
        <f t="shared" ref="BS148:BS151" si="228">AN148-I148</f>
        <v>0</v>
      </c>
      <c r="BT148" s="21">
        <f t="shared" ref="BT148:BT151" si="229">AO148-J148</f>
        <v>4</v>
      </c>
      <c r="BU148" s="21">
        <f t="shared" ref="BU148:BU151" si="230">AP148-K148</f>
        <v>-1</v>
      </c>
      <c r="BV148" s="21">
        <f t="shared" ref="BV148:BV151" si="231">AQ148-L148</f>
        <v>0</v>
      </c>
      <c r="BW148" s="21">
        <f t="shared" ref="BW148:BW151" si="232">AR148-M148</f>
        <v>0</v>
      </c>
      <c r="BX148" s="21">
        <f t="shared" ref="BX148:BX151" si="233">AS148-N148</f>
        <v>0</v>
      </c>
      <c r="BY148" s="21">
        <f t="shared" ref="BY148:BY151" si="234">AT148-O148</f>
        <v>2</v>
      </c>
      <c r="BZ148" s="21">
        <f t="shared" ref="BZ148:BZ151" si="235">AU148-P148</f>
        <v>4</v>
      </c>
      <c r="CA148" s="21">
        <f t="shared" ref="CA148:CA151" si="236">AV148-Q148</f>
        <v>2</v>
      </c>
      <c r="CB148" s="21">
        <f t="shared" ref="CB148:CB151" si="237">AW148-R148</f>
        <v>3</v>
      </c>
      <c r="CC148" s="21">
        <f t="shared" ref="CC148:CC151" si="238">AX148-S148</f>
        <v>5</v>
      </c>
      <c r="CD148" s="21">
        <f t="shared" ref="CD148:CD151" si="239">AY148-T148</f>
        <v>13</v>
      </c>
      <c r="CE148" s="21">
        <f t="shared" ref="CE148:CE151" si="240">AZ148-U148</f>
        <v>8</v>
      </c>
      <c r="CF148" s="21">
        <f t="shared" ref="CF148:CF151" si="241">BA148-V148</f>
        <v>0</v>
      </c>
      <c r="CG148" s="21">
        <f t="shared" ref="CG148:CG151" si="242">BB148-W148</f>
        <v>0</v>
      </c>
      <c r="CH148" s="21">
        <f t="shared" ref="CH148:CH151" si="243">BC148-X148</f>
        <v>-8</v>
      </c>
      <c r="CI148" s="21">
        <f t="shared" ref="CI148:CI151" si="244">BD148-Y148</f>
        <v>-49</v>
      </c>
      <c r="CJ148" s="21">
        <f t="shared" ref="CJ148:CJ151" si="245">BE148-Z148</f>
        <v>-5</v>
      </c>
      <c r="CK148" s="21">
        <f t="shared" ref="CK148:CK151" si="246">BF148-AA148</f>
        <v>0</v>
      </c>
      <c r="CL148" s="21">
        <f t="shared" ref="CL148:CL151" si="247">BG148-AB148</f>
        <v>0</v>
      </c>
      <c r="CM148" s="21">
        <f t="shared" ref="CM148:CM151" si="248">BH148-AC148</f>
        <v>0</v>
      </c>
      <c r="CN148" s="21">
        <f t="shared" ref="CN148:CN151" si="249">BI148-AD148</f>
        <v>0</v>
      </c>
      <c r="CO148" s="20"/>
    </row>
    <row r="149" spans="1:93" x14ac:dyDescent="0.7">
      <c r="A149" s="7"/>
      <c r="E149" s="8" t="s">
        <v>31</v>
      </c>
      <c r="F149" s="42">
        <v>381</v>
      </c>
      <c r="G149" s="42">
        <v>152</v>
      </c>
      <c r="H149" s="42">
        <v>269</v>
      </c>
      <c r="I149" s="42">
        <v>184</v>
      </c>
      <c r="J149" s="42">
        <v>168</v>
      </c>
      <c r="K149" s="42">
        <v>209</v>
      </c>
      <c r="L149" s="42">
        <v>420</v>
      </c>
      <c r="M149" s="42">
        <v>278</v>
      </c>
      <c r="N149" s="42">
        <v>275</v>
      </c>
      <c r="O149" s="42">
        <v>371</v>
      </c>
      <c r="P149" s="42">
        <v>563</v>
      </c>
      <c r="Q149" s="42">
        <v>354</v>
      </c>
      <c r="R149" s="42">
        <v>415</v>
      </c>
      <c r="S149" s="42">
        <v>460</v>
      </c>
      <c r="T149" s="42">
        <v>622</v>
      </c>
      <c r="U149" s="42">
        <v>405</v>
      </c>
      <c r="V149" s="42">
        <v>401</v>
      </c>
      <c r="W149" s="42">
        <v>422</v>
      </c>
      <c r="X149" s="42">
        <v>601</v>
      </c>
      <c r="Y149" s="42">
        <v>407</v>
      </c>
      <c r="Z149" s="42">
        <v>402</v>
      </c>
      <c r="AA149" s="42">
        <v>410</v>
      </c>
      <c r="AB149" s="42">
        <v>563</v>
      </c>
      <c r="AC149" s="42">
        <v>388</v>
      </c>
      <c r="AD149" s="42">
        <v>400</v>
      </c>
      <c r="AE149" s="7"/>
      <c r="AF149" s="13"/>
      <c r="AG149" s="9"/>
      <c r="AH149" s="9"/>
      <c r="AI149" s="9"/>
      <c r="AJ149" s="9" t="s">
        <v>31</v>
      </c>
      <c r="AK149" s="21">
        <v>381</v>
      </c>
      <c r="AL149" s="21">
        <v>152</v>
      </c>
      <c r="AM149" s="21">
        <v>269</v>
      </c>
      <c r="AN149" s="21">
        <v>184</v>
      </c>
      <c r="AO149" s="21">
        <v>169</v>
      </c>
      <c r="AP149" s="21">
        <v>209</v>
      </c>
      <c r="AQ149" s="21">
        <v>421</v>
      </c>
      <c r="AR149" s="21">
        <v>278</v>
      </c>
      <c r="AS149" s="21">
        <v>275</v>
      </c>
      <c r="AT149" s="21">
        <v>370</v>
      </c>
      <c r="AU149" s="21">
        <v>559</v>
      </c>
      <c r="AV149" s="21">
        <v>350</v>
      </c>
      <c r="AW149" s="21">
        <v>411</v>
      </c>
      <c r="AX149" s="21">
        <v>454</v>
      </c>
      <c r="AY149" s="21">
        <v>607</v>
      </c>
      <c r="AZ149" s="21">
        <v>397</v>
      </c>
      <c r="BA149" s="21">
        <v>401</v>
      </c>
      <c r="BB149" s="21">
        <v>422</v>
      </c>
      <c r="BC149" s="21">
        <v>605</v>
      </c>
      <c r="BD149" s="21">
        <v>407</v>
      </c>
      <c r="BE149" s="21">
        <v>402</v>
      </c>
      <c r="BF149" s="21">
        <v>410</v>
      </c>
      <c r="BG149" s="21">
        <v>563</v>
      </c>
      <c r="BH149" s="21">
        <v>388</v>
      </c>
      <c r="BI149" s="21">
        <v>400</v>
      </c>
      <c r="BJ149" s="14"/>
      <c r="BK149" s="16"/>
      <c r="BL149" s="9"/>
      <c r="BM149" s="9"/>
      <c r="BN149" s="9"/>
      <c r="BO149" s="9" t="s">
        <v>31</v>
      </c>
      <c r="BP149" s="21">
        <f t="shared" si="225"/>
        <v>0</v>
      </c>
      <c r="BQ149" s="21">
        <f t="shared" si="226"/>
        <v>0</v>
      </c>
      <c r="BR149" s="21">
        <f t="shared" si="227"/>
        <v>0</v>
      </c>
      <c r="BS149" s="21">
        <f t="shared" si="228"/>
        <v>0</v>
      </c>
      <c r="BT149" s="21">
        <f t="shared" si="229"/>
        <v>1</v>
      </c>
      <c r="BU149" s="21">
        <f t="shared" si="230"/>
        <v>0</v>
      </c>
      <c r="BV149" s="21">
        <f t="shared" si="231"/>
        <v>1</v>
      </c>
      <c r="BW149" s="21">
        <f t="shared" si="232"/>
        <v>0</v>
      </c>
      <c r="BX149" s="21">
        <f t="shared" si="233"/>
        <v>0</v>
      </c>
      <c r="BY149" s="21">
        <f t="shared" si="234"/>
        <v>-1</v>
      </c>
      <c r="BZ149" s="21">
        <f t="shared" si="235"/>
        <v>-4</v>
      </c>
      <c r="CA149" s="21">
        <f t="shared" si="236"/>
        <v>-4</v>
      </c>
      <c r="CB149" s="21">
        <f t="shared" si="237"/>
        <v>-4</v>
      </c>
      <c r="CC149" s="21">
        <f t="shared" si="238"/>
        <v>-6</v>
      </c>
      <c r="CD149" s="21">
        <f t="shared" si="239"/>
        <v>-15</v>
      </c>
      <c r="CE149" s="21">
        <f t="shared" si="240"/>
        <v>-8</v>
      </c>
      <c r="CF149" s="21">
        <f t="shared" si="241"/>
        <v>0</v>
      </c>
      <c r="CG149" s="21">
        <f t="shared" si="242"/>
        <v>0</v>
      </c>
      <c r="CH149" s="21">
        <f t="shared" si="243"/>
        <v>4</v>
      </c>
      <c r="CI149" s="21">
        <f t="shared" si="244"/>
        <v>0</v>
      </c>
      <c r="CJ149" s="21">
        <f t="shared" si="245"/>
        <v>0</v>
      </c>
      <c r="CK149" s="21">
        <f t="shared" si="246"/>
        <v>0</v>
      </c>
      <c r="CL149" s="21">
        <f t="shared" si="247"/>
        <v>0</v>
      </c>
      <c r="CM149" s="21">
        <f t="shared" si="248"/>
        <v>0</v>
      </c>
      <c r="CN149" s="21">
        <f t="shared" si="249"/>
        <v>0</v>
      </c>
      <c r="CO149" s="20"/>
    </row>
    <row r="150" spans="1:93" x14ac:dyDescent="0.7">
      <c r="A150" s="7"/>
      <c r="E150" s="8" t="s">
        <v>32</v>
      </c>
      <c r="F150" s="42">
        <v>119</v>
      </c>
      <c r="G150" s="42">
        <v>15</v>
      </c>
      <c r="H150" s="42">
        <v>51</v>
      </c>
      <c r="I150" s="42">
        <v>25</v>
      </c>
      <c r="J150" s="42">
        <v>19</v>
      </c>
      <c r="K150" s="42">
        <v>26</v>
      </c>
      <c r="L150" s="42">
        <v>84</v>
      </c>
      <c r="M150" s="42">
        <v>61</v>
      </c>
      <c r="N150" s="42">
        <v>60</v>
      </c>
      <c r="O150" s="42">
        <v>85</v>
      </c>
      <c r="P150" s="42">
        <v>134</v>
      </c>
      <c r="Q150" s="42">
        <v>84</v>
      </c>
      <c r="R150" s="42">
        <v>94</v>
      </c>
      <c r="S150" s="42">
        <v>88</v>
      </c>
      <c r="T150" s="42">
        <v>128</v>
      </c>
      <c r="U150" s="42">
        <v>84</v>
      </c>
      <c r="V150" s="42">
        <v>93</v>
      </c>
      <c r="W150" s="42">
        <v>76</v>
      </c>
      <c r="X150" s="42">
        <v>117</v>
      </c>
      <c r="Y150" s="42">
        <v>79</v>
      </c>
      <c r="Z150" s="42">
        <v>85</v>
      </c>
      <c r="AA150" s="42">
        <v>69</v>
      </c>
      <c r="AB150" s="42">
        <v>101</v>
      </c>
      <c r="AC150" s="42">
        <v>72</v>
      </c>
      <c r="AD150" s="42">
        <v>83</v>
      </c>
      <c r="AE150" s="7"/>
      <c r="AF150" s="13"/>
      <c r="AG150" s="9"/>
      <c r="AH150" s="9"/>
      <c r="AI150" s="9"/>
      <c r="AJ150" s="9" t="s">
        <v>32</v>
      </c>
      <c r="AK150" s="21">
        <v>119</v>
      </c>
      <c r="AL150" s="21">
        <v>15</v>
      </c>
      <c r="AM150" s="21">
        <v>51</v>
      </c>
      <c r="AN150" s="21">
        <v>25</v>
      </c>
      <c r="AO150" s="21">
        <v>20</v>
      </c>
      <c r="AP150" s="21">
        <v>26</v>
      </c>
      <c r="AQ150" s="21">
        <v>84</v>
      </c>
      <c r="AR150" s="21">
        <v>61</v>
      </c>
      <c r="AS150" s="21">
        <v>60</v>
      </c>
      <c r="AT150" s="21">
        <v>85</v>
      </c>
      <c r="AU150" s="21">
        <v>134</v>
      </c>
      <c r="AV150" s="21">
        <v>83</v>
      </c>
      <c r="AW150" s="21">
        <v>94</v>
      </c>
      <c r="AX150" s="21">
        <v>88</v>
      </c>
      <c r="AY150" s="21">
        <v>128</v>
      </c>
      <c r="AZ150" s="21">
        <v>84</v>
      </c>
      <c r="BA150" s="21">
        <v>93</v>
      </c>
      <c r="BB150" s="21">
        <v>76</v>
      </c>
      <c r="BC150" s="21">
        <v>116</v>
      </c>
      <c r="BD150" s="21">
        <v>79</v>
      </c>
      <c r="BE150" s="21">
        <v>85</v>
      </c>
      <c r="BF150" s="21">
        <v>69</v>
      </c>
      <c r="BG150" s="21">
        <v>101</v>
      </c>
      <c r="BH150" s="21">
        <v>72</v>
      </c>
      <c r="BI150" s="21">
        <v>83</v>
      </c>
      <c r="BJ150" s="14"/>
      <c r="BK150" s="16"/>
      <c r="BL150" s="9"/>
      <c r="BM150" s="9"/>
      <c r="BN150" s="9"/>
      <c r="BO150" s="9" t="s">
        <v>32</v>
      </c>
      <c r="BP150" s="21">
        <f t="shared" si="225"/>
        <v>0</v>
      </c>
      <c r="BQ150" s="21">
        <f t="shared" si="226"/>
        <v>0</v>
      </c>
      <c r="BR150" s="21">
        <f t="shared" si="227"/>
        <v>0</v>
      </c>
      <c r="BS150" s="21">
        <f t="shared" si="228"/>
        <v>0</v>
      </c>
      <c r="BT150" s="21">
        <f t="shared" si="229"/>
        <v>1</v>
      </c>
      <c r="BU150" s="21">
        <f t="shared" si="230"/>
        <v>0</v>
      </c>
      <c r="BV150" s="21">
        <f t="shared" si="231"/>
        <v>0</v>
      </c>
      <c r="BW150" s="21">
        <f t="shared" si="232"/>
        <v>0</v>
      </c>
      <c r="BX150" s="21">
        <f t="shared" si="233"/>
        <v>0</v>
      </c>
      <c r="BY150" s="21">
        <f t="shared" si="234"/>
        <v>0</v>
      </c>
      <c r="BZ150" s="21">
        <f t="shared" si="235"/>
        <v>0</v>
      </c>
      <c r="CA150" s="21">
        <f t="shared" si="236"/>
        <v>-1</v>
      </c>
      <c r="CB150" s="21">
        <f t="shared" si="237"/>
        <v>0</v>
      </c>
      <c r="CC150" s="21">
        <f t="shared" si="238"/>
        <v>0</v>
      </c>
      <c r="CD150" s="21">
        <f t="shared" si="239"/>
        <v>0</v>
      </c>
      <c r="CE150" s="21">
        <f t="shared" si="240"/>
        <v>0</v>
      </c>
      <c r="CF150" s="21">
        <f t="shared" si="241"/>
        <v>0</v>
      </c>
      <c r="CG150" s="21">
        <f t="shared" si="242"/>
        <v>0</v>
      </c>
      <c r="CH150" s="21">
        <f t="shared" si="243"/>
        <v>-1</v>
      </c>
      <c r="CI150" s="21">
        <f t="shared" si="244"/>
        <v>0</v>
      </c>
      <c r="CJ150" s="21">
        <f t="shared" si="245"/>
        <v>0</v>
      </c>
      <c r="CK150" s="21">
        <f t="shared" si="246"/>
        <v>0</v>
      </c>
      <c r="CL150" s="21">
        <f t="shared" si="247"/>
        <v>0</v>
      </c>
      <c r="CM150" s="21">
        <f t="shared" si="248"/>
        <v>0</v>
      </c>
      <c r="CN150" s="21">
        <f t="shared" si="249"/>
        <v>0</v>
      </c>
      <c r="CO150" s="20"/>
    </row>
    <row r="151" spans="1:93" x14ac:dyDescent="0.7">
      <c r="A151" s="7"/>
      <c r="E151" s="8" t="s">
        <v>33</v>
      </c>
      <c r="F151" s="42">
        <v>119</v>
      </c>
      <c r="G151" s="42">
        <v>15</v>
      </c>
      <c r="H151" s="42">
        <v>51</v>
      </c>
      <c r="I151" s="42">
        <v>25</v>
      </c>
      <c r="J151" s="42">
        <v>19</v>
      </c>
      <c r="K151" s="42">
        <v>26</v>
      </c>
      <c r="L151" s="42">
        <v>84</v>
      </c>
      <c r="M151" s="42">
        <v>61</v>
      </c>
      <c r="N151" s="42">
        <v>60</v>
      </c>
      <c r="O151" s="42">
        <v>85</v>
      </c>
      <c r="P151" s="42">
        <v>134</v>
      </c>
      <c r="Q151" s="42">
        <v>84</v>
      </c>
      <c r="R151" s="42">
        <v>94</v>
      </c>
      <c r="S151" s="42">
        <v>88</v>
      </c>
      <c r="T151" s="42">
        <v>128</v>
      </c>
      <c r="U151" s="42">
        <v>84</v>
      </c>
      <c r="V151" s="42">
        <v>93</v>
      </c>
      <c r="W151" s="42">
        <v>76</v>
      </c>
      <c r="X151" s="42">
        <v>117</v>
      </c>
      <c r="Y151" s="42">
        <v>79</v>
      </c>
      <c r="Z151" s="42">
        <v>85</v>
      </c>
      <c r="AA151" s="42">
        <v>69</v>
      </c>
      <c r="AB151" s="42">
        <v>101</v>
      </c>
      <c r="AC151" s="42">
        <v>72</v>
      </c>
      <c r="AD151" s="42">
        <v>83</v>
      </c>
      <c r="AE151" s="7"/>
      <c r="AF151" s="13"/>
      <c r="AG151" s="9"/>
      <c r="AH151" s="9"/>
      <c r="AI151" s="9"/>
      <c r="AJ151" s="9" t="s">
        <v>33</v>
      </c>
      <c r="AK151" s="21">
        <v>119</v>
      </c>
      <c r="AL151" s="21">
        <v>15</v>
      </c>
      <c r="AM151" s="21">
        <v>51</v>
      </c>
      <c r="AN151" s="21">
        <v>25</v>
      </c>
      <c r="AO151" s="21">
        <v>20</v>
      </c>
      <c r="AP151" s="21">
        <v>26</v>
      </c>
      <c r="AQ151" s="21">
        <v>84</v>
      </c>
      <c r="AR151" s="21">
        <v>61</v>
      </c>
      <c r="AS151" s="21">
        <v>60</v>
      </c>
      <c r="AT151" s="21">
        <v>85</v>
      </c>
      <c r="AU151" s="21">
        <v>134</v>
      </c>
      <c r="AV151" s="21">
        <v>83</v>
      </c>
      <c r="AW151" s="21">
        <v>94</v>
      </c>
      <c r="AX151" s="21">
        <v>88</v>
      </c>
      <c r="AY151" s="21">
        <v>128</v>
      </c>
      <c r="AZ151" s="21">
        <v>84</v>
      </c>
      <c r="BA151" s="21">
        <v>93</v>
      </c>
      <c r="BB151" s="21">
        <v>76</v>
      </c>
      <c r="BC151" s="21">
        <v>116</v>
      </c>
      <c r="BD151" s="21">
        <v>79</v>
      </c>
      <c r="BE151" s="21">
        <v>85</v>
      </c>
      <c r="BF151" s="21">
        <v>69</v>
      </c>
      <c r="BG151" s="21">
        <v>101</v>
      </c>
      <c r="BH151" s="21">
        <v>72</v>
      </c>
      <c r="BI151" s="21">
        <v>83</v>
      </c>
      <c r="BJ151" s="14"/>
      <c r="BK151" s="16"/>
      <c r="BL151" s="9"/>
      <c r="BM151" s="9"/>
      <c r="BN151" s="9"/>
      <c r="BO151" s="9" t="s">
        <v>33</v>
      </c>
      <c r="BP151" s="21">
        <f t="shared" si="225"/>
        <v>0</v>
      </c>
      <c r="BQ151" s="21">
        <f t="shared" si="226"/>
        <v>0</v>
      </c>
      <c r="BR151" s="21">
        <f t="shared" si="227"/>
        <v>0</v>
      </c>
      <c r="BS151" s="21">
        <f t="shared" si="228"/>
        <v>0</v>
      </c>
      <c r="BT151" s="21">
        <f t="shared" si="229"/>
        <v>1</v>
      </c>
      <c r="BU151" s="21">
        <f t="shared" si="230"/>
        <v>0</v>
      </c>
      <c r="BV151" s="21">
        <f t="shared" si="231"/>
        <v>0</v>
      </c>
      <c r="BW151" s="21">
        <f t="shared" si="232"/>
        <v>0</v>
      </c>
      <c r="BX151" s="21">
        <f t="shared" si="233"/>
        <v>0</v>
      </c>
      <c r="BY151" s="21">
        <f t="shared" si="234"/>
        <v>0</v>
      </c>
      <c r="BZ151" s="21">
        <f t="shared" si="235"/>
        <v>0</v>
      </c>
      <c r="CA151" s="21">
        <f t="shared" si="236"/>
        <v>-1</v>
      </c>
      <c r="CB151" s="21">
        <f t="shared" si="237"/>
        <v>0</v>
      </c>
      <c r="CC151" s="21">
        <f t="shared" si="238"/>
        <v>0</v>
      </c>
      <c r="CD151" s="21">
        <f t="shared" si="239"/>
        <v>0</v>
      </c>
      <c r="CE151" s="21">
        <f t="shared" si="240"/>
        <v>0</v>
      </c>
      <c r="CF151" s="21">
        <f t="shared" si="241"/>
        <v>0</v>
      </c>
      <c r="CG151" s="21">
        <f t="shared" si="242"/>
        <v>0</v>
      </c>
      <c r="CH151" s="21">
        <f t="shared" si="243"/>
        <v>-1</v>
      </c>
      <c r="CI151" s="21">
        <f t="shared" si="244"/>
        <v>0</v>
      </c>
      <c r="CJ151" s="21">
        <f t="shared" si="245"/>
        <v>0</v>
      </c>
      <c r="CK151" s="21">
        <f t="shared" si="246"/>
        <v>0</v>
      </c>
      <c r="CL151" s="21">
        <f t="shared" si="247"/>
        <v>0</v>
      </c>
      <c r="CM151" s="21">
        <f t="shared" si="248"/>
        <v>0</v>
      </c>
      <c r="CN151" s="21">
        <f t="shared" si="249"/>
        <v>0</v>
      </c>
      <c r="CO151" s="20"/>
    </row>
    <row r="152" spans="1:93" x14ac:dyDescent="0.7">
      <c r="A152" s="7"/>
      <c r="E152" s="8" t="s">
        <v>34</v>
      </c>
      <c r="F152" s="43" t="s">
        <v>40</v>
      </c>
      <c r="G152" s="43" t="s">
        <v>40</v>
      </c>
      <c r="H152" s="43" t="s">
        <v>40</v>
      </c>
      <c r="I152" s="43" t="s">
        <v>40</v>
      </c>
      <c r="J152" s="43" t="s">
        <v>40</v>
      </c>
      <c r="K152" s="43" t="s">
        <v>40</v>
      </c>
      <c r="L152" s="43" t="s">
        <v>40</v>
      </c>
      <c r="M152" s="43" t="s">
        <v>40</v>
      </c>
      <c r="N152" s="43" t="s">
        <v>40</v>
      </c>
      <c r="O152" s="43" t="s">
        <v>40</v>
      </c>
      <c r="P152" s="43" t="s">
        <v>40</v>
      </c>
      <c r="Q152" s="43" t="s">
        <v>40</v>
      </c>
      <c r="R152" s="43" t="s">
        <v>40</v>
      </c>
      <c r="S152" s="42">
        <v>0</v>
      </c>
      <c r="T152" s="42">
        <v>0</v>
      </c>
      <c r="U152" s="42">
        <v>0</v>
      </c>
      <c r="V152" s="42">
        <v>0</v>
      </c>
      <c r="W152" s="42">
        <v>0</v>
      </c>
      <c r="X152" s="43" t="s">
        <v>40</v>
      </c>
      <c r="Y152" s="43" t="s">
        <v>40</v>
      </c>
      <c r="Z152" s="43" t="s">
        <v>40</v>
      </c>
      <c r="AA152" s="43" t="s">
        <v>40</v>
      </c>
      <c r="AB152" s="43" t="s">
        <v>40</v>
      </c>
      <c r="AC152" s="43" t="s">
        <v>40</v>
      </c>
      <c r="AD152" s="43" t="s">
        <v>40</v>
      </c>
      <c r="AE152" s="7"/>
      <c r="AF152" s="13"/>
      <c r="AG152" s="9"/>
      <c r="AH152" s="9"/>
      <c r="AI152" s="9"/>
      <c r="AJ152" s="9" t="s">
        <v>34</v>
      </c>
      <c r="AK152" s="43" t="s">
        <v>40</v>
      </c>
      <c r="AL152" s="43" t="s">
        <v>40</v>
      </c>
      <c r="AM152" s="43" t="s">
        <v>40</v>
      </c>
      <c r="AN152" s="43" t="s">
        <v>40</v>
      </c>
      <c r="AO152" s="43" t="s">
        <v>40</v>
      </c>
      <c r="AP152" s="43" t="s">
        <v>40</v>
      </c>
      <c r="AQ152" s="43" t="s">
        <v>40</v>
      </c>
      <c r="AR152" s="43" t="s">
        <v>40</v>
      </c>
      <c r="AS152" s="43" t="s">
        <v>40</v>
      </c>
      <c r="AT152" s="43" t="s">
        <v>40</v>
      </c>
      <c r="AU152" s="43" t="s">
        <v>40</v>
      </c>
      <c r="AV152" s="43" t="s">
        <v>40</v>
      </c>
      <c r="AW152" s="43" t="s">
        <v>40</v>
      </c>
      <c r="AX152" s="43" t="s">
        <v>40</v>
      </c>
      <c r="AY152" s="43" t="s">
        <v>40</v>
      </c>
      <c r="AZ152" s="43" t="s">
        <v>40</v>
      </c>
      <c r="BA152" s="43" t="s">
        <v>40</v>
      </c>
      <c r="BB152" s="43" t="s">
        <v>40</v>
      </c>
      <c r="BC152" s="43" t="s">
        <v>40</v>
      </c>
      <c r="BD152" s="43" t="s">
        <v>40</v>
      </c>
      <c r="BE152" s="43" t="s">
        <v>40</v>
      </c>
      <c r="BF152" s="43" t="s">
        <v>40</v>
      </c>
      <c r="BG152" s="43" t="s">
        <v>40</v>
      </c>
      <c r="BH152" s="43" t="s">
        <v>40</v>
      </c>
      <c r="BI152" s="43" t="s">
        <v>40</v>
      </c>
      <c r="BJ152" s="14"/>
      <c r="BK152" s="16"/>
      <c r="BL152" s="9"/>
      <c r="BM152" s="9"/>
      <c r="BN152" s="9"/>
      <c r="BO152" s="9" t="s">
        <v>34</v>
      </c>
      <c r="BP152" s="43" t="s">
        <v>40</v>
      </c>
      <c r="BQ152" s="43" t="s">
        <v>40</v>
      </c>
      <c r="BR152" s="43" t="s">
        <v>40</v>
      </c>
      <c r="BS152" s="43" t="s">
        <v>40</v>
      </c>
      <c r="BT152" s="43" t="s">
        <v>40</v>
      </c>
      <c r="BU152" s="43" t="s">
        <v>40</v>
      </c>
      <c r="BV152" s="43" t="s">
        <v>40</v>
      </c>
      <c r="BW152" s="43" t="s">
        <v>40</v>
      </c>
      <c r="BX152" s="43" t="s">
        <v>40</v>
      </c>
      <c r="BY152" s="43" t="s">
        <v>40</v>
      </c>
      <c r="BZ152" s="43" t="s">
        <v>40</v>
      </c>
      <c r="CA152" s="43" t="s">
        <v>40</v>
      </c>
      <c r="CB152" s="43" t="s">
        <v>40</v>
      </c>
      <c r="CC152" s="43" t="s">
        <v>40</v>
      </c>
      <c r="CD152" s="43" t="s">
        <v>40</v>
      </c>
      <c r="CE152" s="43" t="s">
        <v>40</v>
      </c>
      <c r="CF152" s="43" t="s">
        <v>40</v>
      </c>
      <c r="CG152" s="43" t="s">
        <v>40</v>
      </c>
      <c r="CH152" s="43" t="s">
        <v>40</v>
      </c>
      <c r="CI152" s="43" t="s">
        <v>40</v>
      </c>
      <c r="CJ152" s="43" t="s">
        <v>40</v>
      </c>
      <c r="CK152" s="43" t="s">
        <v>40</v>
      </c>
      <c r="CL152" s="43" t="s">
        <v>40</v>
      </c>
      <c r="CM152" s="43" t="s">
        <v>40</v>
      </c>
      <c r="CN152" s="43" t="s">
        <v>40</v>
      </c>
      <c r="CO152" s="20"/>
    </row>
    <row r="153" spans="1:93" x14ac:dyDescent="0.7">
      <c r="A153" s="7"/>
      <c r="E153" s="8" t="s">
        <v>35</v>
      </c>
      <c r="F153" s="43" t="s">
        <v>40</v>
      </c>
      <c r="G153" s="43" t="s">
        <v>40</v>
      </c>
      <c r="H153" s="43" t="s">
        <v>40</v>
      </c>
      <c r="I153" s="43" t="s">
        <v>40</v>
      </c>
      <c r="J153" s="43" t="s">
        <v>40</v>
      </c>
      <c r="K153" s="43" t="s">
        <v>40</v>
      </c>
      <c r="L153" s="43" t="s">
        <v>40</v>
      </c>
      <c r="M153" s="43" t="s">
        <v>40</v>
      </c>
      <c r="N153" s="43" t="s">
        <v>40</v>
      </c>
      <c r="O153" s="43" t="s">
        <v>40</v>
      </c>
      <c r="P153" s="43" t="s">
        <v>40</v>
      </c>
      <c r="Q153" s="43" t="s">
        <v>40</v>
      </c>
      <c r="R153" s="43" t="s">
        <v>40</v>
      </c>
      <c r="S153" s="42">
        <v>0</v>
      </c>
      <c r="T153" s="42">
        <v>0</v>
      </c>
      <c r="U153" s="42">
        <v>0</v>
      </c>
      <c r="V153" s="42">
        <v>0</v>
      </c>
      <c r="W153" s="42">
        <v>0</v>
      </c>
      <c r="X153" s="43" t="s">
        <v>40</v>
      </c>
      <c r="Y153" s="43" t="s">
        <v>40</v>
      </c>
      <c r="Z153" s="43" t="s">
        <v>40</v>
      </c>
      <c r="AA153" s="43" t="s">
        <v>40</v>
      </c>
      <c r="AB153" s="43" t="s">
        <v>40</v>
      </c>
      <c r="AC153" s="43" t="s">
        <v>40</v>
      </c>
      <c r="AD153" s="43" t="s">
        <v>40</v>
      </c>
      <c r="AE153" s="7"/>
      <c r="AF153" s="13"/>
      <c r="AG153" s="9"/>
      <c r="AH153" s="9"/>
      <c r="AI153" s="9"/>
      <c r="AJ153" s="9" t="s">
        <v>35</v>
      </c>
      <c r="AK153" s="43" t="s">
        <v>40</v>
      </c>
      <c r="AL153" s="43" t="s">
        <v>40</v>
      </c>
      <c r="AM153" s="43" t="s">
        <v>40</v>
      </c>
      <c r="AN153" s="43" t="s">
        <v>40</v>
      </c>
      <c r="AO153" s="43" t="s">
        <v>40</v>
      </c>
      <c r="AP153" s="43" t="s">
        <v>40</v>
      </c>
      <c r="AQ153" s="43" t="s">
        <v>40</v>
      </c>
      <c r="AR153" s="43" t="s">
        <v>40</v>
      </c>
      <c r="AS153" s="43" t="s">
        <v>40</v>
      </c>
      <c r="AT153" s="43" t="s">
        <v>40</v>
      </c>
      <c r="AU153" s="43" t="s">
        <v>40</v>
      </c>
      <c r="AV153" s="43" t="s">
        <v>40</v>
      </c>
      <c r="AW153" s="43" t="s">
        <v>40</v>
      </c>
      <c r="AX153" s="43" t="s">
        <v>40</v>
      </c>
      <c r="AY153" s="43" t="s">
        <v>40</v>
      </c>
      <c r="AZ153" s="43" t="s">
        <v>40</v>
      </c>
      <c r="BA153" s="43" t="s">
        <v>40</v>
      </c>
      <c r="BB153" s="43" t="s">
        <v>40</v>
      </c>
      <c r="BC153" s="43" t="s">
        <v>40</v>
      </c>
      <c r="BD153" s="43" t="s">
        <v>40</v>
      </c>
      <c r="BE153" s="43" t="s">
        <v>40</v>
      </c>
      <c r="BF153" s="43" t="s">
        <v>40</v>
      </c>
      <c r="BG153" s="43" t="s">
        <v>40</v>
      </c>
      <c r="BH153" s="43" t="s">
        <v>40</v>
      </c>
      <c r="BI153" s="43" t="s">
        <v>40</v>
      </c>
      <c r="BJ153" s="14"/>
      <c r="BK153" s="16"/>
      <c r="BL153" s="9"/>
      <c r="BM153" s="9"/>
      <c r="BN153" s="9"/>
      <c r="BO153" s="9" t="s">
        <v>35</v>
      </c>
      <c r="BP153" s="43" t="s">
        <v>40</v>
      </c>
      <c r="BQ153" s="43" t="s">
        <v>40</v>
      </c>
      <c r="BR153" s="43" t="s">
        <v>40</v>
      </c>
      <c r="BS153" s="43" t="s">
        <v>40</v>
      </c>
      <c r="BT153" s="43" t="s">
        <v>40</v>
      </c>
      <c r="BU153" s="43" t="s">
        <v>40</v>
      </c>
      <c r="BV153" s="43" t="s">
        <v>40</v>
      </c>
      <c r="BW153" s="43" t="s">
        <v>40</v>
      </c>
      <c r="BX153" s="43" t="s">
        <v>40</v>
      </c>
      <c r="BY153" s="43" t="s">
        <v>40</v>
      </c>
      <c r="BZ153" s="43" t="s">
        <v>40</v>
      </c>
      <c r="CA153" s="43" t="s">
        <v>40</v>
      </c>
      <c r="CB153" s="43" t="s">
        <v>40</v>
      </c>
      <c r="CC153" s="43" t="s">
        <v>40</v>
      </c>
      <c r="CD153" s="43" t="s">
        <v>40</v>
      </c>
      <c r="CE153" s="43" t="s">
        <v>40</v>
      </c>
      <c r="CF153" s="43" t="s">
        <v>40</v>
      </c>
      <c r="CG153" s="43" t="s">
        <v>40</v>
      </c>
      <c r="CH153" s="43" t="s">
        <v>40</v>
      </c>
      <c r="CI153" s="43" t="s">
        <v>40</v>
      </c>
      <c r="CJ153" s="43" t="s">
        <v>40</v>
      </c>
      <c r="CK153" s="43" t="s">
        <v>40</v>
      </c>
      <c r="CL153" s="43" t="s">
        <v>40</v>
      </c>
      <c r="CM153" s="43" t="s">
        <v>40</v>
      </c>
      <c r="CN153" s="43" t="s">
        <v>40</v>
      </c>
      <c r="CO153" s="20"/>
    </row>
    <row r="154" spans="1:93" x14ac:dyDescent="0.7">
      <c r="A154" s="7"/>
      <c r="E154" s="8" t="s">
        <v>36</v>
      </c>
      <c r="F154" s="43" t="s">
        <v>40</v>
      </c>
      <c r="G154" s="43" t="s">
        <v>40</v>
      </c>
      <c r="H154" s="43" t="s">
        <v>40</v>
      </c>
      <c r="I154" s="43" t="s">
        <v>40</v>
      </c>
      <c r="J154" s="43" t="s">
        <v>40</v>
      </c>
      <c r="K154" s="43" t="s">
        <v>40</v>
      </c>
      <c r="L154" s="43" t="s">
        <v>40</v>
      </c>
      <c r="M154" s="43" t="s">
        <v>40</v>
      </c>
      <c r="N154" s="43" t="s">
        <v>40</v>
      </c>
      <c r="O154" s="43" t="s">
        <v>40</v>
      </c>
      <c r="P154" s="43" t="s">
        <v>40</v>
      </c>
      <c r="Q154" s="43" t="s">
        <v>40</v>
      </c>
      <c r="R154" s="43" t="s">
        <v>40</v>
      </c>
      <c r="S154" s="42">
        <v>0</v>
      </c>
      <c r="T154" s="42">
        <v>0</v>
      </c>
      <c r="U154" s="42">
        <v>0</v>
      </c>
      <c r="V154" s="42">
        <v>0</v>
      </c>
      <c r="W154" s="42">
        <v>0</v>
      </c>
      <c r="X154" s="43" t="s">
        <v>40</v>
      </c>
      <c r="Y154" s="43" t="s">
        <v>40</v>
      </c>
      <c r="Z154" s="43" t="s">
        <v>40</v>
      </c>
      <c r="AA154" s="43" t="s">
        <v>40</v>
      </c>
      <c r="AB154" s="43" t="s">
        <v>40</v>
      </c>
      <c r="AC154" s="43" t="s">
        <v>40</v>
      </c>
      <c r="AD154" s="43" t="s">
        <v>40</v>
      </c>
      <c r="AE154" s="7"/>
      <c r="AF154" s="13"/>
      <c r="AG154" s="9"/>
      <c r="AH154" s="9"/>
      <c r="AI154" s="9"/>
      <c r="AJ154" s="9" t="s">
        <v>36</v>
      </c>
      <c r="AK154" s="43" t="s">
        <v>40</v>
      </c>
      <c r="AL154" s="43" t="s">
        <v>40</v>
      </c>
      <c r="AM154" s="43" t="s">
        <v>40</v>
      </c>
      <c r="AN154" s="43" t="s">
        <v>40</v>
      </c>
      <c r="AO154" s="43" t="s">
        <v>40</v>
      </c>
      <c r="AP154" s="43" t="s">
        <v>40</v>
      </c>
      <c r="AQ154" s="43" t="s">
        <v>40</v>
      </c>
      <c r="AR154" s="43" t="s">
        <v>40</v>
      </c>
      <c r="AS154" s="43" t="s">
        <v>40</v>
      </c>
      <c r="AT154" s="43" t="s">
        <v>40</v>
      </c>
      <c r="AU154" s="43" t="s">
        <v>40</v>
      </c>
      <c r="AV154" s="43" t="s">
        <v>40</v>
      </c>
      <c r="AW154" s="43" t="s">
        <v>40</v>
      </c>
      <c r="AX154" s="43" t="s">
        <v>40</v>
      </c>
      <c r="AY154" s="43" t="s">
        <v>40</v>
      </c>
      <c r="AZ154" s="43" t="s">
        <v>40</v>
      </c>
      <c r="BA154" s="43" t="s">
        <v>40</v>
      </c>
      <c r="BB154" s="43" t="s">
        <v>40</v>
      </c>
      <c r="BC154" s="43" t="s">
        <v>40</v>
      </c>
      <c r="BD154" s="43" t="s">
        <v>40</v>
      </c>
      <c r="BE154" s="43" t="s">
        <v>40</v>
      </c>
      <c r="BF154" s="43" t="s">
        <v>40</v>
      </c>
      <c r="BG154" s="43" t="s">
        <v>40</v>
      </c>
      <c r="BH154" s="43" t="s">
        <v>40</v>
      </c>
      <c r="BI154" s="43" t="s">
        <v>40</v>
      </c>
      <c r="BJ154" s="14"/>
      <c r="BK154" s="16"/>
      <c r="BL154" s="9"/>
      <c r="BM154" s="9"/>
      <c r="BN154" s="9"/>
      <c r="BO154" s="9" t="s">
        <v>36</v>
      </c>
      <c r="BP154" s="43" t="s">
        <v>40</v>
      </c>
      <c r="BQ154" s="43" t="s">
        <v>40</v>
      </c>
      <c r="BR154" s="43" t="s">
        <v>40</v>
      </c>
      <c r="BS154" s="43" t="s">
        <v>40</v>
      </c>
      <c r="BT154" s="43" t="s">
        <v>40</v>
      </c>
      <c r="BU154" s="43" t="s">
        <v>40</v>
      </c>
      <c r="BV154" s="43" t="s">
        <v>40</v>
      </c>
      <c r="BW154" s="43" t="s">
        <v>40</v>
      </c>
      <c r="BX154" s="43" t="s">
        <v>40</v>
      </c>
      <c r="BY154" s="43" t="s">
        <v>40</v>
      </c>
      <c r="BZ154" s="43" t="s">
        <v>40</v>
      </c>
      <c r="CA154" s="43" t="s">
        <v>40</v>
      </c>
      <c r="CB154" s="43" t="s">
        <v>40</v>
      </c>
      <c r="CC154" s="43" t="s">
        <v>40</v>
      </c>
      <c r="CD154" s="43" t="s">
        <v>40</v>
      </c>
      <c r="CE154" s="43" t="s">
        <v>40</v>
      </c>
      <c r="CF154" s="43" t="s">
        <v>40</v>
      </c>
      <c r="CG154" s="43" t="s">
        <v>40</v>
      </c>
      <c r="CH154" s="43" t="s">
        <v>40</v>
      </c>
      <c r="CI154" s="43" t="s">
        <v>40</v>
      </c>
      <c r="CJ154" s="43" t="s">
        <v>40</v>
      </c>
      <c r="CK154" s="43" t="s">
        <v>40</v>
      </c>
      <c r="CL154" s="43" t="s">
        <v>40</v>
      </c>
      <c r="CM154" s="43" t="s">
        <v>40</v>
      </c>
      <c r="CN154" s="43" t="s">
        <v>40</v>
      </c>
      <c r="CO154" s="20"/>
    </row>
    <row r="155" spans="1:93" x14ac:dyDescent="0.7">
      <c r="A155" s="7"/>
      <c r="B155" s="8" t="s">
        <v>44</v>
      </c>
      <c r="C155" s="8" t="s">
        <v>26</v>
      </c>
      <c r="D155" s="8" t="s">
        <v>26</v>
      </c>
      <c r="E155" s="8" t="s">
        <v>27</v>
      </c>
      <c r="F155" s="42">
        <v>154004</v>
      </c>
      <c r="G155" s="42">
        <v>158634</v>
      </c>
      <c r="H155" s="42">
        <v>171552</v>
      </c>
      <c r="I155" s="42">
        <v>180030</v>
      </c>
      <c r="J155" s="42">
        <v>145929</v>
      </c>
      <c r="K155" s="42">
        <v>186358</v>
      </c>
      <c r="L155" s="42">
        <v>192186</v>
      </c>
      <c r="M155" s="42">
        <v>193921</v>
      </c>
      <c r="N155" s="42">
        <v>176397</v>
      </c>
      <c r="O155" s="42">
        <v>204089</v>
      </c>
      <c r="P155" s="42">
        <v>200641</v>
      </c>
      <c r="Q155" s="42">
        <v>200530</v>
      </c>
      <c r="R155" s="42">
        <v>186469</v>
      </c>
      <c r="S155" s="42">
        <v>205222</v>
      </c>
      <c r="T155" s="42">
        <v>201481</v>
      </c>
      <c r="U155" s="42">
        <v>204319</v>
      </c>
      <c r="V155" s="42">
        <v>190224</v>
      </c>
      <c r="W155" s="42">
        <v>213688</v>
      </c>
      <c r="X155" s="42">
        <v>211928</v>
      </c>
      <c r="Y155" s="42">
        <v>215463</v>
      </c>
      <c r="Z155" s="42">
        <v>199530</v>
      </c>
      <c r="AA155" s="42">
        <v>221906</v>
      </c>
      <c r="AB155" s="42">
        <v>221370</v>
      </c>
      <c r="AC155" s="42">
        <v>229301</v>
      </c>
      <c r="AD155" s="42">
        <v>204068</v>
      </c>
      <c r="AE155" s="7"/>
      <c r="AF155" s="13"/>
      <c r="AG155" s="9" t="s">
        <v>44</v>
      </c>
      <c r="AH155" s="9" t="s">
        <v>26</v>
      </c>
      <c r="AI155" s="9" t="s">
        <v>26</v>
      </c>
      <c r="AJ155" s="9" t="s">
        <v>27</v>
      </c>
      <c r="AK155" s="21">
        <v>154006</v>
      </c>
      <c r="AL155" s="21">
        <v>158636</v>
      </c>
      <c r="AM155" s="21">
        <v>171552</v>
      </c>
      <c r="AN155" s="21">
        <v>180029</v>
      </c>
      <c r="AO155" s="21">
        <v>146088</v>
      </c>
      <c r="AP155" s="21">
        <v>186250</v>
      </c>
      <c r="AQ155" s="21">
        <v>193257</v>
      </c>
      <c r="AR155" s="21">
        <v>193921</v>
      </c>
      <c r="AS155" s="21">
        <v>176068</v>
      </c>
      <c r="AT155" s="21">
        <v>204088</v>
      </c>
      <c r="AU155" s="21">
        <v>200640</v>
      </c>
      <c r="AV155" s="21">
        <v>200101</v>
      </c>
      <c r="AW155" s="21">
        <v>186074</v>
      </c>
      <c r="AX155" s="21">
        <v>204767</v>
      </c>
      <c r="AY155" s="21">
        <v>201039</v>
      </c>
      <c r="AZ155" s="21">
        <v>204325</v>
      </c>
      <c r="BA155" s="21">
        <v>190221</v>
      </c>
      <c r="BB155" s="21">
        <v>213687</v>
      </c>
      <c r="BC155" s="21">
        <v>211652</v>
      </c>
      <c r="BD155" s="21">
        <v>216227</v>
      </c>
      <c r="BE155" s="21">
        <v>197002</v>
      </c>
      <c r="BF155" s="21">
        <v>221906</v>
      </c>
      <c r="BG155" s="21">
        <v>221396</v>
      </c>
      <c r="BH155" s="21">
        <v>228210</v>
      </c>
      <c r="BI155" s="21">
        <v>204068</v>
      </c>
      <c r="BJ155" s="14"/>
      <c r="BK155" s="16"/>
      <c r="BL155" s="9" t="s">
        <v>44</v>
      </c>
      <c r="BM155" s="9" t="s">
        <v>26</v>
      </c>
      <c r="BN155" s="9" t="s">
        <v>26</v>
      </c>
      <c r="BO155" s="9" t="s">
        <v>27</v>
      </c>
      <c r="BP155" s="21">
        <f t="shared" ref="BP155:BP166" si="250">AK155-F155</f>
        <v>2</v>
      </c>
      <c r="BQ155" s="21">
        <f t="shared" ref="BQ155:BQ166" si="251">AL155-G155</f>
        <v>2</v>
      </c>
      <c r="BR155" s="21">
        <f t="shared" ref="BR155:BR166" si="252">AM155-H155</f>
        <v>0</v>
      </c>
      <c r="BS155" s="21">
        <f t="shared" ref="BS155:BS166" si="253">AN155-I155</f>
        <v>-1</v>
      </c>
      <c r="BT155" s="21">
        <f t="shared" ref="BT155:BT166" si="254">AO155-J155</f>
        <v>159</v>
      </c>
      <c r="BU155" s="21">
        <f t="shared" ref="BU155:BU166" si="255">AP155-K155</f>
        <v>-108</v>
      </c>
      <c r="BV155" s="21">
        <f t="shared" ref="BV155:BV166" si="256">AQ155-L155</f>
        <v>1071</v>
      </c>
      <c r="BW155" s="21">
        <f t="shared" ref="BW155:BW166" si="257">AR155-M155</f>
        <v>0</v>
      </c>
      <c r="BX155" s="21">
        <f t="shared" ref="BX155:BX166" si="258">AS155-N155</f>
        <v>-329</v>
      </c>
      <c r="BY155" s="21">
        <f t="shared" ref="BY155:BY166" si="259">AT155-O155</f>
        <v>-1</v>
      </c>
      <c r="BZ155" s="21">
        <f t="shared" ref="BZ155:BZ166" si="260">AU155-P155</f>
        <v>-1</v>
      </c>
      <c r="CA155" s="21">
        <f t="shared" ref="CA155:CA166" si="261">AV155-Q155</f>
        <v>-429</v>
      </c>
      <c r="CB155" s="21">
        <f t="shared" ref="CB155:CB166" si="262">AW155-R155</f>
        <v>-395</v>
      </c>
      <c r="CC155" s="21">
        <f t="shared" ref="CC155:CC166" si="263">AX155-S155</f>
        <v>-455</v>
      </c>
      <c r="CD155" s="21">
        <f t="shared" ref="CD155:CD166" si="264">AY155-T155</f>
        <v>-442</v>
      </c>
      <c r="CE155" s="21">
        <f t="shared" ref="CE155:CE166" si="265">AZ155-U155</f>
        <v>6</v>
      </c>
      <c r="CF155" s="21">
        <f t="shared" ref="CF155:CF166" si="266">BA155-V155</f>
        <v>-3</v>
      </c>
      <c r="CG155" s="21">
        <f t="shared" ref="CG155:CG166" si="267">BB155-W155</f>
        <v>-1</v>
      </c>
      <c r="CH155" s="21">
        <f t="shared" ref="CH155:CH166" si="268">BC155-X155</f>
        <v>-276</v>
      </c>
      <c r="CI155" s="21">
        <f t="shared" ref="CI155:CI166" si="269">BD155-Y155</f>
        <v>764</v>
      </c>
      <c r="CJ155" s="21">
        <f t="shared" ref="CJ155:CJ166" si="270">BE155-Z155</f>
        <v>-2528</v>
      </c>
      <c r="CK155" s="21">
        <f t="shared" ref="CK155:CK166" si="271">BF155-AA155</f>
        <v>0</v>
      </c>
      <c r="CL155" s="21">
        <f t="shared" ref="CL155:CL166" si="272">BG155-AB155</f>
        <v>26</v>
      </c>
      <c r="CM155" s="21">
        <f t="shared" ref="CM155:CM166" si="273">BH155-AC155</f>
        <v>-1091</v>
      </c>
      <c r="CN155" s="21">
        <f t="shared" ref="CN155:CN166" si="274">BI155-AD155</f>
        <v>0</v>
      </c>
      <c r="CO155" s="20"/>
    </row>
    <row r="156" spans="1:93" x14ac:dyDescent="0.7">
      <c r="A156" s="7"/>
      <c r="E156" s="8" t="s">
        <v>28</v>
      </c>
      <c r="F156" s="42">
        <v>141138</v>
      </c>
      <c r="G156" s="42">
        <v>150433</v>
      </c>
      <c r="H156" s="42">
        <v>161438</v>
      </c>
      <c r="I156" s="42">
        <v>170510</v>
      </c>
      <c r="J156" s="42">
        <v>138111</v>
      </c>
      <c r="K156" s="42">
        <v>176200</v>
      </c>
      <c r="L156" s="42">
        <v>179658</v>
      </c>
      <c r="M156" s="42">
        <v>180852</v>
      </c>
      <c r="N156" s="42">
        <v>163148</v>
      </c>
      <c r="O156" s="42">
        <v>188376</v>
      </c>
      <c r="P156" s="42">
        <v>184498</v>
      </c>
      <c r="Q156" s="42">
        <v>185123</v>
      </c>
      <c r="R156" s="42">
        <v>170551</v>
      </c>
      <c r="S156" s="42">
        <v>188872</v>
      </c>
      <c r="T156" s="42">
        <v>184647</v>
      </c>
      <c r="U156" s="42">
        <v>187692</v>
      </c>
      <c r="V156" s="42">
        <v>173365</v>
      </c>
      <c r="W156" s="42">
        <v>196171</v>
      </c>
      <c r="X156" s="42">
        <v>194049</v>
      </c>
      <c r="Y156" s="42">
        <v>197537</v>
      </c>
      <c r="Z156" s="42">
        <v>181835</v>
      </c>
      <c r="AA156" s="42">
        <v>203741</v>
      </c>
      <c r="AB156" s="42">
        <v>202572</v>
      </c>
      <c r="AC156" s="42">
        <v>210134</v>
      </c>
      <c r="AD156" s="42">
        <v>184801</v>
      </c>
      <c r="AE156" s="7"/>
      <c r="AF156" s="13"/>
      <c r="AG156" s="9"/>
      <c r="AH156" s="9"/>
      <c r="AI156" s="9"/>
      <c r="AJ156" s="9" t="s">
        <v>28</v>
      </c>
      <c r="AK156" s="21">
        <v>141139</v>
      </c>
      <c r="AL156" s="21">
        <v>150434</v>
      </c>
      <c r="AM156" s="21">
        <v>161439</v>
      </c>
      <c r="AN156" s="21">
        <v>170509</v>
      </c>
      <c r="AO156" s="21">
        <v>138231</v>
      </c>
      <c r="AP156" s="21">
        <v>176092</v>
      </c>
      <c r="AQ156" s="21">
        <v>180671</v>
      </c>
      <c r="AR156" s="21">
        <v>180851</v>
      </c>
      <c r="AS156" s="21">
        <v>162819</v>
      </c>
      <c r="AT156" s="21">
        <v>188376</v>
      </c>
      <c r="AU156" s="21">
        <v>184497</v>
      </c>
      <c r="AV156" s="21">
        <v>184703</v>
      </c>
      <c r="AW156" s="21">
        <v>170166</v>
      </c>
      <c r="AX156" s="21">
        <v>188426</v>
      </c>
      <c r="AY156" s="21">
        <v>184215</v>
      </c>
      <c r="AZ156" s="21">
        <v>187759</v>
      </c>
      <c r="BA156" s="21">
        <v>173362</v>
      </c>
      <c r="BB156" s="21">
        <v>196170</v>
      </c>
      <c r="BC156" s="21">
        <v>193681</v>
      </c>
      <c r="BD156" s="21">
        <v>198300</v>
      </c>
      <c r="BE156" s="21">
        <v>179308</v>
      </c>
      <c r="BF156" s="21">
        <v>203741</v>
      </c>
      <c r="BG156" s="21">
        <v>202572</v>
      </c>
      <c r="BH156" s="21">
        <v>209042</v>
      </c>
      <c r="BI156" s="21">
        <v>184801</v>
      </c>
      <c r="BJ156" s="14"/>
      <c r="BK156" s="16"/>
      <c r="BL156" s="9"/>
      <c r="BM156" s="9"/>
      <c r="BN156" s="9"/>
      <c r="BO156" s="9" t="s">
        <v>28</v>
      </c>
      <c r="BP156" s="21">
        <f t="shared" si="250"/>
        <v>1</v>
      </c>
      <c r="BQ156" s="21">
        <f t="shared" si="251"/>
        <v>1</v>
      </c>
      <c r="BR156" s="21">
        <f t="shared" si="252"/>
        <v>1</v>
      </c>
      <c r="BS156" s="21">
        <f t="shared" si="253"/>
        <v>-1</v>
      </c>
      <c r="BT156" s="21">
        <f t="shared" si="254"/>
        <v>120</v>
      </c>
      <c r="BU156" s="21">
        <f t="shared" si="255"/>
        <v>-108</v>
      </c>
      <c r="BV156" s="21">
        <f t="shared" si="256"/>
        <v>1013</v>
      </c>
      <c r="BW156" s="21">
        <f t="shared" si="257"/>
        <v>-1</v>
      </c>
      <c r="BX156" s="21">
        <f t="shared" si="258"/>
        <v>-329</v>
      </c>
      <c r="BY156" s="21">
        <f t="shared" si="259"/>
        <v>0</v>
      </c>
      <c r="BZ156" s="21">
        <f t="shared" si="260"/>
        <v>-1</v>
      </c>
      <c r="CA156" s="21">
        <f t="shared" si="261"/>
        <v>-420</v>
      </c>
      <c r="CB156" s="21">
        <f t="shared" si="262"/>
        <v>-385</v>
      </c>
      <c r="CC156" s="21">
        <f t="shared" si="263"/>
        <v>-446</v>
      </c>
      <c r="CD156" s="21">
        <f t="shared" si="264"/>
        <v>-432</v>
      </c>
      <c r="CE156" s="21">
        <f t="shared" si="265"/>
        <v>67</v>
      </c>
      <c r="CF156" s="21">
        <f t="shared" si="266"/>
        <v>-3</v>
      </c>
      <c r="CG156" s="21">
        <f t="shared" si="267"/>
        <v>-1</v>
      </c>
      <c r="CH156" s="21">
        <f t="shared" si="268"/>
        <v>-368</v>
      </c>
      <c r="CI156" s="21">
        <f t="shared" si="269"/>
        <v>763</v>
      </c>
      <c r="CJ156" s="21">
        <f t="shared" si="270"/>
        <v>-2527</v>
      </c>
      <c r="CK156" s="21">
        <f t="shared" si="271"/>
        <v>0</v>
      </c>
      <c r="CL156" s="21">
        <f t="shared" si="272"/>
        <v>0</v>
      </c>
      <c r="CM156" s="21">
        <f t="shared" si="273"/>
        <v>-1092</v>
      </c>
      <c r="CN156" s="21">
        <f t="shared" si="274"/>
        <v>0</v>
      </c>
      <c r="CO156" s="20"/>
    </row>
    <row r="157" spans="1:93" x14ac:dyDescent="0.7">
      <c r="A157" s="7"/>
      <c r="E157" s="8" t="s">
        <v>29</v>
      </c>
      <c r="F157" s="42">
        <v>3293</v>
      </c>
      <c r="G157" s="42">
        <v>3377</v>
      </c>
      <c r="H157" s="42">
        <v>3396</v>
      </c>
      <c r="I157" s="42">
        <v>3468</v>
      </c>
      <c r="J157" s="42">
        <v>2656</v>
      </c>
      <c r="K157" s="42">
        <v>3048</v>
      </c>
      <c r="L157" s="42">
        <v>2857</v>
      </c>
      <c r="M157" s="42">
        <v>2666</v>
      </c>
      <c r="N157" s="42">
        <v>2345</v>
      </c>
      <c r="O157" s="42">
        <v>2620</v>
      </c>
      <c r="P157" s="42">
        <v>2425</v>
      </c>
      <c r="Q157" s="42">
        <v>2513</v>
      </c>
      <c r="R157" s="42">
        <v>2203</v>
      </c>
      <c r="S157" s="42">
        <v>2604</v>
      </c>
      <c r="T157" s="42">
        <v>2705</v>
      </c>
      <c r="U157" s="42">
        <v>3022</v>
      </c>
      <c r="V157" s="42">
        <v>1320</v>
      </c>
      <c r="W157" s="42">
        <v>1372</v>
      </c>
      <c r="X157" s="42">
        <v>1232</v>
      </c>
      <c r="Y157" s="42">
        <v>1180</v>
      </c>
      <c r="Z157" s="42">
        <v>1026</v>
      </c>
      <c r="AA157" s="42">
        <v>1047</v>
      </c>
      <c r="AB157" s="42">
        <v>909</v>
      </c>
      <c r="AC157" s="42">
        <v>897</v>
      </c>
      <c r="AD157" s="42">
        <v>743</v>
      </c>
      <c r="AE157" s="7"/>
      <c r="AF157" s="13"/>
      <c r="AG157" s="9"/>
      <c r="AH157" s="9"/>
      <c r="AI157" s="9"/>
      <c r="AJ157" s="9" t="s">
        <v>29</v>
      </c>
      <c r="AK157" s="21">
        <v>3293</v>
      </c>
      <c r="AL157" s="21">
        <v>3378</v>
      </c>
      <c r="AM157" s="21">
        <v>3397</v>
      </c>
      <c r="AN157" s="21">
        <v>3468</v>
      </c>
      <c r="AO157" s="21">
        <v>2669</v>
      </c>
      <c r="AP157" s="21">
        <v>3056</v>
      </c>
      <c r="AQ157" s="21">
        <v>2887</v>
      </c>
      <c r="AR157" s="21">
        <v>2665</v>
      </c>
      <c r="AS157" s="21">
        <v>2292</v>
      </c>
      <c r="AT157" s="21">
        <v>2421</v>
      </c>
      <c r="AU157" s="21">
        <v>2151</v>
      </c>
      <c r="AV157" s="21">
        <v>2122</v>
      </c>
      <c r="AW157" s="21">
        <v>1779</v>
      </c>
      <c r="AX157" s="21">
        <v>1817</v>
      </c>
      <c r="AY157" s="21">
        <v>1571</v>
      </c>
      <c r="AZ157" s="21">
        <v>1601</v>
      </c>
      <c r="BA157" s="21">
        <v>1319</v>
      </c>
      <c r="BB157" s="21">
        <v>1372</v>
      </c>
      <c r="BC157" s="21">
        <v>1211</v>
      </c>
      <c r="BD157" s="21">
        <v>1180</v>
      </c>
      <c r="BE157" s="21">
        <v>1026</v>
      </c>
      <c r="BF157" s="21">
        <v>1047</v>
      </c>
      <c r="BG157" s="21">
        <v>909</v>
      </c>
      <c r="BH157" s="21">
        <v>897</v>
      </c>
      <c r="BI157" s="21">
        <v>743</v>
      </c>
      <c r="BJ157" s="14"/>
      <c r="BK157" s="16"/>
      <c r="BL157" s="9"/>
      <c r="BM157" s="9"/>
      <c r="BN157" s="9"/>
      <c r="BO157" s="9" t="s">
        <v>29</v>
      </c>
      <c r="BP157" s="21">
        <f t="shared" si="250"/>
        <v>0</v>
      </c>
      <c r="BQ157" s="21">
        <f t="shared" si="251"/>
        <v>1</v>
      </c>
      <c r="BR157" s="21">
        <f t="shared" si="252"/>
        <v>1</v>
      </c>
      <c r="BS157" s="21">
        <f t="shared" si="253"/>
        <v>0</v>
      </c>
      <c r="BT157" s="21">
        <f t="shared" si="254"/>
        <v>13</v>
      </c>
      <c r="BU157" s="21">
        <f t="shared" si="255"/>
        <v>8</v>
      </c>
      <c r="BV157" s="21">
        <f t="shared" si="256"/>
        <v>30</v>
      </c>
      <c r="BW157" s="21">
        <f t="shared" si="257"/>
        <v>-1</v>
      </c>
      <c r="BX157" s="21">
        <f t="shared" si="258"/>
        <v>-53</v>
      </c>
      <c r="BY157" s="21">
        <f t="shared" si="259"/>
        <v>-199</v>
      </c>
      <c r="BZ157" s="21">
        <f t="shared" si="260"/>
        <v>-274</v>
      </c>
      <c r="CA157" s="21">
        <f t="shared" si="261"/>
        <v>-391</v>
      </c>
      <c r="CB157" s="21">
        <f t="shared" si="262"/>
        <v>-424</v>
      </c>
      <c r="CC157" s="21">
        <f t="shared" si="263"/>
        <v>-787</v>
      </c>
      <c r="CD157" s="21">
        <f t="shared" si="264"/>
        <v>-1134</v>
      </c>
      <c r="CE157" s="21">
        <f t="shared" si="265"/>
        <v>-1421</v>
      </c>
      <c r="CF157" s="21">
        <f t="shared" si="266"/>
        <v>-1</v>
      </c>
      <c r="CG157" s="21">
        <f t="shared" si="267"/>
        <v>0</v>
      </c>
      <c r="CH157" s="21">
        <f t="shared" si="268"/>
        <v>-21</v>
      </c>
      <c r="CI157" s="21">
        <f t="shared" si="269"/>
        <v>0</v>
      </c>
      <c r="CJ157" s="21">
        <f t="shared" si="270"/>
        <v>0</v>
      </c>
      <c r="CK157" s="21">
        <f t="shared" si="271"/>
        <v>0</v>
      </c>
      <c r="CL157" s="21">
        <f t="shared" si="272"/>
        <v>0</v>
      </c>
      <c r="CM157" s="21">
        <f t="shared" si="273"/>
        <v>0</v>
      </c>
      <c r="CN157" s="21">
        <f t="shared" si="274"/>
        <v>0</v>
      </c>
      <c r="CO157" s="20"/>
    </row>
    <row r="158" spans="1:93" x14ac:dyDescent="0.7">
      <c r="A158" s="7"/>
      <c r="E158" s="8" t="s">
        <v>30</v>
      </c>
      <c r="F158" s="42">
        <v>106568</v>
      </c>
      <c r="G158" s="42">
        <v>112733</v>
      </c>
      <c r="H158" s="42">
        <v>121417</v>
      </c>
      <c r="I158" s="42">
        <v>127340</v>
      </c>
      <c r="J158" s="42">
        <v>100940</v>
      </c>
      <c r="K158" s="42">
        <v>130225</v>
      </c>
      <c r="L158" s="42">
        <v>133337</v>
      </c>
      <c r="M158" s="42">
        <v>134584</v>
      </c>
      <c r="N158" s="42">
        <v>119353</v>
      </c>
      <c r="O158" s="42">
        <v>138407</v>
      </c>
      <c r="P158" s="42">
        <v>133879</v>
      </c>
      <c r="Q158" s="42">
        <v>133410</v>
      </c>
      <c r="R158" s="42">
        <v>117240</v>
      </c>
      <c r="S158" s="42">
        <v>127578</v>
      </c>
      <c r="T158" s="42">
        <v>121796</v>
      </c>
      <c r="U158" s="42">
        <v>123467</v>
      </c>
      <c r="V158" s="42">
        <v>114327</v>
      </c>
      <c r="W158" s="42">
        <v>128966</v>
      </c>
      <c r="X158" s="42">
        <v>124709</v>
      </c>
      <c r="Y158" s="42">
        <v>126162</v>
      </c>
      <c r="Z158" s="42">
        <v>114808</v>
      </c>
      <c r="AA158" s="42">
        <v>127165</v>
      </c>
      <c r="AB158" s="42">
        <v>123818</v>
      </c>
      <c r="AC158" s="42">
        <v>126552</v>
      </c>
      <c r="AD158" s="42">
        <v>113463</v>
      </c>
      <c r="AE158" s="7"/>
      <c r="AF158" s="13"/>
      <c r="AG158" s="9"/>
      <c r="AH158" s="9"/>
      <c r="AI158" s="9"/>
      <c r="AJ158" s="9" t="s">
        <v>30</v>
      </c>
      <c r="AK158" s="21">
        <v>106569</v>
      </c>
      <c r="AL158" s="21">
        <v>112732</v>
      </c>
      <c r="AM158" s="21">
        <v>121418</v>
      </c>
      <c r="AN158" s="21">
        <v>127339</v>
      </c>
      <c r="AO158" s="21">
        <v>101054</v>
      </c>
      <c r="AP158" s="21">
        <v>130140</v>
      </c>
      <c r="AQ158" s="21">
        <v>134211</v>
      </c>
      <c r="AR158" s="21">
        <v>134585</v>
      </c>
      <c r="AS158" s="21">
        <v>119147</v>
      </c>
      <c r="AT158" s="21">
        <v>138872</v>
      </c>
      <c r="AU158" s="21">
        <v>134549</v>
      </c>
      <c r="AV158" s="21">
        <v>133975</v>
      </c>
      <c r="AW158" s="21">
        <v>117919</v>
      </c>
      <c r="AX158" s="21">
        <v>128912</v>
      </c>
      <c r="AY158" s="21">
        <v>124021</v>
      </c>
      <c r="AZ158" s="21">
        <v>126321</v>
      </c>
      <c r="BA158" s="21">
        <v>114327</v>
      </c>
      <c r="BB158" s="21">
        <v>128965</v>
      </c>
      <c r="BC158" s="21">
        <v>124300</v>
      </c>
      <c r="BD158" s="21">
        <v>126926</v>
      </c>
      <c r="BE158" s="21">
        <v>112280</v>
      </c>
      <c r="BF158" s="21">
        <v>127165</v>
      </c>
      <c r="BG158" s="21">
        <v>123818</v>
      </c>
      <c r="BH158" s="21">
        <v>126552</v>
      </c>
      <c r="BI158" s="21">
        <v>113463</v>
      </c>
      <c r="BJ158" s="14"/>
      <c r="BK158" s="16"/>
      <c r="BL158" s="9"/>
      <c r="BM158" s="9"/>
      <c r="BN158" s="9"/>
      <c r="BO158" s="9" t="s">
        <v>30</v>
      </c>
      <c r="BP158" s="21">
        <f t="shared" si="250"/>
        <v>1</v>
      </c>
      <c r="BQ158" s="21">
        <f t="shared" si="251"/>
        <v>-1</v>
      </c>
      <c r="BR158" s="21">
        <f t="shared" si="252"/>
        <v>1</v>
      </c>
      <c r="BS158" s="21">
        <f t="shared" si="253"/>
        <v>-1</v>
      </c>
      <c r="BT158" s="21">
        <f t="shared" si="254"/>
        <v>114</v>
      </c>
      <c r="BU158" s="21">
        <f t="shared" si="255"/>
        <v>-85</v>
      </c>
      <c r="BV158" s="21">
        <f t="shared" si="256"/>
        <v>874</v>
      </c>
      <c r="BW158" s="21">
        <f t="shared" si="257"/>
        <v>1</v>
      </c>
      <c r="BX158" s="21">
        <f t="shared" si="258"/>
        <v>-206</v>
      </c>
      <c r="BY158" s="21">
        <f t="shared" si="259"/>
        <v>465</v>
      </c>
      <c r="BZ158" s="21">
        <f t="shared" si="260"/>
        <v>670</v>
      </c>
      <c r="CA158" s="21">
        <f t="shared" si="261"/>
        <v>565</v>
      </c>
      <c r="CB158" s="21">
        <f t="shared" si="262"/>
        <v>679</v>
      </c>
      <c r="CC158" s="21">
        <f t="shared" si="263"/>
        <v>1334</v>
      </c>
      <c r="CD158" s="21">
        <f t="shared" si="264"/>
        <v>2225</v>
      </c>
      <c r="CE158" s="21">
        <f t="shared" si="265"/>
        <v>2854</v>
      </c>
      <c r="CF158" s="21">
        <f t="shared" si="266"/>
        <v>0</v>
      </c>
      <c r="CG158" s="21">
        <f t="shared" si="267"/>
        <v>-1</v>
      </c>
      <c r="CH158" s="21">
        <f t="shared" si="268"/>
        <v>-409</v>
      </c>
      <c r="CI158" s="21">
        <f t="shared" si="269"/>
        <v>764</v>
      </c>
      <c r="CJ158" s="21">
        <f t="shared" si="270"/>
        <v>-2528</v>
      </c>
      <c r="CK158" s="21">
        <f t="shared" si="271"/>
        <v>0</v>
      </c>
      <c r="CL158" s="21">
        <f t="shared" si="272"/>
        <v>0</v>
      </c>
      <c r="CM158" s="21">
        <f t="shared" si="273"/>
        <v>0</v>
      </c>
      <c r="CN158" s="21">
        <f t="shared" si="274"/>
        <v>0</v>
      </c>
      <c r="CO158" s="20"/>
    </row>
    <row r="159" spans="1:93" x14ac:dyDescent="0.7">
      <c r="A159" s="7"/>
      <c r="E159" s="8" t="s">
        <v>31</v>
      </c>
      <c r="F159" s="42">
        <v>31277</v>
      </c>
      <c r="G159" s="42">
        <v>34323</v>
      </c>
      <c r="H159" s="42">
        <v>36625</v>
      </c>
      <c r="I159" s="42">
        <v>39702</v>
      </c>
      <c r="J159" s="42">
        <v>34515</v>
      </c>
      <c r="K159" s="42">
        <v>42927</v>
      </c>
      <c r="L159" s="42">
        <v>43464</v>
      </c>
      <c r="M159" s="42">
        <v>43602</v>
      </c>
      <c r="N159" s="42">
        <v>41450</v>
      </c>
      <c r="O159" s="42">
        <v>47349</v>
      </c>
      <c r="P159" s="42">
        <v>48194</v>
      </c>
      <c r="Q159" s="42">
        <v>49200</v>
      </c>
      <c r="R159" s="42">
        <v>51108</v>
      </c>
      <c r="S159" s="42">
        <v>58690</v>
      </c>
      <c r="T159" s="42">
        <v>60146</v>
      </c>
      <c r="U159" s="42">
        <v>61203</v>
      </c>
      <c r="V159" s="42">
        <v>57718</v>
      </c>
      <c r="W159" s="42">
        <v>65833</v>
      </c>
      <c r="X159" s="42">
        <v>68107</v>
      </c>
      <c r="Y159" s="42">
        <v>70194</v>
      </c>
      <c r="Z159" s="42">
        <v>66001</v>
      </c>
      <c r="AA159" s="42">
        <v>75530</v>
      </c>
      <c r="AB159" s="42">
        <v>77845</v>
      </c>
      <c r="AC159" s="42">
        <v>82684</v>
      </c>
      <c r="AD159" s="42">
        <v>70595</v>
      </c>
      <c r="AE159" s="7"/>
      <c r="AF159" s="13"/>
      <c r="AG159" s="9"/>
      <c r="AH159" s="9"/>
      <c r="AI159" s="9"/>
      <c r="AJ159" s="9" t="s">
        <v>31</v>
      </c>
      <c r="AK159" s="21">
        <v>31277</v>
      </c>
      <c r="AL159" s="21">
        <v>34324</v>
      </c>
      <c r="AM159" s="21">
        <v>36624</v>
      </c>
      <c r="AN159" s="21">
        <v>39702</v>
      </c>
      <c r="AO159" s="21">
        <v>34507</v>
      </c>
      <c r="AP159" s="21">
        <v>42897</v>
      </c>
      <c r="AQ159" s="21">
        <v>43573</v>
      </c>
      <c r="AR159" s="21">
        <v>43601</v>
      </c>
      <c r="AS159" s="21">
        <v>41380</v>
      </c>
      <c r="AT159" s="21">
        <v>47083</v>
      </c>
      <c r="AU159" s="21">
        <v>47797</v>
      </c>
      <c r="AV159" s="21">
        <v>48606</v>
      </c>
      <c r="AW159" s="21">
        <v>50467</v>
      </c>
      <c r="AX159" s="21">
        <v>57696</v>
      </c>
      <c r="AY159" s="21">
        <v>58623</v>
      </c>
      <c r="AZ159" s="21">
        <v>59837</v>
      </c>
      <c r="BA159" s="21">
        <v>57717</v>
      </c>
      <c r="BB159" s="21">
        <v>65833</v>
      </c>
      <c r="BC159" s="21">
        <v>68170</v>
      </c>
      <c r="BD159" s="21">
        <v>70194</v>
      </c>
      <c r="BE159" s="21">
        <v>66001</v>
      </c>
      <c r="BF159" s="21">
        <v>75530</v>
      </c>
      <c r="BG159" s="21">
        <v>77845</v>
      </c>
      <c r="BH159" s="21">
        <v>81593</v>
      </c>
      <c r="BI159" s="21">
        <v>70595</v>
      </c>
      <c r="BJ159" s="14"/>
      <c r="BK159" s="16"/>
      <c r="BL159" s="9"/>
      <c r="BM159" s="9"/>
      <c r="BN159" s="9"/>
      <c r="BO159" s="9" t="s">
        <v>31</v>
      </c>
      <c r="BP159" s="21">
        <f t="shared" si="250"/>
        <v>0</v>
      </c>
      <c r="BQ159" s="21">
        <f t="shared" si="251"/>
        <v>1</v>
      </c>
      <c r="BR159" s="21">
        <f t="shared" si="252"/>
        <v>-1</v>
      </c>
      <c r="BS159" s="21">
        <f t="shared" si="253"/>
        <v>0</v>
      </c>
      <c r="BT159" s="21">
        <f t="shared" si="254"/>
        <v>-8</v>
      </c>
      <c r="BU159" s="21">
        <f t="shared" si="255"/>
        <v>-30</v>
      </c>
      <c r="BV159" s="21">
        <f t="shared" si="256"/>
        <v>109</v>
      </c>
      <c r="BW159" s="21">
        <f t="shared" si="257"/>
        <v>-1</v>
      </c>
      <c r="BX159" s="21">
        <f t="shared" si="258"/>
        <v>-70</v>
      </c>
      <c r="BY159" s="21">
        <f t="shared" si="259"/>
        <v>-266</v>
      </c>
      <c r="BZ159" s="21">
        <f t="shared" si="260"/>
        <v>-397</v>
      </c>
      <c r="CA159" s="21">
        <f t="shared" si="261"/>
        <v>-594</v>
      </c>
      <c r="CB159" s="21">
        <f t="shared" si="262"/>
        <v>-641</v>
      </c>
      <c r="CC159" s="21">
        <f t="shared" si="263"/>
        <v>-994</v>
      </c>
      <c r="CD159" s="21">
        <f t="shared" si="264"/>
        <v>-1523</v>
      </c>
      <c r="CE159" s="21">
        <f t="shared" si="265"/>
        <v>-1366</v>
      </c>
      <c r="CF159" s="21">
        <f t="shared" si="266"/>
        <v>-1</v>
      </c>
      <c r="CG159" s="21">
        <f t="shared" si="267"/>
        <v>0</v>
      </c>
      <c r="CH159" s="21">
        <f t="shared" si="268"/>
        <v>63</v>
      </c>
      <c r="CI159" s="21">
        <f t="shared" si="269"/>
        <v>0</v>
      </c>
      <c r="CJ159" s="21">
        <f t="shared" si="270"/>
        <v>0</v>
      </c>
      <c r="CK159" s="21">
        <f t="shared" si="271"/>
        <v>0</v>
      </c>
      <c r="CL159" s="21">
        <f t="shared" si="272"/>
        <v>0</v>
      </c>
      <c r="CM159" s="21">
        <f t="shared" si="273"/>
        <v>-1091</v>
      </c>
      <c r="CN159" s="21">
        <f t="shared" si="274"/>
        <v>0</v>
      </c>
      <c r="CO159" s="20"/>
    </row>
    <row r="160" spans="1:93" x14ac:dyDescent="0.7">
      <c r="A160" s="7"/>
      <c r="E160" s="8" t="s">
        <v>32</v>
      </c>
      <c r="F160" s="42">
        <v>12866</v>
      </c>
      <c r="G160" s="42">
        <v>8201</v>
      </c>
      <c r="H160" s="42">
        <v>10114</v>
      </c>
      <c r="I160" s="42">
        <v>9520</v>
      </c>
      <c r="J160" s="42">
        <v>7818</v>
      </c>
      <c r="K160" s="42">
        <v>10158</v>
      </c>
      <c r="L160" s="42">
        <v>12528</v>
      </c>
      <c r="M160" s="42">
        <v>13069</v>
      </c>
      <c r="N160" s="42">
        <v>13249</v>
      </c>
      <c r="O160" s="42">
        <v>15713</v>
      </c>
      <c r="P160" s="42">
        <v>16143</v>
      </c>
      <c r="Q160" s="42">
        <v>15407</v>
      </c>
      <c r="R160" s="42">
        <v>15918</v>
      </c>
      <c r="S160" s="42">
        <v>16350</v>
      </c>
      <c r="T160" s="42">
        <v>16834</v>
      </c>
      <c r="U160" s="42">
        <v>16627</v>
      </c>
      <c r="V160" s="42">
        <v>16859</v>
      </c>
      <c r="W160" s="42">
        <v>17517</v>
      </c>
      <c r="X160" s="42">
        <v>17880</v>
      </c>
      <c r="Y160" s="42">
        <v>17926</v>
      </c>
      <c r="Z160" s="42">
        <v>17695</v>
      </c>
      <c r="AA160" s="42">
        <v>18165</v>
      </c>
      <c r="AB160" s="42">
        <v>18797</v>
      </c>
      <c r="AC160" s="42">
        <v>19168</v>
      </c>
      <c r="AD160" s="42">
        <v>19267</v>
      </c>
      <c r="AE160" s="7"/>
      <c r="AF160" s="13"/>
      <c r="AG160" s="9"/>
      <c r="AH160" s="9"/>
      <c r="AI160" s="9"/>
      <c r="AJ160" s="9" t="s">
        <v>32</v>
      </c>
      <c r="AK160" s="21">
        <v>12867</v>
      </c>
      <c r="AL160" s="21">
        <v>8202</v>
      </c>
      <c r="AM160" s="21">
        <v>10113</v>
      </c>
      <c r="AN160" s="21">
        <v>9520</v>
      </c>
      <c r="AO160" s="21">
        <v>7857</v>
      </c>
      <c r="AP160" s="21">
        <v>10157</v>
      </c>
      <c r="AQ160" s="21">
        <v>12586</v>
      </c>
      <c r="AR160" s="21">
        <v>13070</v>
      </c>
      <c r="AS160" s="21">
        <v>13249</v>
      </c>
      <c r="AT160" s="21">
        <v>15712</v>
      </c>
      <c r="AU160" s="21">
        <v>16144</v>
      </c>
      <c r="AV160" s="21">
        <v>15399</v>
      </c>
      <c r="AW160" s="21">
        <v>15908</v>
      </c>
      <c r="AX160" s="21">
        <v>16341</v>
      </c>
      <c r="AY160" s="21">
        <v>16823</v>
      </c>
      <c r="AZ160" s="21">
        <v>16566</v>
      </c>
      <c r="BA160" s="21">
        <v>16859</v>
      </c>
      <c r="BB160" s="21">
        <v>17517</v>
      </c>
      <c r="BC160" s="21">
        <v>17971</v>
      </c>
      <c r="BD160" s="21">
        <v>17926</v>
      </c>
      <c r="BE160" s="21">
        <v>17694</v>
      </c>
      <c r="BF160" s="21">
        <v>18165</v>
      </c>
      <c r="BG160" s="21">
        <v>18823</v>
      </c>
      <c r="BH160" s="21">
        <v>19168</v>
      </c>
      <c r="BI160" s="21">
        <v>19267</v>
      </c>
      <c r="BJ160" s="14"/>
      <c r="BK160" s="16"/>
      <c r="BL160" s="9"/>
      <c r="BM160" s="9"/>
      <c r="BN160" s="9"/>
      <c r="BO160" s="9" t="s">
        <v>32</v>
      </c>
      <c r="BP160" s="21">
        <f t="shared" si="250"/>
        <v>1</v>
      </c>
      <c r="BQ160" s="21">
        <f t="shared" si="251"/>
        <v>1</v>
      </c>
      <c r="BR160" s="21">
        <f t="shared" si="252"/>
        <v>-1</v>
      </c>
      <c r="BS160" s="21">
        <f t="shared" si="253"/>
        <v>0</v>
      </c>
      <c r="BT160" s="21">
        <f t="shared" si="254"/>
        <v>39</v>
      </c>
      <c r="BU160" s="21">
        <f t="shared" si="255"/>
        <v>-1</v>
      </c>
      <c r="BV160" s="21">
        <f t="shared" si="256"/>
        <v>58</v>
      </c>
      <c r="BW160" s="21">
        <f t="shared" si="257"/>
        <v>1</v>
      </c>
      <c r="BX160" s="21">
        <f t="shared" si="258"/>
        <v>0</v>
      </c>
      <c r="BY160" s="21">
        <f t="shared" si="259"/>
        <v>-1</v>
      </c>
      <c r="BZ160" s="21">
        <f t="shared" si="260"/>
        <v>1</v>
      </c>
      <c r="CA160" s="21">
        <f t="shared" si="261"/>
        <v>-8</v>
      </c>
      <c r="CB160" s="21">
        <f t="shared" si="262"/>
        <v>-10</v>
      </c>
      <c r="CC160" s="21">
        <f t="shared" si="263"/>
        <v>-9</v>
      </c>
      <c r="CD160" s="21">
        <f t="shared" si="264"/>
        <v>-11</v>
      </c>
      <c r="CE160" s="21">
        <f t="shared" si="265"/>
        <v>-61</v>
      </c>
      <c r="CF160" s="21">
        <f t="shared" si="266"/>
        <v>0</v>
      </c>
      <c r="CG160" s="21">
        <f t="shared" si="267"/>
        <v>0</v>
      </c>
      <c r="CH160" s="21">
        <f t="shared" si="268"/>
        <v>91</v>
      </c>
      <c r="CI160" s="21">
        <f t="shared" si="269"/>
        <v>0</v>
      </c>
      <c r="CJ160" s="21">
        <f t="shared" si="270"/>
        <v>-1</v>
      </c>
      <c r="CK160" s="21">
        <f t="shared" si="271"/>
        <v>0</v>
      </c>
      <c r="CL160" s="21">
        <f t="shared" si="272"/>
        <v>26</v>
      </c>
      <c r="CM160" s="21">
        <f t="shared" si="273"/>
        <v>0</v>
      </c>
      <c r="CN160" s="21">
        <f t="shared" si="274"/>
        <v>0</v>
      </c>
      <c r="CO160" s="20"/>
    </row>
    <row r="161" spans="1:93" x14ac:dyDescent="0.7">
      <c r="A161" s="7"/>
      <c r="E161" s="8" t="s">
        <v>33</v>
      </c>
      <c r="F161" s="42">
        <v>12866</v>
      </c>
      <c r="G161" s="42">
        <v>8201</v>
      </c>
      <c r="H161" s="42">
        <v>10114</v>
      </c>
      <c r="I161" s="42">
        <v>9520</v>
      </c>
      <c r="J161" s="42">
        <v>7818</v>
      </c>
      <c r="K161" s="42">
        <v>10158</v>
      </c>
      <c r="L161" s="42">
        <v>12528</v>
      </c>
      <c r="M161" s="42">
        <v>13069</v>
      </c>
      <c r="N161" s="42">
        <v>13249</v>
      </c>
      <c r="O161" s="42">
        <v>15713</v>
      </c>
      <c r="P161" s="42">
        <v>16143</v>
      </c>
      <c r="Q161" s="42">
        <v>15407</v>
      </c>
      <c r="R161" s="42">
        <v>15918</v>
      </c>
      <c r="S161" s="42">
        <v>16350</v>
      </c>
      <c r="T161" s="42">
        <v>16834</v>
      </c>
      <c r="U161" s="42">
        <v>16627</v>
      </c>
      <c r="V161" s="42">
        <v>16859</v>
      </c>
      <c r="W161" s="42">
        <v>17517</v>
      </c>
      <c r="X161" s="42">
        <v>17880</v>
      </c>
      <c r="Y161" s="42">
        <v>17926</v>
      </c>
      <c r="Z161" s="42">
        <v>17695</v>
      </c>
      <c r="AA161" s="42">
        <v>18165</v>
      </c>
      <c r="AB161" s="42">
        <v>18797</v>
      </c>
      <c r="AC161" s="42">
        <v>19168</v>
      </c>
      <c r="AD161" s="42">
        <v>19267</v>
      </c>
      <c r="AE161" s="7"/>
      <c r="AF161" s="13"/>
      <c r="AG161" s="9"/>
      <c r="AH161" s="9"/>
      <c r="AI161" s="9"/>
      <c r="AJ161" s="9" t="s">
        <v>33</v>
      </c>
      <c r="AK161" s="21">
        <v>12867</v>
      </c>
      <c r="AL161" s="21">
        <v>8202</v>
      </c>
      <c r="AM161" s="21">
        <v>10113</v>
      </c>
      <c r="AN161" s="21">
        <v>9520</v>
      </c>
      <c r="AO161" s="21">
        <v>7857</v>
      </c>
      <c r="AP161" s="21">
        <v>10157</v>
      </c>
      <c r="AQ161" s="21">
        <v>12586</v>
      </c>
      <c r="AR161" s="21">
        <v>13070</v>
      </c>
      <c r="AS161" s="21">
        <v>13249</v>
      </c>
      <c r="AT161" s="21">
        <v>15712</v>
      </c>
      <c r="AU161" s="21">
        <v>16144</v>
      </c>
      <c r="AV161" s="21">
        <v>15399</v>
      </c>
      <c r="AW161" s="21">
        <v>15908</v>
      </c>
      <c r="AX161" s="21">
        <v>16341</v>
      </c>
      <c r="AY161" s="21">
        <v>16823</v>
      </c>
      <c r="AZ161" s="21">
        <v>16566</v>
      </c>
      <c r="BA161" s="21">
        <v>16859</v>
      </c>
      <c r="BB161" s="21">
        <v>17517</v>
      </c>
      <c r="BC161" s="21">
        <v>17971</v>
      </c>
      <c r="BD161" s="21">
        <v>17926</v>
      </c>
      <c r="BE161" s="21">
        <v>17694</v>
      </c>
      <c r="BF161" s="21">
        <v>18165</v>
      </c>
      <c r="BG161" s="21">
        <v>18823</v>
      </c>
      <c r="BH161" s="21">
        <v>19168</v>
      </c>
      <c r="BI161" s="21">
        <v>19267</v>
      </c>
      <c r="BJ161" s="14"/>
      <c r="BK161" s="16"/>
      <c r="BL161" s="9"/>
      <c r="BM161" s="9"/>
      <c r="BN161" s="9"/>
      <c r="BO161" s="9" t="s">
        <v>33</v>
      </c>
      <c r="BP161" s="21">
        <f t="shared" si="250"/>
        <v>1</v>
      </c>
      <c r="BQ161" s="21">
        <f t="shared" si="251"/>
        <v>1</v>
      </c>
      <c r="BR161" s="21">
        <f t="shared" si="252"/>
        <v>-1</v>
      </c>
      <c r="BS161" s="21">
        <f t="shared" si="253"/>
        <v>0</v>
      </c>
      <c r="BT161" s="21">
        <f t="shared" si="254"/>
        <v>39</v>
      </c>
      <c r="BU161" s="21">
        <f t="shared" si="255"/>
        <v>-1</v>
      </c>
      <c r="BV161" s="21">
        <f t="shared" si="256"/>
        <v>58</v>
      </c>
      <c r="BW161" s="21">
        <f t="shared" si="257"/>
        <v>1</v>
      </c>
      <c r="BX161" s="21">
        <f t="shared" si="258"/>
        <v>0</v>
      </c>
      <c r="BY161" s="21">
        <f t="shared" si="259"/>
        <v>-1</v>
      </c>
      <c r="BZ161" s="21">
        <f t="shared" si="260"/>
        <v>1</v>
      </c>
      <c r="CA161" s="21">
        <f t="shared" si="261"/>
        <v>-8</v>
      </c>
      <c r="CB161" s="21">
        <f t="shared" si="262"/>
        <v>-10</v>
      </c>
      <c r="CC161" s="21">
        <f t="shared" si="263"/>
        <v>-9</v>
      </c>
      <c r="CD161" s="21">
        <f t="shared" si="264"/>
        <v>-11</v>
      </c>
      <c r="CE161" s="21">
        <f t="shared" si="265"/>
        <v>-61</v>
      </c>
      <c r="CF161" s="21">
        <f t="shared" si="266"/>
        <v>0</v>
      </c>
      <c r="CG161" s="21">
        <f t="shared" si="267"/>
        <v>0</v>
      </c>
      <c r="CH161" s="21">
        <f t="shared" si="268"/>
        <v>91</v>
      </c>
      <c r="CI161" s="21">
        <f t="shared" si="269"/>
        <v>0</v>
      </c>
      <c r="CJ161" s="21">
        <f t="shared" si="270"/>
        <v>-1</v>
      </c>
      <c r="CK161" s="21">
        <f t="shared" si="271"/>
        <v>0</v>
      </c>
      <c r="CL161" s="21">
        <f t="shared" si="272"/>
        <v>26</v>
      </c>
      <c r="CM161" s="21">
        <f t="shared" si="273"/>
        <v>0</v>
      </c>
      <c r="CN161" s="21">
        <f t="shared" si="274"/>
        <v>0</v>
      </c>
      <c r="CO161" s="20"/>
    </row>
    <row r="162" spans="1:93" x14ac:dyDescent="0.7">
      <c r="A162" s="7"/>
      <c r="E162" s="8" t="s">
        <v>34</v>
      </c>
      <c r="F162" s="42">
        <v>5929</v>
      </c>
      <c r="G162" s="42">
        <v>3649</v>
      </c>
      <c r="H162" s="42">
        <v>7656</v>
      </c>
      <c r="I162" s="42">
        <v>4124</v>
      </c>
      <c r="J162" s="42">
        <v>2955</v>
      </c>
      <c r="K162" s="42">
        <v>4816</v>
      </c>
      <c r="L162" s="42">
        <v>9574</v>
      </c>
      <c r="M162" s="42">
        <v>7958</v>
      </c>
      <c r="N162" s="42">
        <v>6152</v>
      </c>
      <c r="O162" s="42">
        <v>11330</v>
      </c>
      <c r="P162" s="42">
        <v>16413</v>
      </c>
      <c r="Q162" s="42">
        <v>9109</v>
      </c>
      <c r="R162" s="42">
        <v>7237</v>
      </c>
      <c r="S162" s="42">
        <v>11998</v>
      </c>
      <c r="T162" s="42">
        <v>14742</v>
      </c>
      <c r="U162" s="42">
        <v>8701</v>
      </c>
      <c r="V162" s="42">
        <v>7233</v>
      </c>
      <c r="W162" s="42">
        <v>11588</v>
      </c>
      <c r="X162" s="42">
        <v>16919</v>
      </c>
      <c r="Y162" s="42">
        <v>10910</v>
      </c>
      <c r="Z162" s="42">
        <v>8972</v>
      </c>
      <c r="AA162" s="42">
        <v>13968</v>
      </c>
      <c r="AB162" s="42">
        <v>17255</v>
      </c>
      <c r="AC162" s="42">
        <v>11215</v>
      </c>
      <c r="AD162" s="42">
        <v>8907</v>
      </c>
      <c r="AE162" s="7"/>
      <c r="AF162" s="13"/>
      <c r="AG162" s="9"/>
      <c r="AH162" s="9"/>
      <c r="AI162" s="9"/>
      <c r="AJ162" s="9" t="s">
        <v>34</v>
      </c>
      <c r="AK162" s="21">
        <v>5929</v>
      </c>
      <c r="AL162" s="21">
        <v>3649</v>
      </c>
      <c r="AM162" s="21">
        <v>7657</v>
      </c>
      <c r="AN162" s="21">
        <v>4123</v>
      </c>
      <c r="AO162" s="21">
        <v>2954</v>
      </c>
      <c r="AP162" s="21">
        <v>4816</v>
      </c>
      <c r="AQ162" s="21">
        <v>9573</v>
      </c>
      <c r="AR162" s="21">
        <v>7959</v>
      </c>
      <c r="AS162" s="21">
        <v>6153</v>
      </c>
      <c r="AT162" s="21">
        <v>11330</v>
      </c>
      <c r="AU162" s="21">
        <v>16413</v>
      </c>
      <c r="AV162" s="21">
        <v>9108</v>
      </c>
      <c r="AW162" s="21">
        <v>7237</v>
      </c>
      <c r="AX162" s="21">
        <v>11999</v>
      </c>
      <c r="AY162" s="21">
        <v>14741</v>
      </c>
      <c r="AZ162" s="21">
        <v>8703</v>
      </c>
      <c r="BA162" s="21">
        <v>7233</v>
      </c>
      <c r="BB162" s="21">
        <v>11588</v>
      </c>
      <c r="BC162" s="21">
        <v>16919</v>
      </c>
      <c r="BD162" s="21">
        <v>10910</v>
      </c>
      <c r="BE162" s="21">
        <v>8972</v>
      </c>
      <c r="BF162" s="21">
        <v>13968</v>
      </c>
      <c r="BG162" s="21">
        <v>17255</v>
      </c>
      <c r="BH162" s="21">
        <v>11215</v>
      </c>
      <c r="BI162" s="21">
        <v>8907</v>
      </c>
      <c r="BJ162" s="14"/>
      <c r="BK162" s="16"/>
      <c r="BL162" s="9"/>
      <c r="BM162" s="9"/>
      <c r="BN162" s="9"/>
      <c r="BO162" s="9" t="s">
        <v>34</v>
      </c>
      <c r="BP162" s="21">
        <f t="shared" si="250"/>
        <v>0</v>
      </c>
      <c r="BQ162" s="21">
        <f t="shared" si="251"/>
        <v>0</v>
      </c>
      <c r="BR162" s="21">
        <f t="shared" si="252"/>
        <v>1</v>
      </c>
      <c r="BS162" s="21">
        <f t="shared" si="253"/>
        <v>-1</v>
      </c>
      <c r="BT162" s="21">
        <f t="shared" si="254"/>
        <v>-1</v>
      </c>
      <c r="BU162" s="21">
        <f t="shared" si="255"/>
        <v>0</v>
      </c>
      <c r="BV162" s="21">
        <f t="shared" si="256"/>
        <v>-1</v>
      </c>
      <c r="BW162" s="21">
        <f t="shared" si="257"/>
        <v>1</v>
      </c>
      <c r="BX162" s="21">
        <f t="shared" si="258"/>
        <v>1</v>
      </c>
      <c r="BY162" s="21">
        <f t="shared" si="259"/>
        <v>0</v>
      </c>
      <c r="BZ162" s="21">
        <f t="shared" si="260"/>
        <v>0</v>
      </c>
      <c r="CA162" s="21">
        <f t="shared" si="261"/>
        <v>-1</v>
      </c>
      <c r="CB162" s="21">
        <f t="shared" si="262"/>
        <v>0</v>
      </c>
      <c r="CC162" s="21">
        <f t="shared" si="263"/>
        <v>1</v>
      </c>
      <c r="CD162" s="21">
        <f t="shared" si="264"/>
        <v>-1</v>
      </c>
      <c r="CE162" s="21">
        <f t="shared" si="265"/>
        <v>2</v>
      </c>
      <c r="CF162" s="21">
        <f t="shared" si="266"/>
        <v>0</v>
      </c>
      <c r="CG162" s="21">
        <f t="shared" si="267"/>
        <v>0</v>
      </c>
      <c r="CH162" s="21">
        <f t="shared" si="268"/>
        <v>0</v>
      </c>
      <c r="CI162" s="21">
        <f t="shared" si="269"/>
        <v>0</v>
      </c>
      <c r="CJ162" s="21">
        <f t="shared" si="270"/>
        <v>0</v>
      </c>
      <c r="CK162" s="21">
        <f t="shared" si="271"/>
        <v>0</v>
      </c>
      <c r="CL162" s="21">
        <f t="shared" si="272"/>
        <v>0</v>
      </c>
      <c r="CM162" s="21">
        <f t="shared" si="273"/>
        <v>0</v>
      </c>
      <c r="CN162" s="21">
        <f t="shared" si="274"/>
        <v>0</v>
      </c>
      <c r="CO162" s="20"/>
    </row>
    <row r="163" spans="1:93" x14ac:dyDescent="0.7">
      <c r="A163" s="7"/>
      <c r="E163" s="8" t="s">
        <v>35</v>
      </c>
      <c r="F163" s="42">
        <v>2778</v>
      </c>
      <c r="G163" s="42">
        <v>1872</v>
      </c>
      <c r="H163" s="42">
        <v>4285</v>
      </c>
      <c r="I163" s="42">
        <v>2247</v>
      </c>
      <c r="J163" s="42">
        <v>1637</v>
      </c>
      <c r="K163" s="42">
        <v>2500</v>
      </c>
      <c r="L163" s="42">
        <v>5331</v>
      </c>
      <c r="M163" s="42">
        <v>4339</v>
      </c>
      <c r="N163" s="42">
        <v>3250</v>
      </c>
      <c r="O163" s="42">
        <v>5893</v>
      </c>
      <c r="P163" s="42">
        <v>9250</v>
      </c>
      <c r="Q163" s="42">
        <v>4912</v>
      </c>
      <c r="R163" s="42">
        <v>3709</v>
      </c>
      <c r="S163" s="42">
        <v>6222</v>
      </c>
      <c r="T163" s="42">
        <v>8147</v>
      </c>
      <c r="U163" s="42">
        <v>4613</v>
      </c>
      <c r="V163" s="42">
        <v>3751</v>
      </c>
      <c r="W163" s="42">
        <v>6057</v>
      </c>
      <c r="X163" s="42">
        <v>9332</v>
      </c>
      <c r="Y163" s="42">
        <v>5871</v>
      </c>
      <c r="Z163" s="42">
        <v>4659</v>
      </c>
      <c r="AA163" s="42">
        <v>7482</v>
      </c>
      <c r="AB163" s="42">
        <v>9691</v>
      </c>
      <c r="AC163" s="42">
        <v>6286</v>
      </c>
      <c r="AD163" s="42">
        <v>4813</v>
      </c>
      <c r="AE163" s="7"/>
      <c r="AF163" s="13"/>
      <c r="AG163" s="9"/>
      <c r="AH163" s="9"/>
      <c r="AI163" s="9"/>
      <c r="AJ163" s="9" t="s">
        <v>35</v>
      </c>
      <c r="AK163" s="21">
        <v>2778</v>
      </c>
      <c r="AL163" s="21">
        <v>1872</v>
      </c>
      <c r="AM163" s="21">
        <v>4285</v>
      </c>
      <c r="AN163" s="21">
        <v>2246</v>
      </c>
      <c r="AO163" s="21">
        <v>1637</v>
      </c>
      <c r="AP163" s="21">
        <v>2500</v>
      </c>
      <c r="AQ163" s="21">
        <v>5331</v>
      </c>
      <c r="AR163" s="21">
        <v>4340</v>
      </c>
      <c r="AS163" s="21">
        <v>3250</v>
      </c>
      <c r="AT163" s="21">
        <v>5892</v>
      </c>
      <c r="AU163" s="21">
        <v>9250</v>
      </c>
      <c r="AV163" s="21">
        <v>4912</v>
      </c>
      <c r="AW163" s="21">
        <v>3709</v>
      </c>
      <c r="AX163" s="21">
        <v>6222</v>
      </c>
      <c r="AY163" s="21">
        <v>8147</v>
      </c>
      <c r="AZ163" s="21">
        <v>4614</v>
      </c>
      <c r="BA163" s="21">
        <v>3751</v>
      </c>
      <c r="BB163" s="21">
        <v>6057</v>
      </c>
      <c r="BC163" s="21">
        <v>9332</v>
      </c>
      <c r="BD163" s="21">
        <v>5871</v>
      </c>
      <c r="BE163" s="21">
        <v>4659</v>
      </c>
      <c r="BF163" s="21">
        <v>7482</v>
      </c>
      <c r="BG163" s="21">
        <v>9691</v>
      </c>
      <c r="BH163" s="21">
        <v>6286</v>
      </c>
      <c r="BI163" s="21">
        <v>4813</v>
      </c>
      <c r="BJ163" s="14"/>
      <c r="BK163" s="16"/>
      <c r="BL163" s="9"/>
      <c r="BM163" s="9"/>
      <c r="BN163" s="9"/>
      <c r="BO163" s="9" t="s">
        <v>35</v>
      </c>
      <c r="BP163" s="21">
        <f t="shared" si="250"/>
        <v>0</v>
      </c>
      <c r="BQ163" s="21">
        <f t="shared" si="251"/>
        <v>0</v>
      </c>
      <c r="BR163" s="21">
        <f t="shared" si="252"/>
        <v>0</v>
      </c>
      <c r="BS163" s="21">
        <f t="shared" si="253"/>
        <v>-1</v>
      </c>
      <c r="BT163" s="21">
        <f t="shared" si="254"/>
        <v>0</v>
      </c>
      <c r="BU163" s="21">
        <f t="shared" si="255"/>
        <v>0</v>
      </c>
      <c r="BV163" s="21">
        <f t="shared" si="256"/>
        <v>0</v>
      </c>
      <c r="BW163" s="21">
        <f t="shared" si="257"/>
        <v>1</v>
      </c>
      <c r="BX163" s="21">
        <f t="shared" si="258"/>
        <v>0</v>
      </c>
      <c r="BY163" s="21">
        <f t="shared" si="259"/>
        <v>-1</v>
      </c>
      <c r="BZ163" s="21">
        <f t="shared" si="260"/>
        <v>0</v>
      </c>
      <c r="CA163" s="21">
        <f t="shared" si="261"/>
        <v>0</v>
      </c>
      <c r="CB163" s="21">
        <f t="shared" si="262"/>
        <v>0</v>
      </c>
      <c r="CC163" s="21">
        <f t="shared" si="263"/>
        <v>0</v>
      </c>
      <c r="CD163" s="21">
        <f t="shared" si="264"/>
        <v>0</v>
      </c>
      <c r="CE163" s="21">
        <f t="shared" si="265"/>
        <v>1</v>
      </c>
      <c r="CF163" s="21">
        <f t="shared" si="266"/>
        <v>0</v>
      </c>
      <c r="CG163" s="21">
        <f t="shared" si="267"/>
        <v>0</v>
      </c>
      <c r="CH163" s="21">
        <f t="shared" si="268"/>
        <v>0</v>
      </c>
      <c r="CI163" s="21">
        <f t="shared" si="269"/>
        <v>0</v>
      </c>
      <c r="CJ163" s="21">
        <f t="shared" si="270"/>
        <v>0</v>
      </c>
      <c r="CK163" s="21">
        <f t="shared" si="271"/>
        <v>0</v>
      </c>
      <c r="CL163" s="21">
        <f t="shared" si="272"/>
        <v>0</v>
      </c>
      <c r="CM163" s="21">
        <f t="shared" si="273"/>
        <v>0</v>
      </c>
      <c r="CN163" s="21">
        <f t="shared" si="274"/>
        <v>0</v>
      </c>
      <c r="CO163" s="20"/>
    </row>
    <row r="164" spans="1:93" x14ac:dyDescent="0.7">
      <c r="A164" s="7"/>
      <c r="E164" s="8" t="s">
        <v>36</v>
      </c>
      <c r="F164" s="42">
        <v>3151</v>
      </c>
      <c r="G164" s="42">
        <v>1777</v>
      </c>
      <c r="H164" s="42">
        <v>3371</v>
      </c>
      <c r="I164" s="42">
        <v>1877</v>
      </c>
      <c r="J164" s="42">
        <v>1318</v>
      </c>
      <c r="K164" s="42">
        <v>2316</v>
      </c>
      <c r="L164" s="42">
        <v>4243</v>
      </c>
      <c r="M164" s="42">
        <v>3619</v>
      </c>
      <c r="N164" s="42">
        <v>2902</v>
      </c>
      <c r="O164" s="42">
        <v>5437</v>
      </c>
      <c r="P164" s="42">
        <v>7163</v>
      </c>
      <c r="Q164" s="42">
        <v>4197</v>
      </c>
      <c r="R164" s="42">
        <v>3528</v>
      </c>
      <c r="S164" s="42">
        <v>5776</v>
      </c>
      <c r="T164" s="42">
        <v>6595</v>
      </c>
      <c r="U164" s="42">
        <v>4088</v>
      </c>
      <c r="V164" s="42">
        <v>3482</v>
      </c>
      <c r="W164" s="42">
        <v>5531</v>
      </c>
      <c r="X164" s="42">
        <v>7587</v>
      </c>
      <c r="Y164" s="42">
        <v>5039</v>
      </c>
      <c r="Z164" s="42">
        <v>4313</v>
      </c>
      <c r="AA164" s="42">
        <v>6486</v>
      </c>
      <c r="AB164" s="42">
        <v>7564</v>
      </c>
      <c r="AC164" s="42">
        <v>4929</v>
      </c>
      <c r="AD164" s="42">
        <v>4094</v>
      </c>
      <c r="AE164" s="7"/>
      <c r="AF164" s="13"/>
      <c r="AG164" s="9"/>
      <c r="AH164" s="9"/>
      <c r="AI164" s="9"/>
      <c r="AJ164" s="9" t="s">
        <v>36</v>
      </c>
      <c r="AK164" s="21">
        <v>3151</v>
      </c>
      <c r="AL164" s="21">
        <v>1777</v>
      </c>
      <c r="AM164" s="21">
        <v>3372</v>
      </c>
      <c r="AN164" s="21">
        <v>1877</v>
      </c>
      <c r="AO164" s="21">
        <v>1317</v>
      </c>
      <c r="AP164" s="21">
        <v>2315</v>
      </c>
      <c r="AQ164" s="21">
        <v>4243</v>
      </c>
      <c r="AR164" s="21">
        <v>3619</v>
      </c>
      <c r="AS164" s="21">
        <v>2903</v>
      </c>
      <c r="AT164" s="21">
        <v>5437</v>
      </c>
      <c r="AU164" s="21">
        <v>7163</v>
      </c>
      <c r="AV164" s="21">
        <v>4196</v>
      </c>
      <c r="AW164" s="21">
        <v>3528</v>
      </c>
      <c r="AX164" s="21">
        <v>5776</v>
      </c>
      <c r="AY164" s="21">
        <v>6595</v>
      </c>
      <c r="AZ164" s="21">
        <v>4088</v>
      </c>
      <c r="BA164" s="21">
        <v>3482</v>
      </c>
      <c r="BB164" s="21">
        <v>5531</v>
      </c>
      <c r="BC164" s="21">
        <v>7587</v>
      </c>
      <c r="BD164" s="21">
        <v>5039</v>
      </c>
      <c r="BE164" s="21">
        <v>4313</v>
      </c>
      <c r="BF164" s="21">
        <v>6486</v>
      </c>
      <c r="BG164" s="21">
        <v>7564</v>
      </c>
      <c r="BH164" s="21">
        <v>4929</v>
      </c>
      <c r="BI164" s="21">
        <v>4094</v>
      </c>
      <c r="BJ164" s="14"/>
      <c r="BK164" s="16"/>
      <c r="BL164" s="9"/>
      <c r="BM164" s="9"/>
      <c r="BN164" s="9"/>
      <c r="BO164" s="9" t="s">
        <v>36</v>
      </c>
      <c r="BP164" s="21">
        <f t="shared" si="250"/>
        <v>0</v>
      </c>
      <c r="BQ164" s="21">
        <f t="shared" si="251"/>
        <v>0</v>
      </c>
      <c r="BR164" s="21">
        <f t="shared" si="252"/>
        <v>1</v>
      </c>
      <c r="BS164" s="21">
        <f t="shared" si="253"/>
        <v>0</v>
      </c>
      <c r="BT164" s="21">
        <f t="shared" si="254"/>
        <v>-1</v>
      </c>
      <c r="BU164" s="21">
        <f t="shared" si="255"/>
        <v>-1</v>
      </c>
      <c r="BV164" s="21">
        <f t="shared" si="256"/>
        <v>0</v>
      </c>
      <c r="BW164" s="21">
        <f t="shared" si="257"/>
        <v>0</v>
      </c>
      <c r="BX164" s="21">
        <f t="shared" si="258"/>
        <v>1</v>
      </c>
      <c r="BY164" s="21">
        <f t="shared" si="259"/>
        <v>0</v>
      </c>
      <c r="BZ164" s="21">
        <f t="shared" si="260"/>
        <v>0</v>
      </c>
      <c r="CA164" s="21">
        <f t="shared" si="261"/>
        <v>-1</v>
      </c>
      <c r="CB164" s="21">
        <f t="shared" si="262"/>
        <v>0</v>
      </c>
      <c r="CC164" s="21">
        <f t="shared" si="263"/>
        <v>0</v>
      </c>
      <c r="CD164" s="21">
        <f t="shared" si="264"/>
        <v>0</v>
      </c>
      <c r="CE164" s="21">
        <f t="shared" si="265"/>
        <v>0</v>
      </c>
      <c r="CF164" s="21">
        <f t="shared" si="266"/>
        <v>0</v>
      </c>
      <c r="CG164" s="21">
        <f t="shared" si="267"/>
        <v>0</v>
      </c>
      <c r="CH164" s="21">
        <f t="shared" si="268"/>
        <v>0</v>
      </c>
      <c r="CI164" s="21">
        <f t="shared" si="269"/>
        <v>0</v>
      </c>
      <c r="CJ164" s="21">
        <f t="shared" si="270"/>
        <v>0</v>
      </c>
      <c r="CK164" s="21">
        <f t="shared" si="271"/>
        <v>0</v>
      </c>
      <c r="CL164" s="21">
        <f t="shared" si="272"/>
        <v>0</v>
      </c>
      <c r="CM164" s="21">
        <f t="shared" si="273"/>
        <v>0</v>
      </c>
      <c r="CN164" s="21">
        <f t="shared" si="274"/>
        <v>0</v>
      </c>
      <c r="CO164" s="20"/>
    </row>
    <row r="165" spans="1:93" x14ac:dyDescent="0.7">
      <c r="A165" s="7"/>
      <c r="D165" s="8" t="s">
        <v>37</v>
      </c>
      <c r="E165" s="8" t="s">
        <v>27</v>
      </c>
      <c r="F165" s="42">
        <v>85229</v>
      </c>
      <c r="G165" s="42">
        <v>89971</v>
      </c>
      <c r="H165" s="42">
        <v>101677</v>
      </c>
      <c r="I165" s="42">
        <v>99876</v>
      </c>
      <c r="J165" s="42">
        <v>68817</v>
      </c>
      <c r="K165" s="42">
        <v>102449</v>
      </c>
      <c r="L165" s="42">
        <v>109717</v>
      </c>
      <c r="M165" s="42">
        <v>107589</v>
      </c>
      <c r="N165" s="42">
        <v>93723</v>
      </c>
      <c r="O165" s="42">
        <v>112941</v>
      </c>
      <c r="P165" s="42">
        <v>114212</v>
      </c>
      <c r="Q165" s="42">
        <v>113063</v>
      </c>
      <c r="R165" s="42">
        <v>99252</v>
      </c>
      <c r="S165" s="42">
        <v>110088</v>
      </c>
      <c r="T165" s="42">
        <v>109000</v>
      </c>
      <c r="U165" s="42">
        <v>112155</v>
      </c>
      <c r="V165" s="42">
        <v>105408</v>
      </c>
      <c r="W165" s="42">
        <v>119093</v>
      </c>
      <c r="X165" s="42">
        <v>119062</v>
      </c>
      <c r="Y165" s="42">
        <v>120822</v>
      </c>
      <c r="Z165" s="42">
        <v>109645</v>
      </c>
      <c r="AA165" s="42">
        <v>136242</v>
      </c>
      <c r="AB165" s="42">
        <v>139731</v>
      </c>
      <c r="AC165" s="42">
        <v>142115</v>
      </c>
      <c r="AD165" s="42">
        <v>123255</v>
      </c>
      <c r="AE165" s="7"/>
      <c r="AF165" s="13"/>
      <c r="AG165" s="9"/>
      <c r="AH165" s="9"/>
      <c r="AI165" s="9" t="s">
        <v>37</v>
      </c>
      <c r="AJ165" s="9" t="s">
        <v>27</v>
      </c>
      <c r="AK165" s="21">
        <v>85866</v>
      </c>
      <c r="AL165" s="21">
        <v>90896</v>
      </c>
      <c r="AM165" s="21">
        <v>102945</v>
      </c>
      <c r="AN165" s="21">
        <v>101234</v>
      </c>
      <c r="AO165" s="21">
        <v>70028</v>
      </c>
      <c r="AP165" s="21">
        <v>104230</v>
      </c>
      <c r="AQ165" s="21">
        <v>112882</v>
      </c>
      <c r="AR165" s="21">
        <v>110521</v>
      </c>
      <c r="AS165" s="21">
        <v>95801</v>
      </c>
      <c r="AT165" s="21">
        <v>115763</v>
      </c>
      <c r="AU165" s="21">
        <v>117443</v>
      </c>
      <c r="AV165" s="21">
        <v>116177</v>
      </c>
      <c r="AW165" s="21">
        <v>108630</v>
      </c>
      <c r="AX165" s="21">
        <v>120021</v>
      </c>
      <c r="AY165" s="21">
        <v>118393</v>
      </c>
      <c r="AZ165" s="21">
        <v>121600</v>
      </c>
      <c r="BA165" s="21">
        <v>113903</v>
      </c>
      <c r="BB165" s="21">
        <v>128226</v>
      </c>
      <c r="BC165" s="21">
        <v>127568</v>
      </c>
      <c r="BD165" s="21">
        <v>128425</v>
      </c>
      <c r="BE165" s="21">
        <v>114735</v>
      </c>
      <c r="BF165" s="21">
        <v>134168</v>
      </c>
      <c r="BG165" s="21">
        <v>137627</v>
      </c>
      <c r="BH165" s="21">
        <v>140079</v>
      </c>
      <c r="BI165" s="21">
        <v>122299</v>
      </c>
      <c r="BJ165" s="14"/>
      <c r="BK165" s="16"/>
      <c r="BL165" s="9"/>
      <c r="BM165" s="9"/>
      <c r="BN165" s="9" t="s">
        <v>37</v>
      </c>
      <c r="BO165" s="9" t="s">
        <v>27</v>
      </c>
      <c r="BP165" s="21">
        <f t="shared" si="250"/>
        <v>637</v>
      </c>
      <c r="BQ165" s="21">
        <f t="shared" si="251"/>
        <v>925</v>
      </c>
      <c r="BR165" s="21">
        <f t="shared" si="252"/>
        <v>1268</v>
      </c>
      <c r="BS165" s="21">
        <f t="shared" si="253"/>
        <v>1358</v>
      </c>
      <c r="BT165" s="21">
        <f t="shared" si="254"/>
        <v>1211</v>
      </c>
      <c r="BU165" s="21">
        <f t="shared" si="255"/>
        <v>1781</v>
      </c>
      <c r="BV165" s="21">
        <f t="shared" si="256"/>
        <v>3165</v>
      </c>
      <c r="BW165" s="21">
        <f t="shared" si="257"/>
        <v>2932</v>
      </c>
      <c r="BX165" s="21">
        <f t="shared" si="258"/>
        <v>2078</v>
      </c>
      <c r="BY165" s="21">
        <f t="shared" si="259"/>
        <v>2822</v>
      </c>
      <c r="BZ165" s="21">
        <f t="shared" si="260"/>
        <v>3231</v>
      </c>
      <c r="CA165" s="21">
        <f t="shared" si="261"/>
        <v>3114</v>
      </c>
      <c r="CB165" s="21">
        <f t="shared" si="262"/>
        <v>9378</v>
      </c>
      <c r="CC165" s="21">
        <f t="shared" si="263"/>
        <v>9933</v>
      </c>
      <c r="CD165" s="21">
        <f t="shared" si="264"/>
        <v>9393</v>
      </c>
      <c r="CE165" s="21">
        <f t="shared" si="265"/>
        <v>9445</v>
      </c>
      <c r="CF165" s="21">
        <f t="shared" si="266"/>
        <v>8495</v>
      </c>
      <c r="CG165" s="21">
        <f t="shared" si="267"/>
        <v>9133</v>
      </c>
      <c r="CH165" s="21">
        <f t="shared" si="268"/>
        <v>8506</v>
      </c>
      <c r="CI165" s="21">
        <f t="shared" si="269"/>
        <v>7603</v>
      </c>
      <c r="CJ165" s="21">
        <f t="shared" si="270"/>
        <v>5090</v>
      </c>
      <c r="CK165" s="21">
        <f t="shared" si="271"/>
        <v>-2074</v>
      </c>
      <c r="CL165" s="21">
        <f t="shared" si="272"/>
        <v>-2104</v>
      </c>
      <c r="CM165" s="21">
        <f t="shared" si="273"/>
        <v>-2036</v>
      </c>
      <c r="CN165" s="21">
        <f t="shared" si="274"/>
        <v>-956</v>
      </c>
      <c r="CO165" s="20"/>
    </row>
    <row r="166" spans="1:93" x14ac:dyDescent="0.7">
      <c r="A166" s="7"/>
      <c r="E166" s="8" t="s">
        <v>28</v>
      </c>
      <c r="F166" s="42">
        <v>80283</v>
      </c>
      <c r="G166" s="42">
        <v>86902</v>
      </c>
      <c r="H166" s="42">
        <v>97072</v>
      </c>
      <c r="I166" s="42">
        <v>96110</v>
      </c>
      <c r="J166" s="42">
        <v>66654</v>
      </c>
      <c r="K166" s="42">
        <v>98751</v>
      </c>
      <c r="L166" s="42">
        <v>104273</v>
      </c>
      <c r="M166" s="42">
        <v>102170</v>
      </c>
      <c r="N166" s="42">
        <v>88876</v>
      </c>
      <c r="O166" s="42">
        <v>106815</v>
      </c>
      <c r="P166" s="42">
        <v>107203</v>
      </c>
      <c r="Q166" s="42">
        <v>106550</v>
      </c>
      <c r="R166" s="42">
        <v>93196</v>
      </c>
      <c r="S166" s="42">
        <v>103917</v>
      </c>
      <c r="T166" s="42">
        <v>102347</v>
      </c>
      <c r="U166" s="42">
        <v>105443</v>
      </c>
      <c r="V166" s="42">
        <v>98154</v>
      </c>
      <c r="W166" s="42">
        <v>111538</v>
      </c>
      <c r="X166" s="42">
        <v>111163</v>
      </c>
      <c r="Y166" s="42">
        <v>113107</v>
      </c>
      <c r="Z166" s="42">
        <v>102586</v>
      </c>
      <c r="AA166" s="42">
        <v>128148</v>
      </c>
      <c r="AB166" s="42">
        <v>130810</v>
      </c>
      <c r="AC166" s="42">
        <v>133313</v>
      </c>
      <c r="AD166" s="42">
        <v>114850</v>
      </c>
      <c r="AE166" s="7"/>
      <c r="AF166" s="13"/>
      <c r="AG166" s="9"/>
      <c r="AH166" s="9"/>
      <c r="AI166" s="9"/>
      <c r="AJ166" s="9" t="s">
        <v>28</v>
      </c>
      <c r="AK166" s="21">
        <v>80924</v>
      </c>
      <c r="AL166" s="21">
        <v>87826</v>
      </c>
      <c r="AM166" s="21">
        <v>98327</v>
      </c>
      <c r="AN166" s="21">
        <v>97455</v>
      </c>
      <c r="AO166" s="21">
        <v>67839</v>
      </c>
      <c r="AP166" s="21">
        <v>100513</v>
      </c>
      <c r="AQ166" s="21">
        <v>107374</v>
      </c>
      <c r="AR166" s="21">
        <v>105045</v>
      </c>
      <c r="AS166" s="21">
        <v>90945</v>
      </c>
      <c r="AT166" s="21">
        <v>109609</v>
      </c>
      <c r="AU166" s="21">
        <v>110385</v>
      </c>
      <c r="AV166" s="21">
        <v>109591</v>
      </c>
      <c r="AW166" s="21">
        <v>101467</v>
      </c>
      <c r="AX166" s="21">
        <v>112856</v>
      </c>
      <c r="AY166" s="21">
        <v>110891</v>
      </c>
      <c r="AZ166" s="21">
        <v>114251</v>
      </c>
      <c r="BA166" s="21">
        <v>106103</v>
      </c>
      <c r="BB166" s="21">
        <v>120345</v>
      </c>
      <c r="BC166" s="21">
        <v>119382</v>
      </c>
      <c r="BD166" s="21">
        <v>120476</v>
      </c>
      <c r="BE166" s="21">
        <v>107481</v>
      </c>
      <c r="BF166" s="21">
        <v>126259</v>
      </c>
      <c r="BG166" s="21">
        <v>128911</v>
      </c>
      <c r="BH166" s="21">
        <v>131454</v>
      </c>
      <c r="BI166" s="21">
        <v>114179</v>
      </c>
      <c r="BJ166" s="14"/>
      <c r="BK166" s="16"/>
      <c r="BL166" s="9"/>
      <c r="BM166" s="9"/>
      <c r="BN166" s="9"/>
      <c r="BO166" s="9" t="s">
        <v>28</v>
      </c>
      <c r="BP166" s="21">
        <f t="shared" si="250"/>
        <v>641</v>
      </c>
      <c r="BQ166" s="21">
        <f t="shared" si="251"/>
        <v>924</v>
      </c>
      <c r="BR166" s="21">
        <f t="shared" si="252"/>
        <v>1255</v>
      </c>
      <c r="BS166" s="21">
        <f t="shared" si="253"/>
        <v>1345</v>
      </c>
      <c r="BT166" s="21">
        <f t="shared" si="254"/>
        <v>1185</v>
      </c>
      <c r="BU166" s="21">
        <f t="shared" si="255"/>
        <v>1762</v>
      </c>
      <c r="BV166" s="21">
        <f t="shared" si="256"/>
        <v>3101</v>
      </c>
      <c r="BW166" s="21">
        <f t="shared" si="257"/>
        <v>2875</v>
      </c>
      <c r="BX166" s="21">
        <f t="shared" si="258"/>
        <v>2069</v>
      </c>
      <c r="BY166" s="21">
        <f t="shared" si="259"/>
        <v>2794</v>
      </c>
      <c r="BZ166" s="21">
        <f t="shared" si="260"/>
        <v>3182</v>
      </c>
      <c r="CA166" s="21">
        <f t="shared" si="261"/>
        <v>3041</v>
      </c>
      <c r="CB166" s="21">
        <f t="shared" si="262"/>
        <v>8271</v>
      </c>
      <c r="CC166" s="21">
        <f t="shared" si="263"/>
        <v>8939</v>
      </c>
      <c r="CD166" s="21">
        <f t="shared" si="264"/>
        <v>8544</v>
      </c>
      <c r="CE166" s="21">
        <f t="shared" si="265"/>
        <v>8808</v>
      </c>
      <c r="CF166" s="21">
        <f t="shared" si="266"/>
        <v>7949</v>
      </c>
      <c r="CG166" s="21">
        <f t="shared" si="267"/>
        <v>8807</v>
      </c>
      <c r="CH166" s="21">
        <f t="shared" si="268"/>
        <v>8219</v>
      </c>
      <c r="CI166" s="21">
        <f t="shared" si="269"/>
        <v>7369</v>
      </c>
      <c r="CJ166" s="21">
        <f t="shared" si="270"/>
        <v>4895</v>
      </c>
      <c r="CK166" s="21">
        <f t="shared" si="271"/>
        <v>-1889</v>
      </c>
      <c r="CL166" s="21">
        <f t="shared" si="272"/>
        <v>-1899</v>
      </c>
      <c r="CM166" s="21">
        <f t="shared" si="273"/>
        <v>-1859</v>
      </c>
      <c r="CN166" s="21">
        <f t="shared" si="274"/>
        <v>-671</v>
      </c>
      <c r="CO166" s="20"/>
    </row>
    <row r="167" spans="1:93" x14ac:dyDescent="0.7">
      <c r="A167" s="7"/>
      <c r="E167" s="8" t="s">
        <v>29</v>
      </c>
      <c r="F167" s="42">
        <v>2075</v>
      </c>
      <c r="G167" s="42">
        <v>2190</v>
      </c>
      <c r="H167" s="42">
        <v>2201</v>
      </c>
      <c r="I167" s="42">
        <v>2135</v>
      </c>
      <c r="J167" s="42">
        <v>1555</v>
      </c>
      <c r="K167" s="42">
        <v>1911</v>
      </c>
      <c r="L167" s="42">
        <v>1802</v>
      </c>
      <c r="M167" s="42">
        <v>1622</v>
      </c>
      <c r="N167" s="42">
        <v>1418</v>
      </c>
      <c r="O167" s="42">
        <v>1624</v>
      </c>
      <c r="P167" s="42">
        <v>1507</v>
      </c>
      <c r="Q167" s="42">
        <v>1557</v>
      </c>
      <c r="R167" s="42">
        <v>1371</v>
      </c>
      <c r="S167" s="42">
        <v>1645</v>
      </c>
      <c r="T167" s="42">
        <v>1742</v>
      </c>
      <c r="U167" s="42">
        <v>1960</v>
      </c>
      <c r="V167" s="42">
        <v>820</v>
      </c>
      <c r="W167" s="42">
        <v>849</v>
      </c>
      <c r="X167" s="42">
        <v>760</v>
      </c>
      <c r="Y167" s="42">
        <v>714</v>
      </c>
      <c r="Z167" s="42">
        <v>614</v>
      </c>
      <c r="AA167" s="42">
        <v>633</v>
      </c>
      <c r="AB167" s="42">
        <v>557</v>
      </c>
      <c r="AC167" s="42">
        <v>539</v>
      </c>
      <c r="AD167" s="42">
        <v>445</v>
      </c>
      <c r="AE167" s="7"/>
      <c r="AF167" s="13"/>
      <c r="AG167" s="9"/>
      <c r="AH167" s="9"/>
      <c r="AI167" s="9"/>
      <c r="AJ167" s="9" t="s">
        <v>29</v>
      </c>
      <c r="AK167" s="21">
        <v>2075</v>
      </c>
      <c r="AL167" s="21">
        <v>2191</v>
      </c>
      <c r="AM167" s="21">
        <v>2202</v>
      </c>
      <c r="AN167" s="21">
        <v>2136</v>
      </c>
      <c r="AO167" s="21">
        <v>1565</v>
      </c>
      <c r="AP167" s="21">
        <v>1920</v>
      </c>
      <c r="AQ167" s="21">
        <v>1822</v>
      </c>
      <c r="AR167" s="21">
        <v>1623</v>
      </c>
      <c r="AS167" s="21">
        <v>1390</v>
      </c>
      <c r="AT167" s="21">
        <v>1505</v>
      </c>
      <c r="AU167" s="21">
        <v>1333</v>
      </c>
      <c r="AV167" s="21">
        <v>1301</v>
      </c>
      <c r="AW167" s="21">
        <v>1114</v>
      </c>
      <c r="AX167" s="21">
        <v>1131</v>
      </c>
      <c r="AY167" s="21">
        <v>976</v>
      </c>
      <c r="AZ167" s="21">
        <v>982</v>
      </c>
      <c r="BA167" s="21">
        <v>827</v>
      </c>
      <c r="BB167" s="21">
        <v>852</v>
      </c>
      <c r="BC167" s="21">
        <v>745</v>
      </c>
      <c r="BD167" s="21">
        <v>714</v>
      </c>
      <c r="BE167" s="21">
        <v>614</v>
      </c>
      <c r="BF167" s="21">
        <v>633</v>
      </c>
      <c r="BG167" s="21">
        <v>557</v>
      </c>
      <c r="BH167" s="21">
        <v>539</v>
      </c>
      <c r="BI167" s="21">
        <v>445</v>
      </c>
      <c r="BJ167" s="14"/>
      <c r="BK167" s="16"/>
      <c r="BL167" s="9"/>
      <c r="BM167" s="9"/>
      <c r="BN167" s="9"/>
      <c r="BO167" s="9" t="s">
        <v>29</v>
      </c>
      <c r="BP167" s="10">
        <v>2075</v>
      </c>
      <c r="BQ167" s="10">
        <v>2191</v>
      </c>
      <c r="BR167" s="10">
        <v>2202</v>
      </c>
      <c r="BS167" s="10">
        <v>2136</v>
      </c>
      <c r="BT167" s="10">
        <v>1565</v>
      </c>
      <c r="BU167" s="10">
        <v>1920</v>
      </c>
      <c r="BV167" s="10">
        <v>1822</v>
      </c>
      <c r="BW167" s="10">
        <v>1623</v>
      </c>
      <c r="BX167" s="10">
        <v>1390</v>
      </c>
      <c r="BY167" s="10">
        <v>1505</v>
      </c>
      <c r="BZ167" s="10">
        <v>1333</v>
      </c>
      <c r="CA167" s="10">
        <v>1301</v>
      </c>
      <c r="CB167" s="10">
        <v>1114</v>
      </c>
      <c r="CC167" s="10">
        <v>1131</v>
      </c>
      <c r="CD167" s="10">
        <v>976</v>
      </c>
      <c r="CE167" s="10">
        <v>982</v>
      </c>
      <c r="CF167" s="10">
        <v>827</v>
      </c>
      <c r="CG167" s="10">
        <v>852</v>
      </c>
      <c r="CH167" s="10">
        <v>745</v>
      </c>
      <c r="CI167" s="10">
        <v>714</v>
      </c>
      <c r="CJ167" s="10">
        <v>614</v>
      </c>
      <c r="CK167" s="10">
        <v>633</v>
      </c>
      <c r="CL167" s="10">
        <v>557</v>
      </c>
      <c r="CM167" s="10">
        <v>539</v>
      </c>
      <c r="CN167" s="10">
        <v>445</v>
      </c>
      <c r="CO167" s="20"/>
    </row>
    <row r="168" spans="1:93" x14ac:dyDescent="0.7">
      <c r="A168" s="7"/>
      <c r="E168" s="8" t="s">
        <v>30</v>
      </c>
      <c r="F168" s="42">
        <v>63934</v>
      </c>
      <c r="G168" s="42">
        <v>68717</v>
      </c>
      <c r="H168" s="42">
        <v>77192</v>
      </c>
      <c r="I168" s="42">
        <v>75836</v>
      </c>
      <c r="J168" s="42">
        <v>51505</v>
      </c>
      <c r="K168" s="42">
        <v>77452</v>
      </c>
      <c r="L168" s="42">
        <v>81657</v>
      </c>
      <c r="M168" s="42">
        <v>79556</v>
      </c>
      <c r="N168" s="42">
        <v>67860</v>
      </c>
      <c r="O168" s="42">
        <v>81749</v>
      </c>
      <c r="P168" s="42">
        <v>81095</v>
      </c>
      <c r="Q168" s="42">
        <v>79819</v>
      </c>
      <c r="R168" s="42">
        <v>66362</v>
      </c>
      <c r="S168" s="42">
        <v>72211</v>
      </c>
      <c r="T168" s="42">
        <v>69082</v>
      </c>
      <c r="U168" s="42">
        <v>70627</v>
      </c>
      <c r="V168" s="42">
        <v>65675</v>
      </c>
      <c r="W168" s="42">
        <v>73933</v>
      </c>
      <c r="X168" s="42">
        <v>71659</v>
      </c>
      <c r="Y168" s="42">
        <v>72654</v>
      </c>
      <c r="Z168" s="42">
        <v>65063</v>
      </c>
      <c r="AA168" s="42">
        <v>79820</v>
      </c>
      <c r="AB168" s="42">
        <v>80294</v>
      </c>
      <c r="AC168" s="42">
        <v>80988</v>
      </c>
      <c r="AD168" s="42">
        <v>71203</v>
      </c>
      <c r="AE168" s="7"/>
      <c r="AF168" s="13"/>
      <c r="AG168" s="9"/>
      <c r="AH168" s="9"/>
      <c r="AI168" s="9"/>
      <c r="AJ168" s="9" t="s">
        <v>30</v>
      </c>
      <c r="AK168" s="21">
        <v>64332</v>
      </c>
      <c r="AL168" s="21">
        <v>69289</v>
      </c>
      <c r="AM168" s="21">
        <v>77949</v>
      </c>
      <c r="AN168" s="21">
        <v>76629</v>
      </c>
      <c r="AO168" s="21">
        <v>52255</v>
      </c>
      <c r="AP168" s="21">
        <v>78487</v>
      </c>
      <c r="AQ168" s="21">
        <v>83714</v>
      </c>
      <c r="AR168" s="21">
        <v>81274</v>
      </c>
      <c r="AS168" s="21">
        <v>69138</v>
      </c>
      <c r="AT168" s="21">
        <v>83598</v>
      </c>
      <c r="AU168" s="21">
        <v>83205</v>
      </c>
      <c r="AV168" s="21">
        <v>81917</v>
      </c>
      <c r="AW168" s="21">
        <v>72232</v>
      </c>
      <c r="AX168" s="21">
        <v>78947</v>
      </c>
      <c r="AY168" s="21">
        <v>76096</v>
      </c>
      <c r="AZ168" s="21">
        <v>78126</v>
      </c>
      <c r="BA168" s="21">
        <v>71016</v>
      </c>
      <c r="BB168" s="21">
        <v>79927</v>
      </c>
      <c r="BC168" s="21">
        <v>77191</v>
      </c>
      <c r="BD168" s="21">
        <v>77127</v>
      </c>
      <c r="BE168" s="21">
        <v>67194</v>
      </c>
      <c r="BF168" s="21">
        <v>78800</v>
      </c>
      <c r="BG168" s="21">
        <v>79286</v>
      </c>
      <c r="BH168" s="21">
        <v>79845</v>
      </c>
      <c r="BI168" s="21">
        <v>70795</v>
      </c>
      <c r="BJ168" s="14"/>
      <c r="BK168" s="16"/>
      <c r="BL168" s="9"/>
      <c r="BM168" s="9"/>
      <c r="BN168" s="9"/>
      <c r="BO168" s="9" t="s">
        <v>30</v>
      </c>
      <c r="BP168" s="21">
        <f t="shared" ref="BP168:BP191" si="275">AK168-F168</f>
        <v>398</v>
      </c>
      <c r="BQ168" s="21">
        <f t="shared" ref="BQ168:BQ191" si="276">AL168-G168</f>
        <v>572</v>
      </c>
      <c r="BR168" s="21">
        <f t="shared" ref="BR168:BR191" si="277">AM168-H168</f>
        <v>757</v>
      </c>
      <c r="BS168" s="21">
        <f t="shared" ref="BS168:BS191" si="278">AN168-I168</f>
        <v>793</v>
      </c>
      <c r="BT168" s="21">
        <f t="shared" ref="BT168:BT191" si="279">AO168-J168</f>
        <v>750</v>
      </c>
      <c r="BU168" s="21">
        <f t="shared" ref="BU168:BU191" si="280">AP168-K168</f>
        <v>1035</v>
      </c>
      <c r="BV168" s="21">
        <f t="shared" ref="BV168:BV191" si="281">AQ168-L168</f>
        <v>2057</v>
      </c>
      <c r="BW168" s="21">
        <f t="shared" ref="BW168:BW191" si="282">AR168-M168</f>
        <v>1718</v>
      </c>
      <c r="BX168" s="21">
        <f t="shared" ref="BX168:BX191" si="283">AS168-N168</f>
        <v>1278</v>
      </c>
      <c r="BY168" s="21">
        <f t="shared" ref="BY168:BY191" si="284">AT168-O168</f>
        <v>1849</v>
      </c>
      <c r="BZ168" s="21">
        <f t="shared" ref="BZ168:BZ191" si="285">AU168-P168</f>
        <v>2110</v>
      </c>
      <c r="CA168" s="21">
        <f t="shared" ref="CA168:CA191" si="286">AV168-Q168</f>
        <v>2098</v>
      </c>
      <c r="CB168" s="21">
        <f t="shared" ref="CB168:CB191" si="287">AW168-R168</f>
        <v>5870</v>
      </c>
      <c r="CC168" s="21">
        <f t="shared" ref="CC168:CC191" si="288">AX168-S168</f>
        <v>6736</v>
      </c>
      <c r="CD168" s="21">
        <f t="shared" ref="CD168:CD191" si="289">AY168-T168</f>
        <v>7014</v>
      </c>
      <c r="CE168" s="21">
        <f t="shared" ref="CE168:CE191" si="290">AZ168-U168</f>
        <v>7499</v>
      </c>
      <c r="CF168" s="21">
        <f t="shared" ref="CF168:CF191" si="291">BA168-V168</f>
        <v>5341</v>
      </c>
      <c r="CG168" s="21">
        <f t="shared" ref="CG168:CG191" si="292">BB168-W168</f>
        <v>5994</v>
      </c>
      <c r="CH168" s="21">
        <f t="shared" ref="CH168:CH191" si="293">BC168-X168</f>
        <v>5532</v>
      </c>
      <c r="CI168" s="21">
        <f t="shared" ref="CI168:CI191" si="294">BD168-Y168</f>
        <v>4473</v>
      </c>
      <c r="CJ168" s="21">
        <f t="shared" ref="CJ168:CJ191" si="295">BE168-Z168</f>
        <v>2131</v>
      </c>
      <c r="CK168" s="21">
        <f t="shared" ref="CK168:CK191" si="296">BF168-AA168</f>
        <v>-1020</v>
      </c>
      <c r="CL168" s="21">
        <f t="shared" ref="CL168:CL191" si="297">BG168-AB168</f>
        <v>-1008</v>
      </c>
      <c r="CM168" s="21">
        <f t="shared" ref="CM168:CM191" si="298">BH168-AC168</f>
        <v>-1143</v>
      </c>
      <c r="CN168" s="21">
        <f t="shared" ref="CN168:CN191" si="299">BI168-AD168</f>
        <v>-408</v>
      </c>
      <c r="CO168" s="20"/>
    </row>
    <row r="169" spans="1:93" x14ac:dyDescent="0.7">
      <c r="A169" s="7"/>
      <c r="E169" s="8" t="s">
        <v>31</v>
      </c>
      <c r="F169" s="42">
        <v>14274</v>
      </c>
      <c r="G169" s="42">
        <v>15995</v>
      </c>
      <c r="H169" s="42">
        <v>17679</v>
      </c>
      <c r="I169" s="42">
        <v>18139</v>
      </c>
      <c r="J169" s="42">
        <v>13594</v>
      </c>
      <c r="K169" s="42">
        <v>19388</v>
      </c>
      <c r="L169" s="42">
        <v>20814</v>
      </c>
      <c r="M169" s="42">
        <v>20992</v>
      </c>
      <c r="N169" s="42">
        <v>19598</v>
      </c>
      <c r="O169" s="42">
        <v>23442</v>
      </c>
      <c r="P169" s="42">
        <v>24601</v>
      </c>
      <c r="Q169" s="42">
        <v>25174</v>
      </c>
      <c r="R169" s="42">
        <v>25463</v>
      </c>
      <c r="S169" s="42">
        <v>30017</v>
      </c>
      <c r="T169" s="42">
        <v>31467</v>
      </c>
      <c r="U169" s="42">
        <v>32864</v>
      </c>
      <c r="V169" s="42">
        <v>31541</v>
      </c>
      <c r="W169" s="42">
        <v>36714</v>
      </c>
      <c r="X169" s="42">
        <v>38744</v>
      </c>
      <c r="Y169" s="42">
        <v>39738</v>
      </c>
      <c r="Z169" s="42">
        <v>36909</v>
      </c>
      <c r="AA169" s="42">
        <v>47695</v>
      </c>
      <c r="AB169" s="42">
        <v>49958</v>
      </c>
      <c r="AC169" s="42">
        <v>51786</v>
      </c>
      <c r="AD169" s="42">
        <v>43202</v>
      </c>
      <c r="AE169" s="7"/>
      <c r="AF169" s="13"/>
      <c r="AG169" s="9"/>
      <c r="AH169" s="9"/>
      <c r="AI169" s="9"/>
      <c r="AJ169" s="9" t="s">
        <v>31</v>
      </c>
      <c r="AK169" s="21">
        <v>14517</v>
      </c>
      <c r="AL169" s="21">
        <v>16347</v>
      </c>
      <c r="AM169" s="21">
        <v>18176</v>
      </c>
      <c r="AN169" s="21">
        <v>18690</v>
      </c>
      <c r="AO169" s="21">
        <v>14019</v>
      </c>
      <c r="AP169" s="21">
        <v>20106</v>
      </c>
      <c r="AQ169" s="21">
        <v>21838</v>
      </c>
      <c r="AR169" s="21">
        <v>22148</v>
      </c>
      <c r="AS169" s="21">
        <v>20417</v>
      </c>
      <c r="AT169" s="21">
        <v>24506</v>
      </c>
      <c r="AU169" s="21">
        <v>25848</v>
      </c>
      <c r="AV169" s="21">
        <v>26373</v>
      </c>
      <c r="AW169" s="21">
        <v>27992</v>
      </c>
      <c r="AX169" s="21">
        <v>32611</v>
      </c>
      <c r="AY169" s="21">
        <v>33644</v>
      </c>
      <c r="AZ169" s="21">
        <v>34998</v>
      </c>
      <c r="BA169" s="21">
        <v>34153</v>
      </c>
      <c r="BB169" s="21">
        <v>39491</v>
      </c>
      <c r="BC169" s="21">
        <v>41446</v>
      </c>
      <c r="BD169" s="21">
        <v>42635</v>
      </c>
      <c r="BE169" s="21">
        <v>39673</v>
      </c>
      <c r="BF169" s="21">
        <v>46825</v>
      </c>
      <c r="BG169" s="21">
        <v>49067</v>
      </c>
      <c r="BH169" s="21">
        <v>51070</v>
      </c>
      <c r="BI169" s="21">
        <v>42939</v>
      </c>
      <c r="BJ169" s="14"/>
      <c r="BK169" s="16"/>
      <c r="BL169" s="9"/>
      <c r="BM169" s="9"/>
      <c r="BN169" s="9"/>
      <c r="BO169" s="9" t="s">
        <v>31</v>
      </c>
      <c r="BP169" s="21">
        <f t="shared" si="275"/>
        <v>243</v>
      </c>
      <c r="BQ169" s="21">
        <f t="shared" si="276"/>
        <v>352</v>
      </c>
      <c r="BR169" s="21">
        <f t="shared" si="277"/>
        <v>497</v>
      </c>
      <c r="BS169" s="21">
        <f t="shared" si="278"/>
        <v>551</v>
      </c>
      <c r="BT169" s="21">
        <f t="shared" si="279"/>
        <v>425</v>
      </c>
      <c r="BU169" s="21">
        <f t="shared" si="280"/>
        <v>718</v>
      </c>
      <c r="BV169" s="21">
        <f t="shared" si="281"/>
        <v>1024</v>
      </c>
      <c r="BW169" s="21">
        <f t="shared" si="282"/>
        <v>1156</v>
      </c>
      <c r="BX169" s="21">
        <f t="shared" si="283"/>
        <v>819</v>
      </c>
      <c r="BY169" s="21">
        <f t="shared" si="284"/>
        <v>1064</v>
      </c>
      <c r="BZ169" s="21">
        <f t="shared" si="285"/>
        <v>1247</v>
      </c>
      <c r="CA169" s="21">
        <f t="shared" si="286"/>
        <v>1199</v>
      </c>
      <c r="CB169" s="21">
        <f t="shared" si="287"/>
        <v>2529</v>
      </c>
      <c r="CC169" s="21">
        <f t="shared" si="288"/>
        <v>2594</v>
      </c>
      <c r="CD169" s="21">
        <f t="shared" si="289"/>
        <v>2177</v>
      </c>
      <c r="CE169" s="21">
        <f t="shared" si="290"/>
        <v>2134</v>
      </c>
      <c r="CF169" s="21">
        <f t="shared" si="291"/>
        <v>2612</v>
      </c>
      <c r="CG169" s="21">
        <f t="shared" si="292"/>
        <v>2777</v>
      </c>
      <c r="CH169" s="21">
        <f t="shared" si="293"/>
        <v>2702</v>
      </c>
      <c r="CI169" s="21">
        <f t="shared" si="294"/>
        <v>2897</v>
      </c>
      <c r="CJ169" s="21">
        <f t="shared" si="295"/>
        <v>2764</v>
      </c>
      <c r="CK169" s="21">
        <f t="shared" si="296"/>
        <v>-870</v>
      </c>
      <c r="CL169" s="21">
        <f t="shared" si="297"/>
        <v>-891</v>
      </c>
      <c r="CM169" s="21">
        <f t="shared" si="298"/>
        <v>-716</v>
      </c>
      <c r="CN169" s="21">
        <f t="shared" si="299"/>
        <v>-263</v>
      </c>
      <c r="CO169" s="20"/>
    </row>
    <row r="170" spans="1:93" x14ac:dyDescent="0.7">
      <c r="A170" s="7"/>
      <c r="E170" s="8" t="s">
        <v>32</v>
      </c>
      <c r="F170" s="42">
        <v>4946</v>
      </c>
      <c r="G170" s="42">
        <v>3069</v>
      </c>
      <c r="H170" s="42">
        <v>4605</v>
      </c>
      <c r="I170" s="42">
        <v>3766</v>
      </c>
      <c r="J170" s="42">
        <v>2163</v>
      </c>
      <c r="K170" s="42">
        <v>3698</v>
      </c>
      <c r="L170" s="42">
        <v>5444</v>
      </c>
      <c r="M170" s="42">
        <v>5419</v>
      </c>
      <c r="N170" s="42">
        <v>4847</v>
      </c>
      <c r="O170" s="42">
        <v>6126</v>
      </c>
      <c r="P170" s="42">
        <v>7009</v>
      </c>
      <c r="Q170" s="42">
        <v>6513</v>
      </c>
      <c r="R170" s="42">
        <v>6056</v>
      </c>
      <c r="S170" s="42">
        <v>6386</v>
      </c>
      <c r="T170" s="42">
        <v>6719</v>
      </c>
      <c r="U170" s="42">
        <v>6847</v>
      </c>
      <c r="V170" s="42">
        <v>7130</v>
      </c>
      <c r="W170" s="42">
        <v>7591</v>
      </c>
      <c r="X170" s="42">
        <v>7899</v>
      </c>
      <c r="Y170" s="42">
        <v>7716</v>
      </c>
      <c r="Z170" s="42">
        <v>7060</v>
      </c>
      <c r="AA170" s="42">
        <v>8093</v>
      </c>
      <c r="AB170" s="42">
        <v>8921</v>
      </c>
      <c r="AC170" s="42">
        <v>8802</v>
      </c>
      <c r="AD170" s="42">
        <v>8405</v>
      </c>
      <c r="AE170" s="7"/>
      <c r="AF170" s="13"/>
      <c r="AG170" s="9"/>
      <c r="AH170" s="9"/>
      <c r="AI170" s="9"/>
      <c r="AJ170" s="9" t="s">
        <v>32</v>
      </c>
      <c r="AK170" s="21">
        <v>4942</v>
      </c>
      <c r="AL170" s="21">
        <v>3070</v>
      </c>
      <c r="AM170" s="21">
        <v>4617</v>
      </c>
      <c r="AN170" s="21">
        <v>3780</v>
      </c>
      <c r="AO170" s="21">
        <v>2189</v>
      </c>
      <c r="AP170" s="21">
        <v>3718</v>
      </c>
      <c r="AQ170" s="21">
        <v>5508</v>
      </c>
      <c r="AR170" s="21">
        <v>5476</v>
      </c>
      <c r="AS170" s="21">
        <v>4856</v>
      </c>
      <c r="AT170" s="21">
        <v>6155</v>
      </c>
      <c r="AU170" s="21">
        <v>7057</v>
      </c>
      <c r="AV170" s="21">
        <v>6586</v>
      </c>
      <c r="AW170" s="21">
        <v>6883</v>
      </c>
      <c r="AX170" s="21">
        <v>7130</v>
      </c>
      <c r="AY170" s="21">
        <v>7372</v>
      </c>
      <c r="AZ170" s="21">
        <v>7366</v>
      </c>
      <c r="BA170" s="21">
        <v>7577</v>
      </c>
      <c r="BB170" s="21">
        <v>7942</v>
      </c>
      <c r="BC170" s="21">
        <v>8187</v>
      </c>
      <c r="BD170" s="21">
        <v>7949</v>
      </c>
      <c r="BE170" s="21">
        <v>7254</v>
      </c>
      <c r="BF170" s="21">
        <v>7910</v>
      </c>
      <c r="BG170" s="21">
        <v>8716</v>
      </c>
      <c r="BH170" s="21">
        <v>8626</v>
      </c>
      <c r="BI170" s="21">
        <v>8120</v>
      </c>
      <c r="BJ170" s="14"/>
      <c r="BK170" s="16"/>
      <c r="BL170" s="9"/>
      <c r="BM170" s="9"/>
      <c r="BN170" s="9"/>
      <c r="BO170" s="9" t="s">
        <v>32</v>
      </c>
      <c r="BP170" s="21">
        <f t="shared" si="275"/>
        <v>-4</v>
      </c>
      <c r="BQ170" s="21">
        <f t="shared" si="276"/>
        <v>1</v>
      </c>
      <c r="BR170" s="21">
        <f t="shared" si="277"/>
        <v>12</v>
      </c>
      <c r="BS170" s="21">
        <f t="shared" si="278"/>
        <v>14</v>
      </c>
      <c r="BT170" s="21">
        <f t="shared" si="279"/>
        <v>26</v>
      </c>
      <c r="BU170" s="21">
        <f t="shared" si="280"/>
        <v>20</v>
      </c>
      <c r="BV170" s="21">
        <f t="shared" si="281"/>
        <v>64</v>
      </c>
      <c r="BW170" s="21">
        <f t="shared" si="282"/>
        <v>57</v>
      </c>
      <c r="BX170" s="21">
        <f t="shared" si="283"/>
        <v>9</v>
      </c>
      <c r="BY170" s="21">
        <f t="shared" si="284"/>
        <v>29</v>
      </c>
      <c r="BZ170" s="21">
        <f t="shared" si="285"/>
        <v>48</v>
      </c>
      <c r="CA170" s="21">
        <f t="shared" si="286"/>
        <v>73</v>
      </c>
      <c r="CB170" s="21">
        <f t="shared" si="287"/>
        <v>827</v>
      </c>
      <c r="CC170" s="21">
        <f t="shared" si="288"/>
        <v>744</v>
      </c>
      <c r="CD170" s="21">
        <f t="shared" si="289"/>
        <v>653</v>
      </c>
      <c r="CE170" s="21">
        <f t="shared" si="290"/>
        <v>519</v>
      </c>
      <c r="CF170" s="21">
        <f t="shared" si="291"/>
        <v>447</v>
      </c>
      <c r="CG170" s="21">
        <f t="shared" si="292"/>
        <v>351</v>
      </c>
      <c r="CH170" s="21">
        <f t="shared" si="293"/>
        <v>288</v>
      </c>
      <c r="CI170" s="21">
        <f t="shared" si="294"/>
        <v>233</v>
      </c>
      <c r="CJ170" s="21">
        <f t="shared" si="295"/>
        <v>194</v>
      </c>
      <c r="CK170" s="21">
        <f t="shared" si="296"/>
        <v>-183</v>
      </c>
      <c r="CL170" s="21">
        <f t="shared" si="297"/>
        <v>-205</v>
      </c>
      <c r="CM170" s="21">
        <f t="shared" si="298"/>
        <v>-176</v>
      </c>
      <c r="CN170" s="21">
        <f t="shared" si="299"/>
        <v>-285</v>
      </c>
      <c r="CO170" s="20"/>
    </row>
    <row r="171" spans="1:93" x14ac:dyDescent="0.7">
      <c r="A171" s="7"/>
      <c r="E171" s="8" t="s">
        <v>33</v>
      </c>
      <c r="F171" s="42">
        <v>4946</v>
      </c>
      <c r="G171" s="42">
        <v>3069</v>
      </c>
      <c r="H171" s="42">
        <v>4605</v>
      </c>
      <c r="I171" s="42">
        <v>3766</v>
      </c>
      <c r="J171" s="42">
        <v>2163</v>
      </c>
      <c r="K171" s="42">
        <v>3698</v>
      </c>
      <c r="L171" s="42">
        <v>5444</v>
      </c>
      <c r="M171" s="42">
        <v>5419</v>
      </c>
      <c r="N171" s="42">
        <v>4847</v>
      </c>
      <c r="O171" s="42">
        <v>6126</v>
      </c>
      <c r="P171" s="42">
        <v>7009</v>
      </c>
      <c r="Q171" s="42">
        <v>6513</v>
      </c>
      <c r="R171" s="42">
        <v>6056</v>
      </c>
      <c r="S171" s="42">
        <v>6386</v>
      </c>
      <c r="T171" s="42">
        <v>6719</v>
      </c>
      <c r="U171" s="42">
        <v>6847</v>
      </c>
      <c r="V171" s="42">
        <v>7130</v>
      </c>
      <c r="W171" s="42">
        <v>7591</v>
      </c>
      <c r="X171" s="42">
        <v>7899</v>
      </c>
      <c r="Y171" s="42">
        <v>7716</v>
      </c>
      <c r="Z171" s="42">
        <v>7060</v>
      </c>
      <c r="AA171" s="42">
        <v>8093</v>
      </c>
      <c r="AB171" s="42">
        <v>8921</v>
      </c>
      <c r="AC171" s="42">
        <v>8802</v>
      </c>
      <c r="AD171" s="42">
        <v>8405</v>
      </c>
      <c r="AE171" s="7"/>
      <c r="AF171" s="13"/>
      <c r="AG171" s="9"/>
      <c r="AH171" s="9"/>
      <c r="AI171" s="9"/>
      <c r="AJ171" s="9" t="s">
        <v>33</v>
      </c>
      <c r="AK171" s="21">
        <v>4942</v>
      </c>
      <c r="AL171" s="21">
        <v>3070</v>
      </c>
      <c r="AM171" s="21">
        <v>4617</v>
      </c>
      <c r="AN171" s="21">
        <v>3780</v>
      </c>
      <c r="AO171" s="21">
        <v>2189</v>
      </c>
      <c r="AP171" s="21">
        <v>3718</v>
      </c>
      <c r="AQ171" s="21">
        <v>5508</v>
      </c>
      <c r="AR171" s="21">
        <v>5476</v>
      </c>
      <c r="AS171" s="21">
        <v>4856</v>
      </c>
      <c r="AT171" s="21">
        <v>6155</v>
      </c>
      <c r="AU171" s="21">
        <v>7057</v>
      </c>
      <c r="AV171" s="21">
        <v>6586</v>
      </c>
      <c r="AW171" s="21">
        <v>6883</v>
      </c>
      <c r="AX171" s="21">
        <v>7130</v>
      </c>
      <c r="AY171" s="21">
        <v>7372</v>
      </c>
      <c r="AZ171" s="21">
        <v>7366</v>
      </c>
      <c r="BA171" s="21">
        <v>7577</v>
      </c>
      <c r="BB171" s="21">
        <v>7942</v>
      </c>
      <c r="BC171" s="21">
        <v>8187</v>
      </c>
      <c r="BD171" s="21">
        <v>7949</v>
      </c>
      <c r="BE171" s="21">
        <v>7254</v>
      </c>
      <c r="BF171" s="21">
        <v>7910</v>
      </c>
      <c r="BG171" s="21">
        <v>8716</v>
      </c>
      <c r="BH171" s="21">
        <v>8626</v>
      </c>
      <c r="BI171" s="21">
        <v>8120</v>
      </c>
      <c r="BJ171" s="14"/>
      <c r="BK171" s="16"/>
      <c r="BL171" s="9"/>
      <c r="BM171" s="9"/>
      <c r="BN171" s="9"/>
      <c r="BO171" s="9" t="s">
        <v>33</v>
      </c>
      <c r="BP171" s="21">
        <f t="shared" si="275"/>
        <v>-4</v>
      </c>
      <c r="BQ171" s="21">
        <f t="shared" si="276"/>
        <v>1</v>
      </c>
      <c r="BR171" s="21">
        <f t="shared" si="277"/>
        <v>12</v>
      </c>
      <c r="BS171" s="21">
        <f t="shared" si="278"/>
        <v>14</v>
      </c>
      <c r="BT171" s="21">
        <f t="shared" si="279"/>
        <v>26</v>
      </c>
      <c r="BU171" s="21">
        <f t="shared" si="280"/>
        <v>20</v>
      </c>
      <c r="BV171" s="21">
        <f t="shared" si="281"/>
        <v>64</v>
      </c>
      <c r="BW171" s="21">
        <f t="shared" si="282"/>
        <v>57</v>
      </c>
      <c r="BX171" s="21">
        <f t="shared" si="283"/>
        <v>9</v>
      </c>
      <c r="BY171" s="21">
        <f t="shared" si="284"/>
        <v>29</v>
      </c>
      <c r="BZ171" s="21">
        <f t="shared" si="285"/>
        <v>48</v>
      </c>
      <c r="CA171" s="21">
        <f t="shared" si="286"/>
        <v>73</v>
      </c>
      <c r="CB171" s="21">
        <f t="shared" si="287"/>
        <v>827</v>
      </c>
      <c r="CC171" s="21">
        <f t="shared" si="288"/>
        <v>744</v>
      </c>
      <c r="CD171" s="21">
        <f t="shared" si="289"/>
        <v>653</v>
      </c>
      <c r="CE171" s="21">
        <f t="shared" si="290"/>
        <v>519</v>
      </c>
      <c r="CF171" s="21">
        <f t="shared" si="291"/>
        <v>447</v>
      </c>
      <c r="CG171" s="21">
        <f t="shared" si="292"/>
        <v>351</v>
      </c>
      <c r="CH171" s="21">
        <f t="shared" si="293"/>
        <v>288</v>
      </c>
      <c r="CI171" s="21">
        <f t="shared" si="294"/>
        <v>233</v>
      </c>
      <c r="CJ171" s="21">
        <f t="shared" si="295"/>
        <v>194</v>
      </c>
      <c r="CK171" s="21">
        <f t="shared" si="296"/>
        <v>-183</v>
      </c>
      <c r="CL171" s="21">
        <f t="shared" si="297"/>
        <v>-205</v>
      </c>
      <c r="CM171" s="21">
        <f t="shared" si="298"/>
        <v>-176</v>
      </c>
      <c r="CN171" s="21">
        <f t="shared" si="299"/>
        <v>-285</v>
      </c>
      <c r="CO171" s="20"/>
    </row>
    <row r="172" spans="1:93" x14ac:dyDescent="0.7">
      <c r="A172" s="7"/>
      <c r="E172" s="8" t="s">
        <v>34</v>
      </c>
      <c r="F172" s="42">
        <v>3101</v>
      </c>
      <c r="G172" s="42">
        <v>1370</v>
      </c>
      <c r="H172" s="42">
        <v>4624</v>
      </c>
      <c r="I172" s="42">
        <v>1609</v>
      </c>
      <c r="J172" s="42">
        <v>1077</v>
      </c>
      <c r="K172" s="42">
        <v>2294</v>
      </c>
      <c r="L172" s="42">
        <v>6415</v>
      </c>
      <c r="M172" s="42">
        <v>4800</v>
      </c>
      <c r="N172" s="42">
        <v>3201</v>
      </c>
      <c r="O172" s="42">
        <v>7337</v>
      </c>
      <c r="P172" s="42">
        <v>11588</v>
      </c>
      <c r="Q172" s="42">
        <v>5507</v>
      </c>
      <c r="R172" s="42">
        <v>3837</v>
      </c>
      <c r="S172" s="42">
        <v>6644</v>
      </c>
      <c r="T172" s="42">
        <v>8478</v>
      </c>
      <c r="U172" s="42">
        <v>5227</v>
      </c>
      <c r="V172" s="42">
        <v>4521</v>
      </c>
      <c r="W172" s="42">
        <v>7503</v>
      </c>
      <c r="X172" s="42">
        <v>11379</v>
      </c>
      <c r="Y172" s="42">
        <v>6115</v>
      </c>
      <c r="Z172" s="42">
        <v>4296</v>
      </c>
      <c r="AA172" s="42">
        <v>8259</v>
      </c>
      <c r="AB172" s="42">
        <v>11718</v>
      </c>
      <c r="AC172" s="42">
        <v>6706</v>
      </c>
      <c r="AD172" s="42">
        <v>4644</v>
      </c>
      <c r="AE172" s="7"/>
      <c r="AF172" s="13"/>
      <c r="AG172" s="9"/>
      <c r="AH172" s="9"/>
      <c r="AI172" s="9"/>
      <c r="AJ172" s="9" t="s">
        <v>34</v>
      </c>
      <c r="AK172" s="21">
        <v>3101</v>
      </c>
      <c r="AL172" s="21">
        <v>1370</v>
      </c>
      <c r="AM172" s="21">
        <v>4624</v>
      </c>
      <c r="AN172" s="21">
        <v>1609</v>
      </c>
      <c r="AO172" s="21">
        <v>1077</v>
      </c>
      <c r="AP172" s="21">
        <v>2294</v>
      </c>
      <c r="AQ172" s="21">
        <v>6416</v>
      </c>
      <c r="AR172" s="21">
        <v>4800</v>
      </c>
      <c r="AS172" s="21">
        <v>3201</v>
      </c>
      <c r="AT172" s="21">
        <v>7337</v>
      </c>
      <c r="AU172" s="21">
        <v>11588</v>
      </c>
      <c r="AV172" s="21">
        <v>5506</v>
      </c>
      <c r="AW172" s="21">
        <v>4454</v>
      </c>
      <c r="AX172" s="21">
        <v>7499</v>
      </c>
      <c r="AY172" s="21">
        <v>9315</v>
      </c>
      <c r="AZ172" s="21">
        <v>5601</v>
      </c>
      <c r="BA172" s="21">
        <v>4727</v>
      </c>
      <c r="BB172" s="21">
        <v>7668</v>
      </c>
      <c r="BC172" s="21">
        <v>11379</v>
      </c>
      <c r="BD172" s="21">
        <v>6115</v>
      </c>
      <c r="BE172" s="21">
        <v>4296</v>
      </c>
      <c r="BF172" s="21">
        <v>8259</v>
      </c>
      <c r="BG172" s="21">
        <v>11718</v>
      </c>
      <c r="BH172" s="21">
        <v>6706</v>
      </c>
      <c r="BI172" s="21">
        <v>4644</v>
      </c>
      <c r="BJ172" s="14"/>
      <c r="BK172" s="16"/>
      <c r="BL172" s="9"/>
      <c r="BM172" s="9"/>
      <c r="BN172" s="9"/>
      <c r="BO172" s="9" t="s">
        <v>34</v>
      </c>
      <c r="BP172" s="21">
        <f t="shared" si="275"/>
        <v>0</v>
      </c>
      <c r="BQ172" s="21">
        <f t="shared" si="276"/>
        <v>0</v>
      </c>
      <c r="BR172" s="21">
        <f t="shared" si="277"/>
        <v>0</v>
      </c>
      <c r="BS172" s="21">
        <f t="shared" si="278"/>
        <v>0</v>
      </c>
      <c r="BT172" s="21">
        <f t="shared" si="279"/>
        <v>0</v>
      </c>
      <c r="BU172" s="21">
        <f t="shared" si="280"/>
        <v>0</v>
      </c>
      <c r="BV172" s="21">
        <f t="shared" si="281"/>
        <v>1</v>
      </c>
      <c r="BW172" s="21">
        <f t="shared" si="282"/>
        <v>0</v>
      </c>
      <c r="BX172" s="21">
        <f t="shared" si="283"/>
        <v>0</v>
      </c>
      <c r="BY172" s="21">
        <f t="shared" si="284"/>
        <v>0</v>
      </c>
      <c r="BZ172" s="21">
        <f t="shared" si="285"/>
        <v>0</v>
      </c>
      <c r="CA172" s="21">
        <f t="shared" si="286"/>
        <v>-1</v>
      </c>
      <c r="CB172" s="21">
        <f t="shared" si="287"/>
        <v>617</v>
      </c>
      <c r="CC172" s="21">
        <f t="shared" si="288"/>
        <v>855</v>
      </c>
      <c r="CD172" s="21">
        <f t="shared" si="289"/>
        <v>837</v>
      </c>
      <c r="CE172" s="21">
        <f t="shared" si="290"/>
        <v>374</v>
      </c>
      <c r="CF172" s="21">
        <f t="shared" si="291"/>
        <v>206</v>
      </c>
      <c r="CG172" s="21">
        <f t="shared" si="292"/>
        <v>165</v>
      </c>
      <c r="CH172" s="21">
        <f t="shared" si="293"/>
        <v>0</v>
      </c>
      <c r="CI172" s="21">
        <f t="shared" si="294"/>
        <v>0</v>
      </c>
      <c r="CJ172" s="21">
        <f t="shared" si="295"/>
        <v>0</v>
      </c>
      <c r="CK172" s="21">
        <f t="shared" si="296"/>
        <v>0</v>
      </c>
      <c r="CL172" s="21">
        <f t="shared" si="297"/>
        <v>0</v>
      </c>
      <c r="CM172" s="21">
        <f t="shared" si="298"/>
        <v>0</v>
      </c>
      <c r="CN172" s="21">
        <f t="shared" si="299"/>
        <v>0</v>
      </c>
      <c r="CO172" s="20"/>
    </row>
    <row r="173" spans="1:93" x14ac:dyDescent="0.7">
      <c r="A173" s="7"/>
      <c r="E173" s="8" t="s">
        <v>35</v>
      </c>
      <c r="F173" s="42">
        <v>1546</v>
      </c>
      <c r="G173" s="42">
        <v>749</v>
      </c>
      <c r="H173" s="42">
        <v>2746</v>
      </c>
      <c r="I173" s="42">
        <v>981</v>
      </c>
      <c r="J173" s="42">
        <v>781</v>
      </c>
      <c r="K173" s="42">
        <v>1386</v>
      </c>
      <c r="L173" s="42">
        <v>3863</v>
      </c>
      <c r="M173" s="42">
        <v>2813</v>
      </c>
      <c r="N173" s="42">
        <v>1863</v>
      </c>
      <c r="O173" s="42">
        <v>4090</v>
      </c>
      <c r="P173" s="42">
        <v>7011</v>
      </c>
      <c r="Q173" s="42">
        <v>3263</v>
      </c>
      <c r="R173" s="42">
        <v>2258</v>
      </c>
      <c r="S173" s="42">
        <v>3938</v>
      </c>
      <c r="T173" s="42">
        <v>5328</v>
      </c>
      <c r="U173" s="42">
        <v>3126</v>
      </c>
      <c r="V173" s="42">
        <v>2627</v>
      </c>
      <c r="W173" s="42">
        <v>4372</v>
      </c>
      <c r="X173" s="42">
        <v>6992</v>
      </c>
      <c r="Y173" s="42">
        <v>3758</v>
      </c>
      <c r="Z173" s="42">
        <v>2658</v>
      </c>
      <c r="AA173" s="42">
        <v>5020</v>
      </c>
      <c r="AB173" s="42">
        <v>7355</v>
      </c>
      <c r="AC173" s="42">
        <v>4275</v>
      </c>
      <c r="AD173" s="42">
        <v>2957</v>
      </c>
      <c r="AE173" s="7"/>
      <c r="AF173" s="13"/>
      <c r="AG173" s="9"/>
      <c r="AH173" s="9"/>
      <c r="AI173" s="9"/>
      <c r="AJ173" s="9" t="s">
        <v>35</v>
      </c>
      <c r="AK173" s="21">
        <v>1546</v>
      </c>
      <c r="AL173" s="21">
        <v>749</v>
      </c>
      <c r="AM173" s="21">
        <v>2746</v>
      </c>
      <c r="AN173" s="21">
        <v>981</v>
      </c>
      <c r="AO173" s="21">
        <v>781</v>
      </c>
      <c r="AP173" s="21">
        <v>1386</v>
      </c>
      <c r="AQ173" s="21">
        <v>3863</v>
      </c>
      <c r="AR173" s="21">
        <v>2813</v>
      </c>
      <c r="AS173" s="21">
        <v>1863</v>
      </c>
      <c r="AT173" s="21">
        <v>4090</v>
      </c>
      <c r="AU173" s="21">
        <v>7011</v>
      </c>
      <c r="AV173" s="21">
        <v>3263</v>
      </c>
      <c r="AW173" s="21">
        <v>2506</v>
      </c>
      <c r="AX173" s="21">
        <v>4286</v>
      </c>
      <c r="AY173" s="21">
        <v>5694</v>
      </c>
      <c r="AZ173" s="21">
        <v>3283</v>
      </c>
      <c r="BA173" s="21">
        <v>2712</v>
      </c>
      <c r="BB173" s="21">
        <v>4440</v>
      </c>
      <c r="BC173" s="21">
        <v>6992</v>
      </c>
      <c r="BD173" s="21">
        <v>3758</v>
      </c>
      <c r="BE173" s="21">
        <v>2658</v>
      </c>
      <c r="BF173" s="21">
        <v>5020</v>
      </c>
      <c r="BG173" s="21">
        <v>7355</v>
      </c>
      <c r="BH173" s="21">
        <v>4275</v>
      </c>
      <c r="BI173" s="21">
        <v>2957</v>
      </c>
      <c r="BJ173" s="14"/>
      <c r="BK173" s="16"/>
      <c r="BL173" s="9"/>
      <c r="BM173" s="9"/>
      <c r="BN173" s="9"/>
      <c r="BO173" s="9" t="s">
        <v>35</v>
      </c>
      <c r="BP173" s="21">
        <f t="shared" si="275"/>
        <v>0</v>
      </c>
      <c r="BQ173" s="21">
        <f t="shared" si="276"/>
        <v>0</v>
      </c>
      <c r="BR173" s="21">
        <f t="shared" si="277"/>
        <v>0</v>
      </c>
      <c r="BS173" s="21">
        <f t="shared" si="278"/>
        <v>0</v>
      </c>
      <c r="BT173" s="21">
        <f t="shared" si="279"/>
        <v>0</v>
      </c>
      <c r="BU173" s="21">
        <f t="shared" si="280"/>
        <v>0</v>
      </c>
      <c r="BV173" s="21">
        <f t="shared" si="281"/>
        <v>0</v>
      </c>
      <c r="BW173" s="21">
        <f t="shared" si="282"/>
        <v>0</v>
      </c>
      <c r="BX173" s="21">
        <f t="shared" si="283"/>
        <v>0</v>
      </c>
      <c r="BY173" s="21">
        <f t="shared" si="284"/>
        <v>0</v>
      </c>
      <c r="BZ173" s="21">
        <f t="shared" si="285"/>
        <v>0</v>
      </c>
      <c r="CA173" s="21">
        <f t="shared" si="286"/>
        <v>0</v>
      </c>
      <c r="CB173" s="21">
        <f t="shared" si="287"/>
        <v>248</v>
      </c>
      <c r="CC173" s="21">
        <f t="shared" si="288"/>
        <v>348</v>
      </c>
      <c r="CD173" s="21">
        <f t="shared" si="289"/>
        <v>366</v>
      </c>
      <c r="CE173" s="21">
        <f t="shared" si="290"/>
        <v>157</v>
      </c>
      <c r="CF173" s="21">
        <f t="shared" si="291"/>
        <v>85</v>
      </c>
      <c r="CG173" s="21">
        <f t="shared" si="292"/>
        <v>68</v>
      </c>
      <c r="CH173" s="21">
        <f t="shared" si="293"/>
        <v>0</v>
      </c>
      <c r="CI173" s="21">
        <f t="shared" si="294"/>
        <v>0</v>
      </c>
      <c r="CJ173" s="21">
        <f t="shared" si="295"/>
        <v>0</v>
      </c>
      <c r="CK173" s="21">
        <f t="shared" si="296"/>
        <v>0</v>
      </c>
      <c r="CL173" s="21">
        <f t="shared" si="297"/>
        <v>0</v>
      </c>
      <c r="CM173" s="21">
        <f t="shared" si="298"/>
        <v>0</v>
      </c>
      <c r="CN173" s="21">
        <f t="shared" si="299"/>
        <v>0</v>
      </c>
      <c r="CO173" s="20"/>
    </row>
    <row r="174" spans="1:93" x14ac:dyDescent="0.7">
      <c r="A174" s="7"/>
      <c r="E174" s="8" t="s">
        <v>36</v>
      </c>
      <c r="F174" s="42">
        <v>1555</v>
      </c>
      <c r="G174" s="42">
        <v>621</v>
      </c>
      <c r="H174" s="42">
        <v>1878</v>
      </c>
      <c r="I174" s="42">
        <v>628</v>
      </c>
      <c r="J174" s="42">
        <v>296</v>
      </c>
      <c r="K174" s="42">
        <v>908</v>
      </c>
      <c r="L174" s="42">
        <v>2552</v>
      </c>
      <c r="M174" s="42">
        <v>1987</v>
      </c>
      <c r="N174" s="42">
        <v>1338</v>
      </c>
      <c r="O174" s="42">
        <v>3247</v>
      </c>
      <c r="P174" s="42">
        <v>4577</v>
      </c>
      <c r="Q174" s="42">
        <v>2244</v>
      </c>
      <c r="R174" s="42">
        <v>1579</v>
      </c>
      <c r="S174" s="42">
        <v>2708</v>
      </c>
      <c r="T174" s="42">
        <v>3228</v>
      </c>
      <c r="U174" s="42">
        <v>2097</v>
      </c>
      <c r="V174" s="42">
        <v>1865</v>
      </c>
      <c r="W174" s="42">
        <v>3078</v>
      </c>
      <c r="X174" s="42">
        <v>4388</v>
      </c>
      <c r="Y174" s="42">
        <v>2357</v>
      </c>
      <c r="Z174" s="42">
        <v>1638</v>
      </c>
      <c r="AA174" s="42">
        <v>3239</v>
      </c>
      <c r="AB174" s="42">
        <v>4363</v>
      </c>
      <c r="AC174" s="42">
        <v>2431</v>
      </c>
      <c r="AD174" s="42">
        <v>1687</v>
      </c>
      <c r="AE174" s="7"/>
      <c r="AF174" s="13"/>
      <c r="AG174" s="9"/>
      <c r="AH174" s="9"/>
      <c r="AI174" s="9"/>
      <c r="AJ174" s="9" t="s">
        <v>36</v>
      </c>
      <c r="AK174" s="21">
        <v>1555</v>
      </c>
      <c r="AL174" s="21">
        <v>621</v>
      </c>
      <c r="AM174" s="21">
        <v>1878</v>
      </c>
      <c r="AN174" s="21">
        <v>628</v>
      </c>
      <c r="AO174" s="21">
        <v>296</v>
      </c>
      <c r="AP174" s="21">
        <v>908</v>
      </c>
      <c r="AQ174" s="21">
        <v>2552</v>
      </c>
      <c r="AR174" s="21">
        <v>1987</v>
      </c>
      <c r="AS174" s="21">
        <v>1338</v>
      </c>
      <c r="AT174" s="21">
        <v>3247</v>
      </c>
      <c r="AU174" s="21">
        <v>4577</v>
      </c>
      <c r="AV174" s="21">
        <v>2244</v>
      </c>
      <c r="AW174" s="21">
        <v>1913</v>
      </c>
      <c r="AX174" s="21">
        <v>3162</v>
      </c>
      <c r="AY174" s="21">
        <v>3642</v>
      </c>
      <c r="AZ174" s="21">
        <v>2291</v>
      </c>
      <c r="BA174" s="21">
        <v>1974</v>
      </c>
      <c r="BB174" s="21">
        <v>3165</v>
      </c>
      <c r="BC174" s="21">
        <v>4388</v>
      </c>
      <c r="BD174" s="21">
        <v>2357</v>
      </c>
      <c r="BE174" s="21">
        <v>1638</v>
      </c>
      <c r="BF174" s="21">
        <v>3239</v>
      </c>
      <c r="BG174" s="21">
        <v>4363</v>
      </c>
      <c r="BH174" s="21">
        <v>2431</v>
      </c>
      <c r="BI174" s="21">
        <v>1687</v>
      </c>
      <c r="BJ174" s="14"/>
      <c r="BK174" s="16"/>
      <c r="BL174" s="9"/>
      <c r="BM174" s="9"/>
      <c r="BN174" s="9"/>
      <c r="BO174" s="9" t="s">
        <v>36</v>
      </c>
      <c r="BP174" s="21">
        <f t="shared" si="275"/>
        <v>0</v>
      </c>
      <c r="BQ174" s="21">
        <f t="shared" si="276"/>
        <v>0</v>
      </c>
      <c r="BR174" s="21">
        <f t="shared" si="277"/>
        <v>0</v>
      </c>
      <c r="BS174" s="21">
        <f t="shared" si="278"/>
        <v>0</v>
      </c>
      <c r="BT174" s="21">
        <f t="shared" si="279"/>
        <v>0</v>
      </c>
      <c r="BU174" s="21">
        <f t="shared" si="280"/>
        <v>0</v>
      </c>
      <c r="BV174" s="21">
        <f t="shared" si="281"/>
        <v>0</v>
      </c>
      <c r="BW174" s="21">
        <f t="shared" si="282"/>
        <v>0</v>
      </c>
      <c r="BX174" s="21">
        <f t="shared" si="283"/>
        <v>0</v>
      </c>
      <c r="BY174" s="21">
        <f t="shared" si="284"/>
        <v>0</v>
      </c>
      <c r="BZ174" s="21">
        <f t="shared" si="285"/>
        <v>0</v>
      </c>
      <c r="CA174" s="21">
        <f t="shared" si="286"/>
        <v>0</v>
      </c>
      <c r="CB174" s="21">
        <f t="shared" si="287"/>
        <v>334</v>
      </c>
      <c r="CC174" s="21">
        <f t="shared" si="288"/>
        <v>454</v>
      </c>
      <c r="CD174" s="21">
        <f t="shared" si="289"/>
        <v>414</v>
      </c>
      <c r="CE174" s="21">
        <f t="shared" si="290"/>
        <v>194</v>
      </c>
      <c r="CF174" s="21">
        <f t="shared" si="291"/>
        <v>109</v>
      </c>
      <c r="CG174" s="21">
        <f t="shared" si="292"/>
        <v>87</v>
      </c>
      <c r="CH174" s="21">
        <f t="shared" si="293"/>
        <v>0</v>
      </c>
      <c r="CI174" s="21">
        <f t="shared" si="294"/>
        <v>0</v>
      </c>
      <c r="CJ174" s="21">
        <f t="shared" si="295"/>
        <v>0</v>
      </c>
      <c r="CK174" s="21">
        <f t="shared" si="296"/>
        <v>0</v>
      </c>
      <c r="CL174" s="21">
        <f t="shared" si="297"/>
        <v>0</v>
      </c>
      <c r="CM174" s="21">
        <f t="shared" si="298"/>
        <v>0</v>
      </c>
      <c r="CN174" s="21">
        <f t="shared" si="299"/>
        <v>0</v>
      </c>
      <c r="CO174" s="20"/>
    </row>
    <row r="175" spans="1:93" x14ac:dyDescent="0.7">
      <c r="A175" s="7"/>
      <c r="D175" s="8" t="s">
        <v>38</v>
      </c>
      <c r="E175" s="8" t="s">
        <v>27</v>
      </c>
      <c r="F175" s="42">
        <v>48842</v>
      </c>
      <c r="G175" s="42">
        <v>50177</v>
      </c>
      <c r="H175" s="42">
        <v>48396</v>
      </c>
      <c r="I175" s="42">
        <v>59225</v>
      </c>
      <c r="J175" s="42">
        <v>60197</v>
      </c>
      <c r="K175" s="42">
        <v>62036</v>
      </c>
      <c r="L175" s="42">
        <v>58734</v>
      </c>
      <c r="M175" s="42">
        <v>62886</v>
      </c>
      <c r="N175" s="42">
        <v>61189</v>
      </c>
      <c r="O175" s="42">
        <v>65230</v>
      </c>
      <c r="P175" s="42">
        <v>60693</v>
      </c>
      <c r="Q175" s="42">
        <v>62804</v>
      </c>
      <c r="R175" s="42">
        <v>63108</v>
      </c>
      <c r="S175" s="42">
        <v>68740</v>
      </c>
      <c r="T175" s="42">
        <v>66835</v>
      </c>
      <c r="U175" s="42">
        <v>67527</v>
      </c>
      <c r="V175" s="42">
        <v>62314</v>
      </c>
      <c r="W175" s="42">
        <v>69123</v>
      </c>
      <c r="X175" s="42">
        <v>67844</v>
      </c>
      <c r="Y175" s="42">
        <v>73032</v>
      </c>
      <c r="Z175" s="42">
        <v>70239</v>
      </c>
      <c r="AA175" s="42">
        <v>63496</v>
      </c>
      <c r="AB175" s="42">
        <v>59145</v>
      </c>
      <c r="AC175" s="42">
        <v>66234</v>
      </c>
      <c r="AD175" s="42">
        <v>63457</v>
      </c>
      <c r="AE175" s="7"/>
      <c r="AF175" s="13"/>
      <c r="AG175" s="9"/>
      <c r="AH175" s="9"/>
      <c r="AI175" s="9" t="s">
        <v>38</v>
      </c>
      <c r="AJ175" s="9" t="s">
        <v>27</v>
      </c>
      <c r="AK175" s="21">
        <v>48191</v>
      </c>
      <c r="AL175" s="21">
        <v>49230</v>
      </c>
      <c r="AM175" s="21">
        <v>47092</v>
      </c>
      <c r="AN175" s="21">
        <v>57828</v>
      </c>
      <c r="AO175" s="21">
        <v>59081</v>
      </c>
      <c r="AP175" s="21">
        <v>60120</v>
      </c>
      <c r="AQ175" s="21">
        <v>56493</v>
      </c>
      <c r="AR175" s="21">
        <v>59892</v>
      </c>
      <c r="AS175" s="21">
        <v>59798</v>
      </c>
      <c r="AT175" s="21">
        <v>63506</v>
      </c>
      <c r="AU175" s="21">
        <v>58444</v>
      </c>
      <c r="AV175" s="21">
        <v>60500</v>
      </c>
      <c r="AW175" s="21">
        <v>56120</v>
      </c>
      <c r="AX175" s="21">
        <v>61513</v>
      </c>
      <c r="AY175" s="21">
        <v>60196</v>
      </c>
      <c r="AZ175" s="21">
        <v>61335</v>
      </c>
      <c r="BA175" s="21">
        <v>56996</v>
      </c>
      <c r="BB175" s="21">
        <v>63653</v>
      </c>
      <c r="BC175" s="21">
        <v>62822</v>
      </c>
      <c r="BD175" s="21">
        <v>68379</v>
      </c>
      <c r="BE175" s="21">
        <v>64817</v>
      </c>
      <c r="BF175" s="21">
        <v>68276</v>
      </c>
      <c r="BG175" s="21">
        <v>63909</v>
      </c>
      <c r="BH175" s="21">
        <v>69368</v>
      </c>
      <c r="BI175" s="21">
        <v>64960</v>
      </c>
      <c r="BJ175" s="14"/>
      <c r="BK175" s="16"/>
      <c r="BL175" s="9"/>
      <c r="BM175" s="9"/>
      <c r="BN175" s="9" t="s">
        <v>38</v>
      </c>
      <c r="BO175" s="9" t="s">
        <v>27</v>
      </c>
      <c r="BP175" s="21">
        <f t="shared" si="275"/>
        <v>-651</v>
      </c>
      <c r="BQ175" s="21">
        <f t="shared" si="276"/>
        <v>-947</v>
      </c>
      <c r="BR175" s="21">
        <f t="shared" si="277"/>
        <v>-1304</v>
      </c>
      <c r="BS175" s="21">
        <f t="shared" si="278"/>
        <v>-1397</v>
      </c>
      <c r="BT175" s="21">
        <f t="shared" si="279"/>
        <v>-1116</v>
      </c>
      <c r="BU175" s="21">
        <f t="shared" si="280"/>
        <v>-1916</v>
      </c>
      <c r="BV175" s="21">
        <f t="shared" si="281"/>
        <v>-2241</v>
      </c>
      <c r="BW175" s="21">
        <f t="shared" si="282"/>
        <v>-2994</v>
      </c>
      <c r="BX175" s="21">
        <f t="shared" si="283"/>
        <v>-1391</v>
      </c>
      <c r="BY175" s="21">
        <f t="shared" si="284"/>
        <v>-1724</v>
      </c>
      <c r="BZ175" s="21">
        <f t="shared" si="285"/>
        <v>-2249</v>
      </c>
      <c r="CA175" s="21">
        <f t="shared" si="286"/>
        <v>-2304</v>
      </c>
      <c r="CB175" s="21">
        <f t="shared" si="287"/>
        <v>-6988</v>
      </c>
      <c r="CC175" s="21">
        <f t="shared" si="288"/>
        <v>-7227</v>
      </c>
      <c r="CD175" s="21">
        <f t="shared" si="289"/>
        <v>-6639</v>
      </c>
      <c r="CE175" s="21">
        <f t="shared" si="290"/>
        <v>-6192</v>
      </c>
      <c r="CF175" s="21">
        <f t="shared" si="291"/>
        <v>-5318</v>
      </c>
      <c r="CG175" s="21">
        <f t="shared" si="292"/>
        <v>-5470</v>
      </c>
      <c r="CH175" s="21">
        <f t="shared" si="293"/>
        <v>-5022</v>
      </c>
      <c r="CI175" s="21">
        <f t="shared" si="294"/>
        <v>-4653</v>
      </c>
      <c r="CJ175" s="21">
        <f t="shared" si="295"/>
        <v>-5422</v>
      </c>
      <c r="CK175" s="21">
        <f t="shared" si="296"/>
        <v>4780</v>
      </c>
      <c r="CL175" s="21">
        <f t="shared" si="297"/>
        <v>4764</v>
      </c>
      <c r="CM175" s="21">
        <f t="shared" si="298"/>
        <v>3134</v>
      </c>
      <c r="CN175" s="21">
        <f t="shared" si="299"/>
        <v>1503</v>
      </c>
      <c r="CO175" s="20"/>
    </row>
    <row r="176" spans="1:93" x14ac:dyDescent="0.7">
      <c r="A176" s="7"/>
      <c r="E176" s="8" t="s">
        <v>28</v>
      </c>
      <c r="F176" s="42">
        <v>41672</v>
      </c>
      <c r="G176" s="42">
        <v>45509</v>
      </c>
      <c r="H176" s="42">
        <v>43529</v>
      </c>
      <c r="I176" s="42">
        <v>53955</v>
      </c>
      <c r="J176" s="42">
        <v>54954</v>
      </c>
      <c r="K176" s="42">
        <v>56107</v>
      </c>
      <c r="L176" s="42">
        <v>52479</v>
      </c>
      <c r="M176" s="42">
        <v>56116</v>
      </c>
      <c r="N176" s="42">
        <v>53627</v>
      </c>
      <c r="O176" s="42">
        <v>56684</v>
      </c>
      <c r="P176" s="42">
        <v>52691</v>
      </c>
      <c r="Q176" s="42">
        <v>54972</v>
      </c>
      <c r="R176" s="42">
        <v>54273</v>
      </c>
      <c r="S176" s="42">
        <v>59593</v>
      </c>
      <c r="T176" s="42">
        <v>57795</v>
      </c>
      <c r="U176" s="42">
        <v>58629</v>
      </c>
      <c r="V176" s="42">
        <v>53736</v>
      </c>
      <c r="W176" s="42">
        <v>60145</v>
      </c>
      <c r="X176" s="42">
        <v>58990</v>
      </c>
      <c r="Y176" s="42">
        <v>63945</v>
      </c>
      <c r="Z176" s="42">
        <v>60674</v>
      </c>
      <c r="AA176" s="42">
        <v>54541</v>
      </c>
      <c r="AB176" s="42">
        <v>50411</v>
      </c>
      <c r="AC176" s="42">
        <v>57017</v>
      </c>
      <c r="AD176" s="42">
        <v>53209</v>
      </c>
      <c r="AE176" s="7"/>
      <c r="AF176" s="13"/>
      <c r="AG176" s="9"/>
      <c r="AH176" s="9"/>
      <c r="AI176" s="9"/>
      <c r="AJ176" s="9" t="s">
        <v>28</v>
      </c>
      <c r="AK176" s="21">
        <v>41016</v>
      </c>
      <c r="AL176" s="21">
        <v>44563</v>
      </c>
      <c r="AM176" s="21">
        <v>42238</v>
      </c>
      <c r="AN176" s="21">
        <v>52572</v>
      </c>
      <c r="AO176" s="21">
        <v>53829</v>
      </c>
      <c r="AP176" s="21">
        <v>54213</v>
      </c>
      <c r="AQ176" s="21">
        <v>50248</v>
      </c>
      <c r="AR176" s="21">
        <v>53178</v>
      </c>
      <c r="AS176" s="21">
        <v>51979</v>
      </c>
      <c r="AT176" s="21">
        <v>54674</v>
      </c>
      <c r="AU176" s="21">
        <v>50183</v>
      </c>
      <c r="AV176" s="21">
        <v>52416</v>
      </c>
      <c r="AW176" s="21">
        <v>48122</v>
      </c>
      <c r="AX176" s="21">
        <v>53073</v>
      </c>
      <c r="AY176" s="21">
        <v>51709</v>
      </c>
      <c r="AZ176" s="21">
        <v>52826</v>
      </c>
      <c r="BA176" s="21">
        <v>48645</v>
      </c>
      <c r="BB176" s="21">
        <v>54709</v>
      </c>
      <c r="BC176" s="21">
        <v>53812</v>
      </c>
      <c r="BD176" s="21">
        <v>59063</v>
      </c>
      <c r="BE176" s="21">
        <v>55029</v>
      </c>
      <c r="BF176" s="21">
        <v>58689</v>
      </c>
      <c r="BG176" s="21">
        <v>54531</v>
      </c>
      <c r="BH176" s="21">
        <v>59474</v>
      </c>
      <c r="BI176" s="21">
        <v>54442</v>
      </c>
      <c r="BJ176" s="14"/>
      <c r="BK176" s="16"/>
      <c r="BL176" s="9"/>
      <c r="BM176" s="9"/>
      <c r="BN176" s="9"/>
      <c r="BO176" s="9" t="s">
        <v>28</v>
      </c>
      <c r="BP176" s="21">
        <f t="shared" si="275"/>
        <v>-656</v>
      </c>
      <c r="BQ176" s="21">
        <f t="shared" si="276"/>
        <v>-946</v>
      </c>
      <c r="BR176" s="21">
        <f t="shared" si="277"/>
        <v>-1291</v>
      </c>
      <c r="BS176" s="21">
        <f t="shared" si="278"/>
        <v>-1383</v>
      </c>
      <c r="BT176" s="21">
        <f t="shared" si="279"/>
        <v>-1125</v>
      </c>
      <c r="BU176" s="21">
        <f t="shared" si="280"/>
        <v>-1894</v>
      </c>
      <c r="BV176" s="21">
        <f t="shared" si="281"/>
        <v>-2231</v>
      </c>
      <c r="BW176" s="21">
        <f t="shared" si="282"/>
        <v>-2938</v>
      </c>
      <c r="BX176" s="21">
        <f t="shared" si="283"/>
        <v>-1648</v>
      </c>
      <c r="BY176" s="21">
        <f t="shared" si="284"/>
        <v>-2010</v>
      </c>
      <c r="BZ176" s="21">
        <f t="shared" si="285"/>
        <v>-2508</v>
      </c>
      <c r="CA176" s="21">
        <f t="shared" si="286"/>
        <v>-2556</v>
      </c>
      <c r="CB176" s="21">
        <f t="shared" si="287"/>
        <v>-6151</v>
      </c>
      <c r="CC176" s="21">
        <f t="shared" si="288"/>
        <v>-6520</v>
      </c>
      <c r="CD176" s="21">
        <f t="shared" si="289"/>
        <v>-6086</v>
      </c>
      <c r="CE176" s="21">
        <f t="shared" si="290"/>
        <v>-5803</v>
      </c>
      <c r="CF176" s="21">
        <f t="shared" si="291"/>
        <v>-5091</v>
      </c>
      <c r="CG176" s="21">
        <f t="shared" si="292"/>
        <v>-5436</v>
      </c>
      <c r="CH176" s="21">
        <f t="shared" si="293"/>
        <v>-5178</v>
      </c>
      <c r="CI176" s="21">
        <f t="shared" si="294"/>
        <v>-4882</v>
      </c>
      <c r="CJ176" s="21">
        <f t="shared" si="295"/>
        <v>-5645</v>
      </c>
      <c r="CK176" s="21">
        <f t="shared" si="296"/>
        <v>4148</v>
      </c>
      <c r="CL176" s="21">
        <f t="shared" si="297"/>
        <v>4120</v>
      </c>
      <c r="CM176" s="21">
        <f t="shared" si="298"/>
        <v>2457</v>
      </c>
      <c r="CN176" s="21">
        <f t="shared" si="299"/>
        <v>1233</v>
      </c>
      <c r="CO176" s="20"/>
    </row>
    <row r="177" spans="1:93" x14ac:dyDescent="0.7">
      <c r="A177" s="7"/>
      <c r="E177" s="8" t="s">
        <v>29</v>
      </c>
      <c r="F177" s="42">
        <v>501</v>
      </c>
      <c r="G177" s="42">
        <v>534</v>
      </c>
      <c r="H177" s="42">
        <v>492</v>
      </c>
      <c r="I177" s="42">
        <v>578</v>
      </c>
      <c r="J177" s="42">
        <v>552</v>
      </c>
      <c r="K177" s="42">
        <v>536</v>
      </c>
      <c r="L177" s="42">
        <v>471</v>
      </c>
      <c r="M177" s="42">
        <v>474</v>
      </c>
      <c r="N177" s="42">
        <v>465</v>
      </c>
      <c r="O177" s="42">
        <v>473</v>
      </c>
      <c r="P177" s="42">
        <v>426</v>
      </c>
      <c r="Q177" s="42">
        <v>457</v>
      </c>
      <c r="R177" s="42">
        <v>441</v>
      </c>
      <c r="S177" s="42">
        <v>525</v>
      </c>
      <c r="T177" s="42">
        <v>551</v>
      </c>
      <c r="U177" s="42">
        <v>616</v>
      </c>
      <c r="V177" s="42">
        <v>256</v>
      </c>
      <c r="W177" s="42">
        <v>262</v>
      </c>
      <c r="X177" s="42">
        <v>233</v>
      </c>
      <c r="Y177" s="42">
        <v>234</v>
      </c>
      <c r="Z177" s="42">
        <v>229</v>
      </c>
      <c r="AA177" s="42">
        <v>227</v>
      </c>
      <c r="AB177" s="42">
        <v>179</v>
      </c>
      <c r="AC177" s="42">
        <v>180</v>
      </c>
      <c r="AD177" s="42">
        <v>166</v>
      </c>
      <c r="AE177" s="7"/>
      <c r="AF177" s="13"/>
      <c r="AG177" s="9"/>
      <c r="AH177" s="9"/>
      <c r="AI177" s="9"/>
      <c r="AJ177" s="9" t="s">
        <v>29</v>
      </c>
      <c r="AK177" s="21">
        <v>500</v>
      </c>
      <c r="AL177" s="21">
        <v>533</v>
      </c>
      <c r="AM177" s="21">
        <v>492</v>
      </c>
      <c r="AN177" s="21">
        <v>578</v>
      </c>
      <c r="AO177" s="21">
        <v>553</v>
      </c>
      <c r="AP177" s="21">
        <v>533</v>
      </c>
      <c r="AQ177" s="21">
        <v>474</v>
      </c>
      <c r="AR177" s="21">
        <v>473</v>
      </c>
      <c r="AS177" s="21">
        <v>445</v>
      </c>
      <c r="AT177" s="21">
        <v>416</v>
      </c>
      <c r="AU177" s="21">
        <v>360</v>
      </c>
      <c r="AV177" s="21">
        <v>362</v>
      </c>
      <c r="AW177" s="21">
        <v>315</v>
      </c>
      <c r="AX177" s="21">
        <v>324</v>
      </c>
      <c r="AY177" s="21">
        <v>284</v>
      </c>
      <c r="AZ177" s="21">
        <v>290</v>
      </c>
      <c r="BA177" s="21">
        <v>248</v>
      </c>
      <c r="BB177" s="21">
        <v>259</v>
      </c>
      <c r="BC177" s="21">
        <v>230</v>
      </c>
      <c r="BD177" s="21">
        <v>234</v>
      </c>
      <c r="BE177" s="21">
        <v>229</v>
      </c>
      <c r="BF177" s="21">
        <v>227</v>
      </c>
      <c r="BG177" s="21">
        <v>179</v>
      </c>
      <c r="BH177" s="21">
        <v>180</v>
      </c>
      <c r="BI177" s="21">
        <v>166</v>
      </c>
      <c r="BJ177" s="14"/>
      <c r="BK177" s="16"/>
      <c r="BL177" s="9"/>
      <c r="BM177" s="9"/>
      <c r="BN177" s="9"/>
      <c r="BO177" s="9" t="s">
        <v>29</v>
      </c>
      <c r="BP177" s="21">
        <f t="shared" si="275"/>
        <v>-1</v>
      </c>
      <c r="BQ177" s="21">
        <f t="shared" si="276"/>
        <v>-1</v>
      </c>
      <c r="BR177" s="21">
        <f t="shared" si="277"/>
        <v>0</v>
      </c>
      <c r="BS177" s="21">
        <f t="shared" si="278"/>
        <v>0</v>
      </c>
      <c r="BT177" s="21">
        <f t="shared" si="279"/>
        <v>1</v>
      </c>
      <c r="BU177" s="21">
        <f t="shared" si="280"/>
        <v>-3</v>
      </c>
      <c r="BV177" s="21">
        <f t="shared" si="281"/>
        <v>3</v>
      </c>
      <c r="BW177" s="21">
        <f t="shared" si="282"/>
        <v>-1</v>
      </c>
      <c r="BX177" s="21">
        <f t="shared" si="283"/>
        <v>-20</v>
      </c>
      <c r="BY177" s="21">
        <f t="shared" si="284"/>
        <v>-57</v>
      </c>
      <c r="BZ177" s="21">
        <f t="shared" si="285"/>
        <v>-66</v>
      </c>
      <c r="CA177" s="21">
        <f t="shared" si="286"/>
        <v>-95</v>
      </c>
      <c r="CB177" s="21">
        <f t="shared" si="287"/>
        <v>-126</v>
      </c>
      <c r="CC177" s="21">
        <f t="shared" si="288"/>
        <v>-201</v>
      </c>
      <c r="CD177" s="21">
        <f t="shared" si="289"/>
        <v>-267</v>
      </c>
      <c r="CE177" s="21">
        <f t="shared" si="290"/>
        <v>-326</v>
      </c>
      <c r="CF177" s="21">
        <f t="shared" si="291"/>
        <v>-8</v>
      </c>
      <c r="CG177" s="21">
        <f t="shared" si="292"/>
        <v>-3</v>
      </c>
      <c r="CH177" s="21">
        <f t="shared" si="293"/>
        <v>-3</v>
      </c>
      <c r="CI177" s="21">
        <f t="shared" si="294"/>
        <v>0</v>
      </c>
      <c r="CJ177" s="21">
        <f t="shared" si="295"/>
        <v>0</v>
      </c>
      <c r="CK177" s="21">
        <f t="shared" si="296"/>
        <v>0</v>
      </c>
      <c r="CL177" s="21">
        <f t="shared" si="297"/>
        <v>0</v>
      </c>
      <c r="CM177" s="21">
        <f t="shared" si="298"/>
        <v>0</v>
      </c>
      <c r="CN177" s="21">
        <f t="shared" si="299"/>
        <v>0</v>
      </c>
      <c r="CO177" s="20"/>
    </row>
    <row r="178" spans="1:93" x14ac:dyDescent="0.7">
      <c r="A178" s="7"/>
      <c r="E178" s="8" t="s">
        <v>30</v>
      </c>
      <c r="F178" s="42">
        <v>31341</v>
      </c>
      <c r="G178" s="42">
        <v>33737</v>
      </c>
      <c r="H178" s="42">
        <v>31697</v>
      </c>
      <c r="I178" s="42">
        <v>39599</v>
      </c>
      <c r="J178" s="42">
        <v>40432</v>
      </c>
      <c r="K178" s="42">
        <v>40921</v>
      </c>
      <c r="L178" s="42">
        <v>37900</v>
      </c>
      <c r="M178" s="42">
        <v>41502</v>
      </c>
      <c r="N178" s="42">
        <v>39285</v>
      </c>
      <c r="O178" s="42">
        <v>41446</v>
      </c>
      <c r="P178" s="42">
        <v>37857</v>
      </c>
      <c r="Q178" s="42">
        <v>39626</v>
      </c>
      <c r="R178" s="42">
        <v>37774</v>
      </c>
      <c r="S178" s="42">
        <v>40717</v>
      </c>
      <c r="T178" s="42">
        <v>38584</v>
      </c>
      <c r="U178" s="42">
        <v>39072</v>
      </c>
      <c r="V178" s="42">
        <v>35986</v>
      </c>
      <c r="W178" s="42">
        <v>40122</v>
      </c>
      <c r="X178" s="42">
        <v>38513</v>
      </c>
      <c r="Y178" s="42">
        <v>42236</v>
      </c>
      <c r="Z178" s="42">
        <v>39881</v>
      </c>
      <c r="AA178" s="42">
        <v>36094</v>
      </c>
      <c r="AB178" s="42">
        <v>31990</v>
      </c>
      <c r="AC178" s="42">
        <v>34363</v>
      </c>
      <c r="AD178" s="42">
        <v>32902</v>
      </c>
      <c r="AE178" s="7"/>
      <c r="AF178" s="13"/>
      <c r="AG178" s="9"/>
      <c r="AH178" s="9"/>
      <c r="AI178" s="9"/>
      <c r="AJ178" s="9" t="s">
        <v>30</v>
      </c>
      <c r="AK178" s="21">
        <v>30934</v>
      </c>
      <c r="AL178" s="21">
        <v>33149</v>
      </c>
      <c r="AM178" s="21">
        <v>30915</v>
      </c>
      <c r="AN178" s="21">
        <v>38779</v>
      </c>
      <c r="AO178" s="21">
        <v>39752</v>
      </c>
      <c r="AP178" s="21">
        <v>39790</v>
      </c>
      <c r="AQ178" s="21">
        <v>36617</v>
      </c>
      <c r="AR178" s="21">
        <v>39749</v>
      </c>
      <c r="AS178" s="21">
        <v>38107</v>
      </c>
      <c r="AT178" s="21">
        <v>40331</v>
      </c>
      <c r="AU178" s="21">
        <v>36572</v>
      </c>
      <c r="AV178" s="21">
        <v>38354</v>
      </c>
      <c r="AW178" s="21">
        <v>33696</v>
      </c>
      <c r="AX178" s="21">
        <v>36694</v>
      </c>
      <c r="AY178" s="21">
        <v>35240</v>
      </c>
      <c r="AZ178" s="21">
        <v>36048</v>
      </c>
      <c r="BA178" s="21">
        <v>32648</v>
      </c>
      <c r="BB178" s="21">
        <v>36611</v>
      </c>
      <c r="BC178" s="21">
        <v>35229</v>
      </c>
      <c r="BD178" s="21">
        <v>39275</v>
      </c>
      <c r="BE178" s="21">
        <v>36161</v>
      </c>
      <c r="BF178" s="21">
        <v>38265</v>
      </c>
      <c r="BG178" s="21">
        <v>34161</v>
      </c>
      <c r="BH178" s="21">
        <v>36893</v>
      </c>
      <c r="BI178" s="21">
        <v>34135</v>
      </c>
      <c r="BJ178" s="14"/>
      <c r="BK178" s="16"/>
      <c r="BL178" s="9"/>
      <c r="BM178" s="9"/>
      <c r="BN178" s="9"/>
      <c r="BO178" s="9" t="s">
        <v>30</v>
      </c>
      <c r="BP178" s="21">
        <f t="shared" si="275"/>
        <v>-407</v>
      </c>
      <c r="BQ178" s="21">
        <f t="shared" si="276"/>
        <v>-588</v>
      </c>
      <c r="BR178" s="21">
        <f t="shared" si="277"/>
        <v>-782</v>
      </c>
      <c r="BS178" s="21">
        <f t="shared" si="278"/>
        <v>-820</v>
      </c>
      <c r="BT178" s="21">
        <f t="shared" si="279"/>
        <v>-680</v>
      </c>
      <c r="BU178" s="21">
        <f t="shared" si="280"/>
        <v>-1131</v>
      </c>
      <c r="BV178" s="21">
        <f t="shared" si="281"/>
        <v>-1283</v>
      </c>
      <c r="BW178" s="21">
        <f t="shared" si="282"/>
        <v>-1753</v>
      </c>
      <c r="BX178" s="21">
        <f t="shared" si="283"/>
        <v>-1178</v>
      </c>
      <c r="BY178" s="21">
        <f t="shared" si="284"/>
        <v>-1115</v>
      </c>
      <c r="BZ178" s="21">
        <f t="shared" si="285"/>
        <v>-1285</v>
      </c>
      <c r="CA178" s="21">
        <f t="shared" si="286"/>
        <v>-1272</v>
      </c>
      <c r="CB178" s="21">
        <f t="shared" si="287"/>
        <v>-4078</v>
      </c>
      <c r="CC178" s="21">
        <f t="shared" si="288"/>
        <v>-4023</v>
      </c>
      <c r="CD178" s="21">
        <f t="shared" si="289"/>
        <v>-3344</v>
      </c>
      <c r="CE178" s="21">
        <f t="shared" si="290"/>
        <v>-3024</v>
      </c>
      <c r="CF178" s="21">
        <f t="shared" si="291"/>
        <v>-3338</v>
      </c>
      <c r="CG178" s="21">
        <f t="shared" si="292"/>
        <v>-3511</v>
      </c>
      <c r="CH178" s="21">
        <f t="shared" si="293"/>
        <v>-3284</v>
      </c>
      <c r="CI178" s="21">
        <f t="shared" si="294"/>
        <v>-2961</v>
      </c>
      <c r="CJ178" s="21">
        <f t="shared" si="295"/>
        <v>-3720</v>
      </c>
      <c r="CK178" s="21">
        <f t="shared" si="296"/>
        <v>2171</v>
      </c>
      <c r="CL178" s="21">
        <f t="shared" si="297"/>
        <v>2171</v>
      </c>
      <c r="CM178" s="21">
        <f t="shared" si="298"/>
        <v>2530</v>
      </c>
      <c r="CN178" s="21">
        <f t="shared" si="299"/>
        <v>1233</v>
      </c>
      <c r="CO178" s="20"/>
    </row>
    <row r="179" spans="1:93" x14ac:dyDescent="0.7">
      <c r="A179" s="7"/>
      <c r="E179" s="8" t="s">
        <v>31</v>
      </c>
      <c r="F179" s="42">
        <v>9830</v>
      </c>
      <c r="G179" s="42">
        <v>11238</v>
      </c>
      <c r="H179" s="42">
        <v>11340</v>
      </c>
      <c r="I179" s="42">
        <v>13778</v>
      </c>
      <c r="J179" s="42">
        <v>13970</v>
      </c>
      <c r="K179" s="42">
        <v>14650</v>
      </c>
      <c r="L179" s="42">
        <v>14108</v>
      </c>
      <c r="M179" s="42">
        <v>14140</v>
      </c>
      <c r="N179" s="42">
        <v>13877</v>
      </c>
      <c r="O179" s="42">
        <v>14765</v>
      </c>
      <c r="P179" s="42">
        <v>14408</v>
      </c>
      <c r="Q179" s="42">
        <v>14889</v>
      </c>
      <c r="R179" s="42">
        <v>16058</v>
      </c>
      <c r="S179" s="42">
        <v>18344</v>
      </c>
      <c r="T179" s="42">
        <v>18636</v>
      </c>
      <c r="U179" s="42">
        <v>18863</v>
      </c>
      <c r="V179" s="42">
        <v>17545</v>
      </c>
      <c r="W179" s="42">
        <v>19793</v>
      </c>
      <c r="X179" s="42">
        <v>20244</v>
      </c>
      <c r="Y179" s="42">
        <v>21476</v>
      </c>
      <c r="Z179" s="42">
        <v>20564</v>
      </c>
      <c r="AA179" s="42">
        <v>18220</v>
      </c>
      <c r="AB179" s="42">
        <v>18242</v>
      </c>
      <c r="AC179" s="42">
        <v>22474</v>
      </c>
      <c r="AD179" s="42">
        <v>20140</v>
      </c>
      <c r="AE179" s="7"/>
      <c r="AF179" s="13"/>
      <c r="AG179" s="9"/>
      <c r="AH179" s="9"/>
      <c r="AI179" s="9"/>
      <c r="AJ179" s="9" t="s">
        <v>31</v>
      </c>
      <c r="AK179" s="21">
        <v>9582</v>
      </c>
      <c r="AL179" s="21">
        <v>10880</v>
      </c>
      <c r="AM179" s="21">
        <v>10831</v>
      </c>
      <c r="AN179" s="21">
        <v>13215</v>
      </c>
      <c r="AO179" s="21">
        <v>13524</v>
      </c>
      <c r="AP179" s="21">
        <v>13890</v>
      </c>
      <c r="AQ179" s="21">
        <v>13157</v>
      </c>
      <c r="AR179" s="21">
        <v>12956</v>
      </c>
      <c r="AS179" s="21">
        <v>13427</v>
      </c>
      <c r="AT179" s="21">
        <v>13928</v>
      </c>
      <c r="AU179" s="21">
        <v>13252</v>
      </c>
      <c r="AV179" s="21">
        <v>13700</v>
      </c>
      <c r="AW179" s="21">
        <v>14217</v>
      </c>
      <c r="AX179" s="21">
        <v>16193</v>
      </c>
      <c r="AY179" s="21">
        <v>16331</v>
      </c>
      <c r="AZ179" s="21">
        <v>16605</v>
      </c>
      <c r="BA179" s="21">
        <v>15837</v>
      </c>
      <c r="BB179" s="21">
        <v>17896</v>
      </c>
      <c r="BC179" s="21">
        <v>18353</v>
      </c>
      <c r="BD179" s="21">
        <v>19554</v>
      </c>
      <c r="BE179" s="21">
        <v>18639</v>
      </c>
      <c r="BF179" s="21">
        <v>20197</v>
      </c>
      <c r="BG179" s="21">
        <v>20192</v>
      </c>
      <c r="BH179" s="21">
        <v>22401</v>
      </c>
      <c r="BI179" s="21">
        <v>20140</v>
      </c>
      <c r="BJ179" s="14"/>
      <c r="BK179" s="16"/>
      <c r="BL179" s="9"/>
      <c r="BM179" s="9"/>
      <c r="BN179" s="9"/>
      <c r="BO179" s="9" t="s">
        <v>31</v>
      </c>
      <c r="BP179" s="21">
        <f t="shared" si="275"/>
        <v>-248</v>
      </c>
      <c r="BQ179" s="21">
        <f t="shared" si="276"/>
        <v>-358</v>
      </c>
      <c r="BR179" s="21">
        <f t="shared" si="277"/>
        <v>-509</v>
      </c>
      <c r="BS179" s="21">
        <f t="shared" si="278"/>
        <v>-563</v>
      </c>
      <c r="BT179" s="21">
        <f t="shared" si="279"/>
        <v>-446</v>
      </c>
      <c r="BU179" s="21">
        <f t="shared" si="280"/>
        <v>-760</v>
      </c>
      <c r="BV179" s="21">
        <f t="shared" si="281"/>
        <v>-951</v>
      </c>
      <c r="BW179" s="21">
        <f t="shared" si="282"/>
        <v>-1184</v>
      </c>
      <c r="BX179" s="21">
        <f t="shared" si="283"/>
        <v>-450</v>
      </c>
      <c r="BY179" s="21">
        <f t="shared" si="284"/>
        <v>-837</v>
      </c>
      <c r="BZ179" s="21">
        <f t="shared" si="285"/>
        <v>-1156</v>
      </c>
      <c r="CA179" s="21">
        <f t="shared" si="286"/>
        <v>-1189</v>
      </c>
      <c r="CB179" s="21">
        <f t="shared" si="287"/>
        <v>-1841</v>
      </c>
      <c r="CC179" s="21">
        <f t="shared" si="288"/>
        <v>-2151</v>
      </c>
      <c r="CD179" s="21">
        <f t="shared" si="289"/>
        <v>-2305</v>
      </c>
      <c r="CE179" s="21">
        <f t="shared" si="290"/>
        <v>-2258</v>
      </c>
      <c r="CF179" s="21">
        <f t="shared" si="291"/>
        <v>-1708</v>
      </c>
      <c r="CG179" s="21">
        <f t="shared" si="292"/>
        <v>-1897</v>
      </c>
      <c r="CH179" s="21">
        <f t="shared" si="293"/>
        <v>-1891</v>
      </c>
      <c r="CI179" s="21">
        <f t="shared" si="294"/>
        <v>-1922</v>
      </c>
      <c r="CJ179" s="21">
        <f t="shared" si="295"/>
        <v>-1925</v>
      </c>
      <c r="CK179" s="21">
        <f t="shared" si="296"/>
        <v>1977</v>
      </c>
      <c r="CL179" s="21">
        <f t="shared" si="297"/>
        <v>1950</v>
      </c>
      <c r="CM179" s="21">
        <f t="shared" si="298"/>
        <v>-73</v>
      </c>
      <c r="CN179" s="21">
        <f t="shared" si="299"/>
        <v>0</v>
      </c>
      <c r="CO179" s="20"/>
    </row>
    <row r="180" spans="1:93" x14ac:dyDescent="0.7">
      <c r="A180" s="7"/>
      <c r="E180" s="8" t="s">
        <v>32</v>
      </c>
      <c r="F180" s="42">
        <v>7170</v>
      </c>
      <c r="G180" s="42">
        <v>4668</v>
      </c>
      <c r="H180" s="42">
        <v>4867</v>
      </c>
      <c r="I180" s="42">
        <v>5270</v>
      </c>
      <c r="J180" s="42">
        <v>5243</v>
      </c>
      <c r="K180" s="42">
        <v>5929</v>
      </c>
      <c r="L180" s="42">
        <v>6255</v>
      </c>
      <c r="M180" s="42">
        <v>6770</v>
      </c>
      <c r="N180" s="42">
        <v>7562</v>
      </c>
      <c r="O180" s="42">
        <v>8546</v>
      </c>
      <c r="P180" s="42">
        <v>8002</v>
      </c>
      <c r="Q180" s="42">
        <v>7832</v>
      </c>
      <c r="R180" s="42">
        <v>8835</v>
      </c>
      <c r="S180" s="42">
        <v>8908</v>
      </c>
      <c r="T180" s="42">
        <v>8966</v>
      </c>
      <c r="U180" s="42">
        <v>8745</v>
      </c>
      <c r="V180" s="42">
        <v>8716</v>
      </c>
      <c r="W180" s="42">
        <v>8884</v>
      </c>
      <c r="X180" s="42">
        <v>8853</v>
      </c>
      <c r="Y180" s="42">
        <v>9087</v>
      </c>
      <c r="Z180" s="42">
        <v>9565</v>
      </c>
      <c r="AA180" s="42">
        <v>8955</v>
      </c>
      <c r="AB180" s="42">
        <v>8734</v>
      </c>
      <c r="AC180" s="42">
        <v>9217</v>
      </c>
      <c r="AD180" s="42">
        <v>10248</v>
      </c>
      <c r="AE180" s="7"/>
      <c r="AF180" s="13"/>
      <c r="AG180" s="9"/>
      <c r="AH180" s="9"/>
      <c r="AI180" s="9"/>
      <c r="AJ180" s="9" t="s">
        <v>32</v>
      </c>
      <c r="AK180" s="21">
        <v>7175</v>
      </c>
      <c r="AL180" s="21">
        <v>4668</v>
      </c>
      <c r="AM180" s="21">
        <v>4854</v>
      </c>
      <c r="AN180" s="21">
        <v>5256</v>
      </c>
      <c r="AO180" s="21">
        <v>5252</v>
      </c>
      <c r="AP180" s="21">
        <v>5907</v>
      </c>
      <c r="AQ180" s="21">
        <v>6245</v>
      </c>
      <c r="AR180" s="21">
        <v>6714</v>
      </c>
      <c r="AS180" s="21">
        <v>7819</v>
      </c>
      <c r="AT180" s="21">
        <v>8831</v>
      </c>
      <c r="AU180" s="21">
        <v>8261</v>
      </c>
      <c r="AV180" s="21">
        <v>8085</v>
      </c>
      <c r="AW180" s="21">
        <v>8317</v>
      </c>
      <c r="AX180" s="21">
        <v>8482</v>
      </c>
      <c r="AY180" s="21">
        <v>8634</v>
      </c>
      <c r="AZ180" s="21">
        <v>8493</v>
      </c>
      <c r="BA180" s="21">
        <v>8602</v>
      </c>
      <c r="BB180" s="21">
        <v>8877</v>
      </c>
      <c r="BC180" s="21">
        <v>9010</v>
      </c>
      <c r="BD180" s="21">
        <v>9316</v>
      </c>
      <c r="BE180" s="21">
        <v>9787</v>
      </c>
      <c r="BF180" s="21">
        <v>9587</v>
      </c>
      <c r="BG180" s="21">
        <v>9378</v>
      </c>
      <c r="BH180" s="21">
        <v>9894</v>
      </c>
      <c r="BI180" s="21">
        <v>10518</v>
      </c>
      <c r="BJ180" s="14"/>
      <c r="BK180" s="16"/>
      <c r="BL180" s="9"/>
      <c r="BM180" s="9"/>
      <c r="BN180" s="9"/>
      <c r="BO180" s="9" t="s">
        <v>32</v>
      </c>
      <c r="BP180" s="21">
        <f t="shared" si="275"/>
        <v>5</v>
      </c>
      <c r="BQ180" s="21">
        <f t="shared" si="276"/>
        <v>0</v>
      </c>
      <c r="BR180" s="21">
        <f t="shared" si="277"/>
        <v>-13</v>
      </c>
      <c r="BS180" s="21">
        <f t="shared" si="278"/>
        <v>-14</v>
      </c>
      <c r="BT180" s="21">
        <f t="shared" si="279"/>
        <v>9</v>
      </c>
      <c r="BU180" s="21">
        <f t="shared" si="280"/>
        <v>-22</v>
      </c>
      <c r="BV180" s="21">
        <f t="shared" si="281"/>
        <v>-10</v>
      </c>
      <c r="BW180" s="21">
        <f t="shared" si="282"/>
        <v>-56</v>
      </c>
      <c r="BX180" s="21">
        <f t="shared" si="283"/>
        <v>257</v>
      </c>
      <c r="BY180" s="21">
        <f t="shared" si="284"/>
        <v>285</v>
      </c>
      <c r="BZ180" s="21">
        <f t="shared" si="285"/>
        <v>259</v>
      </c>
      <c r="CA180" s="21">
        <f t="shared" si="286"/>
        <v>253</v>
      </c>
      <c r="CB180" s="21">
        <f t="shared" si="287"/>
        <v>-518</v>
      </c>
      <c r="CC180" s="21">
        <f t="shared" si="288"/>
        <v>-426</v>
      </c>
      <c r="CD180" s="21">
        <f t="shared" si="289"/>
        <v>-332</v>
      </c>
      <c r="CE180" s="21">
        <f t="shared" si="290"/>
        <v>-252</v>
      </c>
      <c r="CF180" s="21">
        <f t="shared" si="291"/>
        <v>-114</v>
      </c>
      <c r="CG180" s="21">
        <f t="shared" si="292"/>
        <v>-7</v>
      </c>
      <c r="CH180" s="21">
        <f t="shared" si="293"/>
        <v>157</v>
      </c>
      <c r="CI180" s="21">
        <f t="shared" si="294"/>
        <v>229</v>
      </c>
      <c r="CJ180" s="21">
        <f t="shared" si="295"/>
        <v>222</v>
      </c>
      <c r="CK180" s="21">
        <f t="shared" si="296"/>
        <v>632</v>
      </c>
      <c r="CL180" s="21">
        <f t="shared" si="297"/>
        <v>644</v>
      </c>
      <c r="CM180" s="21">
        <f t="shared" si="298"/>
        <v>677</v>
      </c>
      <c r="CN180" s="21">
        <f t="shared" si="299"/>
        <v>270</v>
      </c>
      <c r="CO180" s="20"/>
    </row>
    <row r="181" spans="1:93" x14ac:dyDescent="0.7">
      <c r="A181" s="7"/>
      <c r="E181" s="8" t="s">
        <v>33</v>
      </c>
      <c r="F181" s="42">
        <v>7170</v>
      </c>
      <c r="G181" s="42">
        <v>4668</v>
      </c>
      <c r="H181" s="42">
        <v>4867</v>
      </c>
      <c r="I181" s="42">
        <v>5270</v>
      </c>
      <c r="J181" s="42">
        <v>5243</v>
      </c>
      <c r="K181" s="42">
        <v>5929</v>
      </c>
      <c r="L181" s="42">
        <v>6255</v>
      </c>
      <c r="M181" s="42">
        <v>6770</v>
      </c>
      <c r="N181" s="42">
        <v>7562</v>
      </c>
      <c r="O181" s="42">
        <v>8546</v>
      </c>
      <c r="P181" s="42">
        <v>8002</v>
      </c>
      <c r="Q181" s="42">
        <v>7832</v>
      </c>
      <c r="R181" s="42">
        <v>8835</v>
      </c>
      <c r="S181" s="42">
        <v>8908</v>
      </c>
      <c r="T181" s="42">
        <v>8966</v>
      </c>
      <c r="U181" s="42">
        <v>8745</v>
      </c>
      <c r="V181" s="42">
        <v>8716</v>
      </c>
      <c r="W181" s="42">
        <v>8884</v>
      </c>
      <c r="X181" s="42">
        <v>8853</v>
      </c>
      <c r="Y181" s="42">
        <v>9087</v>
      </c>
      <c r="Z181" s="42">
        <v>9565</v>
      </c>
      <c r="AA181" s="42">
        <v>8955</v>
      </c>
      <c r="AB181" s="42">
        <v>8734</v>
      </c>
      <c r="AC181" s="42">
        <v>9217</v>
      </c>
      <c r="AD181" s="42">
        <v>10248</v>
      </c>
      <c r="AE181" s="7"/>
      <c r="AF181" s="13"/>
      <c r="AG181" s="9"/>
      <c r="AH181" s="9"/>
      <c r="AI181" s="9"/>
      <c r="AJ181" s="9" t="s">
        <v>33</v>
      </c>
      <c r="AK181" s="21">
        <v>7175</v>
      </c>
      <c r="AL181" s="21">
        <v>4668</v>
      </c>
      <c r="AM181" s="21">
        <v>4854</v>
      </c>
      <c r="AN181" s="21">
        <v>5256</v>
      </c>
      <c r="AO181" s="21">
        <v>5252</v>
      </c>
      <c r="AP181" s="21">
        <v>5907</v>
      </c>
      <c r="AQ181" s="21">
        <v>6245</v>
      </c>
      <c r="AR181" s="21">
        <v>6714</v>
      </c>
      <c r="AS181" s="21">
        <v>7819</v>
      </c>
      <c r="AT181" s="21">
        <v>8831</v>
      </c>
      <c r="AU181" s="21">
        <v>8261</v>
      </c>
      <c r="AV181" s="21">
        <v>8085</v>
      </c>
      <c r="AW181" s="21">
        <v>8317</v>
      </c>
      <c r="AX181" s="21">
        <v>8482</v>
      </c>
      <c r="AY181" s="21">
        <v>8634</v>
      </c>
      <c r="AZ181" s="21">
        <v>8493</v>
      </c>
      <c r="BA181" s="21">
        <v>8602</v>
      </c>
      <c r="BB181" s="21">
        <v>8877</v>
      </c>
      <c r="BC181" s="21">
        <v>9010</v>
      </c>
      <c r="BD181" s="21">
        <v>9316</v>
      </c>
      <c r="BE181" s="21">
        <v>9787</v>
      </c>
      <c r="BF181" s="21">
        <v>9587</v>
      </c>
      <c r="BG181" s="21">
        <v>9378</v>
      </c>
      <c r="BH181" s="21">
        <v>9894</v>
      </c>
      <c r="BI181" s="21">
        <v>10518</v>
      </c>
      <c r="BJ181" s="14"/>
      <c r="BK181" s="16"/>
      <c r="BL181" s="9"/>
      <c r="BM181" s="9"/>
      <c r="BN181" s="9"/>
      <c r="BO181" s="9" t="s">
        <v>33</v>
      </c>
      <c r="BP181" s="21">
        <f t="shared" si="275"/>
        <v>5</v>
      </c>
      <c r="BQ181" s="21">
        <f t="shared" si="276"/>
        <v>0</v>
      </c>
      <c r="BR181" s="21">
        <f t="shared" si="277"/>
        <v>-13</v>
      </c>
      <c r="BS181" s="21">
        <f t="shared" si="278"/>
        <v>-14</v>
      </c>
      <c r="BT181" s="21">
        <f t="shared" si="279"/>
        <v>9</v>
      </c>
      <c r="BU181" s="21">
        <f t="shared" si="280"/>
        <v>-22</v>
      </c>
      <c r="BV181" s="21">
        <f t="shared" si="281"/>
        <v>-10</v>
      </c>
      <c r="BW181" s="21">
        <f t="shared" si="282"/>
        <v>-56</v>
      </c>
      <c r="BX181" s="21">
        <f t="shared" si="283"/>
        <v>257</v>
      </c>
      <c r="BY181" s="21">
        <f t="shared" si="284"/>
        <v>285</v>
      </c>
      <c r="BZ181" s="21">
        <f t="shared" si="285"/>
        <v>259</v>
      </c>
      <c r="CA181" s="21">
        <f t="shared" si="286"/>
        <v>253</v>
      </c>
      <c r="CB181" s="21">
        <f t="shared" si="287"/>
        <v>-518</v>
      </c>
      <c r="CC181" s="21">
        <f t="shared" si="288"/>
        <v>-426</v>
      </c>
      <c r="CD181" s="21">
        <f t="shared" si="289"/>
        <v>-332</v>
      </c>
      <c r="CE181" s="21">
        <f t="shared" si="290"/>
        <v>-252</v>
      </c>
      <c r="CF181" s="21">
        <f t="shared" si="291"/>
        <v>-114</v>
      </c>
      <c r="CG181" s="21">
        <f t="shared" si="292"/>
        <v>-7</v>
      </c>
      <c r="CH181" s="21">
        <f t="shared" si="293"/>
        <v>157</v>
      </c>
      <c r="CI181" s="21">
        <f t="shared" si="294"/>
        <v>229</v>
      </c>
      <c r="CJ181" s="21">
        <f t="shared" si="295"/>
        <v>222</v>
      </c>
      <c r="CK181" s="21">
        <f t="shared" si="296"/>
        <v>632</v>
      </c>
      <c r="CL181" s="21">
        <f t="shared" si="297"/>
        <v>644</v>
      </c>
      <c r="CM181" s="21">
        <f t="shared" si="298"/>
        <v>677</v>
      </c>
      <c r="CN181" s="21">
        <f t="shared" si="299"/>
        <v>270</v>
      </c>
      <c r="CO181" s="20"/>
    </row>
    <row r="182" spans="1:93" x14ac:dyDescent="0.7">
      <c r="A182" s="7"/>
      <c r="E182" s="8" t="s">
        <v>34</v>
      </c>
      <c r="F182" s="42">
        <v>2526</v>
      </c>
      <c r="G182" s="42">
        <v>2024</v>
      </c>
      <c r="H182" s="42">
        <v>2425</v>
      </c>
      <c r="I182" s="42">
        <v>2238</v>
      </c>
      <c r="J182" s="42">
        <v>1710</v>
      </c>
      <c r="K182" s="42">
        <v>2270</v>
      </c>
      <c r="L182" s="42">
        <v>2560</v>
      </c>
      <c r="M182" s="42">
        <v>2786</v>
      </c>
      <c r="N182" s="42">
        <v>2656</v>
      </c>
      <c r="O182" s="42">
        <v>3549</v>
      </c>
      <c r="P182" s="42">
        <v>4098</v>
      </c>
      <c r="Q182" s="42">
        <v>3222</v>
      </c>
      <c r="R182" s="42">
        <v>3127</v>
      </c>
      <c r="S182" s="42">
        <v>4919</v>
      </c>
      <c r="T182" s="42">
        <v>5692</v>
      </c>
      <c r="U182" s="42">
        <v>3178</v>
      </c>
      <c r="V182" s="42">
        <v>2482</v>
      </c>
      <c r="W182" s="42">
        <v>3708</v>
      </c>
      <c r="X182" s="42">
        <v>5044</v>
      </c>
      <c r="Y182" s="42">
        <v>4522</v>
      </c>
      <c r="Z182" s="42">
        <v>4469</v>
      </c>
      <c r="AA182" s="42">
        <v>5395</v>
      </c>
      <c r="AB182" s="42">
        <v>5201</v>
      </c>
      <c r="AC182" s="42">
        <v>4333</v>
      </c>
      <c r="AD182" s="42">
        <v>4136</v>
      </c>
      <c r="AE182" s="7"/>
      <c r="AF182" s="13"/>
      <c r="AG182" s="9"/>
      <c r="AH182" s="9"/>
      <c r="AI182" s="9"/>
      <c r="AJ182" s="9" t="s">
        <v>34</v>
      </c>
      <c r="AK182" s="21">
        <v>2526</v>
      </c>
      <c r="AL182" s="21">
        <v>2025</v>
      </c>
      <c r="AM182" s="21">
        <v>2425</v>
      </c>
      <c r="AN182" s="21">
        <v>2238</v>
      </c>
      <c r="AO182" s="21">
        <v>1710</v>
      </c>
      <c r="AP182" s="21">
        <v>2270</v>
      </c>
      <c r="AQ182" s="21">
        <v>2559</v>
      </c>
      <c r="AR182" s="21">
        <v>2787</v>
      </c>
      <c r="AS182" s="21">
        <v>2656</v>
      </c>
      <c r="AT182" s="21">
        <v>3549</v>
      </c>
      <c r="AU182" s="21">
        <v>4098</v>
      </c>
      <c r="AV182" s="21">
        <v>3222</v>
      </c>
      <c r="AW182" s="21">
        <v>2509</v>
      </c>
      <c r="AX182" s="21">
        <v>4064</v>
      </c>
      <c r="AY182" s="21">
        <v>4854</v>
      </c>
      <c r="AZ182" s="21">
        <v>2805</v>
      </c>
      <c r="BA182" s="21">
        <v>2275</v>
      </c>
      <c r="BB182" s="21">
        <v>3543</v>
      </c>
      <c r="BC182" s="21">
        <v>5044</v>
      </c>
      <c r="BD182" s="21">
        <v>4522</v>
      </c>
      <c r="BE182" s="21">
        <v>4469</v>
      </c>
      <c r="BF182" s="21">
        <v>5395</v>
      </c>
      <c r="BG182" s="21">
        <v>5201</v>
      </c>
      <c r="BH182" s="21">
        <v>4333</v>
      </c>
      <c r="BI182" s="21">
        <v>4136</v>
      </c>
      <c r="BJ182" s="14"/>
      <c r="BK182" s="16"/>
      <c r="BL182" s="9"/>
      <c r="BM182" s="9"/>
      <c r="BN182" s="9"/>
      <c r="BO182" s="9" t="s">
        <v>34</v>
      </c>
      <c r="BP182" s="21">
        <f t="shared" si="275"/>
        <v>0</v>
      </c>
      <c r="BQ182" s="21">
        <f t="shared" si="276"/>
        <v>1</v>
      </c>
      <c r="BR182" s="21">
        <f t="shared" si="277"/>
        <v>0</v>
      </c>
      <c r="BS182" s="21">
        <f t="shared" si="278"/>
        <v>0</v>
      </c>
      <c r="BT182" s="21">
        <f t="shared" si="279"/>
        <v>0</v>
      </c>
      <c r="BU182" s="21">
        <f t="shared" si="280"/>
        <v>0</v>
      </c>
      <c r="BV182" s="21">
        <f t="shared" si="281"/>
        <v>-1</v>
      </c>
      <c r="BW182" s="21">
        <f t="shared" si="282"/>
        <v>1</v>
      </c>
      <c r="BX182" s="21">
        <f t="shared" si="283"/>
        <v>0</v>
      </c>
      <c r="BY182" s="21">
        <f t="shared" si="284"/>
        <v>0</v>
      </c>
      <c r="BZ182" s="21">
        <f t="shared" si="285"/>
        <v>0</v>
      </c>
      <c r="CA182" s="21">
        <f t="shared" si="286"/>
        <v>0</v>
      </c>
      <c r="CB182" s="21">
        <f t="shared" si="287"/>
        <v>-618</v>
      </c>
      <c r="CC182" s="21">
        <f t="shared" si="288"/>
        <v>-855</v>
      </c>
      <c r="CD182" s="21">
        <f t="shared" si="289"/>
        <v>-838</v>
      </c>
      <c r="CE182" s="21">
        <f t="shared" si="290"/>
        <v>-373</v>
      </c>
      <c r="CF182" s="21">
        <f t="shared" si="291"/>
        <v>-207</v>
      </c>
      <c r="CG182" s="21">
        <f t="shared" si="292"/>
        <v>-165</v>
      </c>
      <c r="CH182" s="21">
        <f t="shared" si="293"/>
        <v>0</v>
      </c>
      <c r="CI182" s="21">
        <f t="shared" si="294"/>
        <v>0</v>
      </c>
      <c r="CJ182" s="21">
        <f t="shared" si="295"/>
        <v>0</v>
      </c>
      <c r="CK182" s="21">
        <f t="shared" si="296"/>
        <v>0</v>
      </c>
      <c r="CL182" s="21">
        <f t="shared" si="297"/>
        <v>0</v>
      </c>
      <c r="CM182" s="21">
        <f t="shared" si="298"/>
        <v>0</v>
      </c>
      <c r="CN182" s="21">
        <f t="shared" si="299"/>
        <v>0</v>
      </c>
      <c r="CO182" s="20"/>
    </row>
    <row r="183" spans="1:93" x14ac:dyDescent="0.7">
      <c r="A183" s="7"/>
      <c r="E183" s="8" t="s">
        <v>35</v>
      </c>
      <c r="F183" s="42">
        <v>970</v>
      </c>
      <c r="G183" s="42">
        <v>899</v>
      </c>
      <c r="H183" s="42">
        <v>1034</v>
      </c>
      <c r="I183" s="42">
        <v>1023</v>
      </c>
      <c r="J183" s="42">
        <v>704</v>
      </c>
      <c r="K183" s="42">
        <v>893</v>
      </c>
      <c r="L183" s="42">
        <v>964</v>
      </c>
      <c r="M183" s="42">
        <v>1202</v>
      </c>
      <c r="N183" s="42">
        <v>1128</v>
      </c>
      <c r="O183" s="42">
        <v>1421</v>
      </c>
      <c r="P183" s="42">
        <v>1615</v>
      </c>
      <c r="Q183" s="42">
        <v>1316</v>
      </c>
      <c r="R183" s="42">
        <v>1209</v>
      </c>
      <c r="S183" s="42">
        <v>1908</v>
      </c>
      <c r="T183" s="42">
        <v>2330</v>
      </c>
      <c r="U183" s="42">
        <v>1228</v>
      </c>
      <c r="V183" s="42">
        <v>922</v>
      </c>
      <c r="W183" s="42">
        <v>1361</v>
      </c>
      <c r="X183" s="42">
        <v>1917</v>
      </c>
      <c r="Y183" s="42">
        <v>1874</v>
      </c>
      <c r="Z183" s="42">
        <v>1818</v>
      </c>
      <c r="AA183" s="42">
        <v>2191</v>
      </c>
      <c r="AB183" s="42">
        <v>2051</v>
      </c>
      <c r="AC183" s="42">
        <v>1858</v>
      </c>
      <c r="AD183" s="42">
        <v>1745</v>
      </c>
      <c r="AE183" s="7"/>
      <c r="AF183" s="13"/>
      <c r="AG183" s="9"/>
      <c r="AH183" s="9"/>
      <c r="AI183" s="9"/>
      <c r="AJ183" s="9" t="s">
        <v>35</v>
      </c>
      <c r="AK183" s="21">
        <v>970</v>
      </c>
      <c r="AL183" s="21">
        <v>899</v>
      </c>
      <c r="AM183" s="21">
        <v>1034</v>
      </c>
      <c r="AN183" s="21">
        <v>1023</v>
      </c>
      <c r="AO183" s="21">
        <v>704</v>
      </c>
      <c r="AP183" s="21">
        <v>893</v>
      </c>
      <c r="AQ183" s="21">
        <v>964</v>
      </c>
      <c r="AR183" s="21">
        <v>1202</v>
      </c>
      <c r="AS183" s="21">
        <v>1128</v>
      </c>
      <c r="AT183" s="21">
        <v>1421</v>
      </c>
      <c r="AU183" s="21">
        <v>1615</v>
      </c>
      <c r="AV183" s="21">
        <v>1316</v>
      </c>
      <c r="AW183" s="21">
        <v>961</v>
      </c>
      <c r="AX183" s="21">
        <v>1560</v>
      </c>
      <c r="AY183" s="21">
        <v>1964</v>
      </c>
      <c r="AZ183" s="21">
        <v>1072</v>
      </c>
      <c r="BA183" s="21">
        <v>837</v>
      </c>
      <c r="BB183" s="21">
        <v>1293</v>
      </c>
      <c r="BC183" s="21">
        <v>1917</v>
      </c>
      <c r="BD183" s="21">
        <v>1874</v>
      </c>
      <c r="BE183" s="21">
        <v>1818</v>
      </c>
      <c r="BF183" s="21">
        <v>2191</v>
      </c>
      <c r="BG183" s="21">
        <v>2051</v>
      </c>
      <c r="BH183" s="21">
        <v>1858</v>
      </c>
      <c r="BI183" s="21">
        <v>1745</v>
      </c>
      <c r="BJ183" s="14"/>
      <c r="BK183" s="16"/>
      <c r="BL183" s="9"/>
      <c r="BM183" s="9"/>
      <c r="BN183" s="9"/>
      <c r="BO183" s="9" t="s">
        <v>35</v>
      </c>
      <c r="BP183" s="21">
        <f t="shared" si="275"/>
        <v>0</v>
      </c>
      <c r="BQ183" s="21">
        <f t="shared" si="276"/>
        <v>0</v>
      </c>
      <c r="BR183" s="21">
        <f t="shared" si="277"/>
        <v>0</v>
      </c>
      <c r="BS183" s="21">
        <f t="shared" si="278"/>
        <v>0</v>
      </c>
      <c r="BT183" s="21">
        <f t="shared" si="279"/>
        <v>0</v>
      </c>
      <c r="BU183" s="21">
        <f t="shared" si="280"/>
        <v>0</v>
      </c>
      <c r="BV183" s="21">
        <f t="shared" si="281"/>
        <v>0</v>
      </c>
      <c r="BW183" s="21">
        <f t="shared" si="282"/>
        <v>0</v>
      </c>
      <c r="BX183" s="21">
        <f t="shared" si="283"/>
        <v>0</v>
      </c>
      <c r="BY183" s="21">
        <f t="shared" si="284"/>
        <v>0</v>
      </c>
      <c r="BZ183" s="21">
        <f t="shared" si="285"/>
        <v>0</v>
      </c>
      <c r="CA183" s="21">
        <f t="shared" si="286"/>
        <v>0</v>
      </c>
      <c r="CB183" s="21">
        <f t="shared" si="287"/>
        <v>-248</v>
      </c>
      <c r="CC183" s="21">
        <f t="shared" si="288"/>
        <v>-348</v>
      </c>
      <c r="CD183" s="21">
        <f t="shared" si="289"/>
        <v>-366</v>
      </c>
      <c r="CE183" s="21">
        <f t="shared" si="290"/>
        <v>-156</v>
      </c>
      <c r="CF183" s="21">
        <f t="shared" si="291"/>
        <v>-85</v>
      </c>
      <c r="CG183" s="21">
        <f t="shared" si="292"/>
        <v>-68</v>
      </c>
      <c r="CH183" s="21">
        <f t="shared" si="293"/>
        <v>0</v>
      </c>
      <c r="CI183" s="21">
        <f t="shared" si="294"/>
        <v>0</v>
      </c>
      <c r="CJ183" s="21">
        <f t="shared" si="295"/>
        <v>0</v>
      </c>
      <c r="CK183" s="21">
        <f t="shared" si="296"/>
        <v>0</v>
      </c>
      <c r="CL183" s="21">
        <f t="shared" si="297"/>
        <v>0</v>
      </c>
      <c r="CM183" s="21">
        <f t="shared" si="298"/>
        <v>0</v>
      </c>
      <c r="CN183" s="21">
        <f t="shared" si="299"/>
        <v>0</v>
      </c>
      <c r="CO183" s="20"/>
    </row>
    <row r="184" spans="1:93" x14ac:dyDescent="0.7">
      <c r="A184" s="7"/>
      <c r="E184" s="8" t="s">
        <v>36</v>
      </c>
      <c r="F184" s="42">
        <v>1556</v>
      </c>
      <c r="G184" s="42">
        <v>1125</v>
      </c>
      <c r="H184" s="42">
        <v>1391</v>
      </c>
      <c r="I184" s="42">
        <v>1215</v>
      </c>
      <c r="J184" s="42">
        <v>1006</v>
      </c>
      <c r="K184" s="42">
        <v>1377</v>
      </c>
      <c r="L184" s="42">
        <v>1596</v>
      </c>
      <c r="M184" s="42">
        <v>1584</v>
      </c>
      <c r="N184" s="42">
        <v>1528</v>
      </c>
      <c r="O184" s="42">
        <v>2128</v>
      </c>
      <c r="P184" s="42">
        <v>2483</v>
      </c>
      <c r="Q184" s="42">
        <v>1906</v>
      </c>
      <c r="R184" s="42">
        <v>1918</v>
      </c>
      <c r="S184" s="42">
        <v>3009</v>
      </c>
      <c r="T184" s="42">
        <v>3284</v>
      </c>
      <c r="U184" s="42">
        <v>1954</v>
      </c>
      <c r="V184" s="42">
        <v>1589</v>
      </c>
      <c r="W184" s="42">
        <v>2400</v>
      </c>
      <c r="X184" s="42">
        <v>3126</v>
      </c>
      <c r="Y184" s="42">
        <v>2647</v>
      </c>
      <c r="Z184" s="42">
        <v>2650</v>
      </c>
      <c r="AA184" s="42">
        <v>3203</v>
      </c>
      <c r="AB184" s="42">
        <v>3150</v>
      </c>
      <c r="AC184" s="42">
        <v>2475</v>
      </c>
      <c r="AD184" s="42">
        <v>2391</v>
      </c>
      <c r="AE184" s="7"/>
      <c r="AF184" s="13"/>
      <c r="AG184" s="9"/>
      <c r="AH184" s="9"/>
      <c r="AI184" s="9"/>
      <c r="AJ184" s="9" t="s">
        <v>36</v>
      </c>
      <c r="AK184" s="21">
        <v>1556</v>
      </c>
      <c r="AL184" s="21">
        <v>1125</v>
      </c>
      <c r="AM184" s="21">
        <v>1391</v>
      </c>
      <c r="AN184" s="21">
        <v>1215</v>
      </c>
      <c r="AO184" s="21">
        <v>1006</v>
      </c>
      <c r="AP184" s="21">
        <v>1377</v>
      </c>
      <c r="AQ184" s="21">
        <v>1596</v>
      </c>
      <c r="AR184" s="21">
        <v>1584</v>
      </c>
      <c r="AS184" s="21">
        <v>1528</v>
      </c>
      <c r="AT184" s="21">
        <v>2128</v>
      </c>
      <c r="AU184" s="21">
        <v>2483</v>
      </c>
      <c r="AV184" s="21">
        <v>1906</v>
      </c>
      <c r="AW184" s="21">
        <v>1585</v>
      </c>
      <c r="AX184" s="21">
        <v>2555</v>
      </c>
      <c r="AY184" s="21">
        <v>2871</v>
      </c>
      <c r="AZ184" s="21">
        <v>1761</v>
      </c>
      <c r="BA184" s="21">
        <v>1480</v>
      </c>
      <c r="BB184" s="21">
        <v>2313</v>
      </c>
      <c r="BC184" s="21">
        <v>3126</v>
      </c>
      <c r="BD184" s="21">
        <v>2647</v>
      </c>
      <c r="BE184" s="21">
        <v>2650</v>
      </c>
      <c r="BF184" s="21">
        <v>3203</v>
      </c>
      <c r="BG184" s="21">
        <v>3150</v>
      </c>
      <c r="BH184" s="21">
        <v>2475</v>
      </c>
      <c r="BI184" s="21">
        <v>2391</v>
      </c>
      <c r="BJ184" s="14"/>
      <c r="BK184" s="16"/>
      <c r="BL184" s="9"/>
      <c r="BM184" s="9"/>
      <c r="BN184" s="9"/>
      <c r="BO184" s="9" t="s">
        <v>36</v>
      </c>
      <c r="BP184" s="21">
        <f t="shared" si="275"/>
        <v>0</v>
      </c>
      <c r="BQ184" s="21">
        <f t="shared" si="276"/>
        <v>0</v>
      </c>
      <c r="BR184" s="21">
        <f t="shared" si="277"/>
        <v>0</v>
      </c>
      <c r="BS184" s="21">
        <f t="shared" si="278"/>
        <v>0</v>
      </c>
      <c r="BT184" s="21">
        <f t="shared" si="279"/>
        <v>0</v>
      </c>
      <c r="BU184" s="21">
        <f t="shared" si="280"/>
        <v>0</v>
      </c>
      <c r="BV184" s="21">
        <f t="shared" si="281"/>
        <v>0</v>
      </c>
      <c r="BW184" s="21">
        <f t="shared" si="282"/>
        <v>0</v>
      </c>
      <c r="BX184" s="21">
        <f t="shared" si="283"/>
        <v>0</v>
      </c>
      <c r="BY184" s="21">
        <f t="shared" si="284"/>
        <v>0</v>
      </c>
      <c r="BZ184" s="21">
        <f t="shared" si="285"/>
        <v>0</v>
      </c>
      <c r="CA184" s="21">
        <f t="shared" si="286"/>
        <v>0</v>
      </c>
      <c r="CB184" s="21">
        <f t="shared" si="287"/>
        <v>-333</v>
      </c>
      <c r="CC184" s="21">
        <f t="shared" si="288"/>
        <v>-454</v>
      </c>
      <c r="CD184" s="21">
        <f t="shared" si="289"/>
        <v>-413</v>
      </c>
      <c r="CE184" s="21">
        <f t="shared" si="290"/>
        <v>-193</v>
      </c>
      <c r="CF184" s="21">
        <f t="shared" si="291"/>
        <v>-109</v>
      </c>
      <c r="CG184" s="21">
        <f t="shared" si="292"/>
        <v>-87</v>
      </c>
      <c r="CH184" s="21">
        <f t="shared" si="293"/>
        <v>0</v>
      </c>
      <c r="CI184" s="21">
        <f t="shared" si="294"/>
        <v>0</v>
      </c>
      <c r="CJ184" s="21">
        <f t="shared" si="295"/>
        <v>0</v>
      </c>
      <c r="CK184" s="21">
        <f t="shared" si="296"/>
        <v>0</v>
      </c>
      <c r="CL184" s="21">
        <f t="shared" si="297"/>
        <v>0</v>
      </c>
      <c r="CM184" s="21">
        <f t="shared" si="298"/>
        <v>0</v>
      </c>
      <c r="CN184" s="21">
        <f t="shared" si="299"/>
        <v>0</v>
      </c>
      <c r="CO184" s="20"/>
    </row>
    <row r="185" spans="1:93" x14ac:dyDescent="0.7">
      <c r="A185" s="7"/>
      <c r="D185" s="8" t="s">
        <v>39</v>
      </c>
      <c r="E185" s="8" t="s">
        <v>27</v>
      </c>
      <c r="F185" s="42">
        <v>4705</v>
      </c>
      <c r="G185" s="42">
        <v>4164</v>
      </c>
      <c r="H185" s="42">
        <v>5376</v>
      </c>
      <c r="I185" s="42">
        <v>4654</v>
      </c>
      <c r="J185" s="42">
        <v>4431</v>
      </c>
      <c r="K185" s="42">
        <v>6174</v>
      </c>
      <c r="L185" s="42">
        <v>6944</v>
      </c>
      <c r="M185" s="42">
        <v>7011</v>
      </c>
      <c r="N185" s="42">
        <v>6898</v>
      </c>
      <c r="O185" s="42">
        <v>8573</v>
      </c>
      <c r="P185" s="42">
        <v>8108</v>
      </c>
      <c r="Q185" s="42">
        <v>8375</v>
      </c>
      <c r="R185" s="42">
        <v>9243</v>
      </c>
      <c r="S185" s="42">
        <v>10058</v>
      </c>
      <c r="T185" s="42">
        <v>9769</v>
      </c>
      <c r="U185" s="42">
        <v>9859</v>
      </c>
      <c r="V185" s="42">
        <v>9088</v>
      </c>
      <c r="W185" s="42">
        <v>10070</v>
      </c>
      <c r="X185" s="42">
        <v>9872</v>
      </c>
      <c r="Y185" s="42">
        <v>7744</v>
      </c>
      <c r="Z185" s="42">
        <v>7624</v>
      </c>
      <c r="AA185" s="42">
        <v>8490</v>
      </c>
      <c r="AB185" s="42">
        <v>8289</v>
      </c>
      <c r="AC185" s="42">
        <v>7641</v>
      </c>
      <c r="AD185" s="42">
        <v>5731</v>
      </c>
      <c r="AE185" s="7"/>
      <c r="AF185" s="13"/>
      <c r="AG185" s="9"/>
      <c r="AH185" s="9"/>
      <c r="AI185" s="9" t="s">
        <v>39</v>
      </c>
      <c r="AJ185" s="9" t="s">
        <v>27</v>
      </c>
      <c r="AK185" s="21">
        <v>4721</v>
      </c>
      <c r="AL185" s="21">
        <v>4187</v>
      </c>
      <c r="AM185" s="21">
        <v>5412</v>
      </c>
      <c r="AN185" s="21">
        <v>4691</v>
      </c>
      <c r="AO185" s="21">
        <v>4463</v>
      </c>
      <c r="AP185" s="21">
        <v>6195</v>
      </c>
      <c r="AQ185" s="21">
        <v>7026</v>
      </c>
      <c r="AR185" s="21">
        <v>7073</v>
      </c>
      <c r="AS185" s="21">
        <v>5882</v>
      </c>
      <c r="AT185" s="21">
        <v>7475</v>
      </c>
      <c r="AU185" s="21">
        <v>7126</v>
      </c>
      <c r="AV185" s="21">
        <v>7164</v>
      </c>
      <c r="AW185" s="21">
        <v>6482</v>
      </c>
      <c r="AX185" s="21">
        <v>6925</v>
      </c>
      <c r="AY185" s="21">
        <v>6599</v>
      </c>
      <c r="AZ185" s="21">
        <v>6542</v>
      </c>
      <c r="BA185" s="21">
        <v>5908</v>
      </c>
      <c r="BB185" s="21">
        <v>6405</v>
      </c>
      <c r="BC185" s="21">
        <v>6130</v>
      </c>
      <c r="BD185" s="21">
        <v>5587</v>
      </c>
      <c r="BE185" s="21">
        <v>5419</v>
      </c>
      <c r="BF185" s="21">
        <v>5783</v>
      </c>
      <c r="BG185" s="21">
        <v>5629</v>
      </c>
      <c r="BH185" s="21">
        <v>5451</v>
      </c>
      <c r="BI185" s="21">
        <v>5184</v>
      </c>
      <c r="BJ185" s="14"/>
      <c r="BK185" s="16"/>
      <c r="BL185" s="9"/>
      <c r="BM185" s="9"/>
      <c r="BN185" s="9" t="s">
        <v>39</v>
      </c>
      <c r="BO185" s="9" t="s">
        <v>27</v>
      </c>
      <c r="BP185" s="21">
        <f t="shared" si="275"/>
        <v>16</v>
      </c>
      <c r="BQ185" s="21">
        <f t="shared" si="276"/>
        <v>23</v>
      </c>
      <c r="BR185" s="21">
        <f t="shared" si="277"/>
        <v>36</v>
      </c>
      <c r="BS185" s="21">
        <f t="shared" si="278"/>
        <v>37</v>
      </c>
      <c r="BT185" s="21">
        <f t="shared" si="279"/>
        <v>32</v>
      </c>
      <c r="BU185" s="21">
        <f t="shared" si="280"/>
        <v>21</v>
      </c>
      <c r="BV185" s="21">
        <f t="shared" si="281"/>
        <v>82</v>
      </c>
      <c r="BW185" s="21">
        <f t="shared" si="282"/>
        <v>62</v>
      </c>
      <c r="BX185" s="21">
        <f t="shared" si="283"/>
        <v>-1016</v>
      </c>
      <c r="BY185" s="21">
        <f t="shared" si="284"/>
        <v>-1098</v>
      </c>
      <c r="BZ185" s="21">
        <f t="shared" si="285"/>
        <v>-982</v>
      </c>
      <c r="CA185" s="21">
        <f t="shared" si="286"/>
        <v>-1211</v>
      </c>
      <c r="CB185" s="21">
        <f t="shared" si="287"/>
        <v>-2761</v>
      </c>
      <c r="CC185" s="21">
        <f t="shared" si="288"/>
        <v>-3133</v>
      </c>
      <c r="CD185" s="21">
        <f t="shared" si="289"/>
        <v>-3170</v>
      </c>
      <c r="CE185" s="21">
        <f t="shared" si="290"/>
        <v>-3317</v>
      </c>
      <c r="CF185" s="21">
        <f t="shared" si="291"/>
        <v>-3180</v>
      </c>
      <c r="CG185" s="21">
        <f t="shared" si="292"/>
        <v>-3665</v>
      </c>
      <c r="CH185" s="21">
        <f t="shared" si="293"/>
        <v>-3742</v>
      </c>
      <c r="CI185" s="21">
        <f t="shared" si="294"/>
        <v>-2157</v>
      </c>
      <c r="CJ185" s="21">
        <f t="shared" si="295"/>
        <v>-2205</v>
      </c>
      <c r="CK185" s="21">
        <f t="shared" si="296"/>
        <v>-2707</v>
      </c>
      <c r="CL185" s="21">
        <f t="shared" si="297"/>
        <v>-2660</v>
      </c>
      <c r="CM185" s="21">
        <f t="shared" si="298"/>
        <v>-2190</v>
      </c>
      <c r="CN185" s="21">
        <f t="shared" si="299"/>
        <v>-547</v>
      </c>
      <c r="CO185" s="20"/>
    </row>
    <row r="186" spans="1:93" x14ac:dyDescent="0.7">
      <c r="A186" s="7"/>
      <c r="E186" s="8" t="s">
        <v>28</v>
      </c>
      <c r="F186" s="42">
        <v>4545</v>
      </c>
      <c r="G186" s="42">
        <v>4042</v>
      </c>
      <c r="H186" s="42">
        <v>5206</v>
      </c>
      <c r="I186" s="42">
        <v>4521</v>
      </c>
      <c r="J186" s="42">
        <v>4307</v>
      </c>
      <c r="K186" s="42">
        <v>5989</v>
      </c>
      <c r="L186" s="42">
        <v>6625</v>
      </c>
      <c r="M186" s="42">
        <v>6570</v>
      </c>
      <c r="N186" s="42">
        <v>6461</v>
      </c>
      <c r="O186" s="42">
        <v>8032</v>
      </c>
      <c r="P186" s="42">
        <v>7582</v>
      </c>
      <c r="Q186" s="42">
        <v>7834</v>
      </c>
      <c r="R186" s="42">
        <v>8717</v>
      </c>
      <c r="S186" s="42">
        <v>9550</v>
      </c>
      <c r="T186" s="42">
        <v>9241</v>
      </c>
      <c r="U186" s="42">
        <v>9352</v>
      </c>
      <c r="V186" s="42">
        <v>8551</v>
      </c>
      <c r="W186" s="42">
        <v>9548</v>
      </c>
      <c r="X186" s="42">
        <v>9341</v>
      </c>
      <c r="Y186" s="42">
        <v>7115</v>
      </c>
      <c r="Z186" s="42">
        <v>7045</v>
      </c>
      <c r="AA186" s="42">
        <v>7869</v>
      </c>
      <c r="AB186" s="42">
        <v>7679</v>
      </c>
      <c r="AC186" s="42">
        <v>6975</v>
      </c>
      <c r="AD186" s="42">
        <v>5585</v>
      </c>
      <c r="AE186" s="7"/>
      <c r="AF186" s="13"/>
      <c r="AG186" s="9"/>
      <c r="AH186" s="9"/>
      <c r="AI186" s="9"/>
      <c r="AJ186" s="9" t="s">
        <v>28</v>
      </c>
      <c r="AK186" s="21">
        <v>4560</v>
      </c>
      <c r="AL186" s="21">
        <v>4065</v>
      </c>
      <c r="AM186" s="21">
        <v>5243</v>
      </c>
      <c r="AN186" s="21">
        <v>4559</v>
      </c>
      <c r="AO186" s="21">
        <v>4338</v>
      </c>
      <c r="AP186" s="21">
        <v>6010</v>
      </c>
      <c r="AQ186" s="21">
        <v>6707</v>
      </c>
      <c r="AR186" s="21">
        <v>6632</v>
      </c>
      <c r="AS186" s="21">
        <v>5711</v>
      </c>
      <c r="AT186" s="21">
        <v>7248</v>
      </c>
      <c r="AU186" s="21">
        <v>6906</v>
      </c>
      <c r="AV186" s="21">
        <v>6957</v>
      </c>
      <c r="AW186" s="21">
        <v>6238</v>
      </c>
      <c r="AX186" s="21">
        <v>6715</v>
      </c>
      <c r="AY186" s="21">
        <v>6380</v>
      </c>
      <c r="AZ186" s="21">
        <v>6350</v>
      </c>
      <c r="BA186" s="21">
        <v>5691</v>
      </c>
      <c r="BB186" s="21">
        <v>6224</v>
      </c>
      <c r="BC186" s="21">
        <v>5946</v>
      </c>
      <c r="BD186" s="21">
        <v>5419</v>
      </c>
      <c r="BE186" s="21">
        <v>5258</v>
      </c>
      <c r="BF186" s="21">
        <v>5610</v>
      </c>
      <c r="BG186" s="21">
        <v>5458</v>
      </c>
      <c r="BH186" s="21">
        <v>5285</v>
      </c>
      <c r="BI186" s="21">
        <v>5023</v>
      </c>
      <c r="BJ186" s="14"/>
      <c r="BK186" s="16"/>
      <c r="BL186" s="9"/>
      <c r="BM186" s="9"/>
      <c r="BN186" s="9"/>
      <c r="BO186" s="9" t="s">
        <v>28</v>
      </c>
      <c r="BP186" s="21">
        <f t="shared" si="275"/>
        <v>15</v>
      </c>
      <c r="BQ186" s="21">
        <f t="shared" si="276"/>
        <v>23</v>
      </c>
      <c r="BR186" s="21">
        <f t="shared" si="277"/>
        <v>37</v>
      </c>
      <c r="BS186" s="21">
        <f t="shared" si="278"/>
        <v>38</v>
      </c>
      <c r="BT186" s="21">
        <f t="shared" si="279"/>
        <v>31</v>
      </c>
      <c r="BU186" s="21">
        <f t="shared" si="280"/>
        <v>21</v>
      </c>
      <c r="BV186" s="21">
        <f t="shared" si="281"/>
        <v>82</v>
      </c>
      <c r="BW186" s="21">
        <f t="shared" si="282"/>
        <v>62</v>
      </c>
      <c r="BX186" s="21">
        <f t="shared" si="283"/>
        <v>-750</v>
      </c>
      <c r="BY186" s="21">
        <f t="shared" si="284"/>
        <v>-784</v>
      </c>
      <c r="BZ186" s="21">
        <f t="shared" si="285"/>
        <v>-676</v>
      </c>
      <c r="CA186" s="21">
        <f t="shared" si="286"/>
        <v>-877</v>
      </c>
      <c r="CB186" s="21">
        <f t="shared" si="287"/>
        <v>-2479</v>
      </c>
      <c r="CC186" s="21">
        <f t="shared" si="288"/>
        <v>-2835</v>
      </c>
      <c r="CD186" s="21">
        <f t="shared" si="289"/>
        <v>-2861</v>
      </c>
      <c r="CE186" s="21">
        <f t="shared" si="290"/>
        <v>-3002</v>
      </c>
      <c r="CF186" s="21">
        <f t="shared" si="291"/>
        <v>-2860</v>
      </c>
      <c r="CG186" s="21">
        <f t="shared" si="292"/>
        <v>-3324</v>
      </c>
      <c r="CH186" s="21">
        <f t="shared" si="293"/>
        <v>-3395</v>
      </c>
      <c r="CI186" s="21">
        <f t="shared" si="294"/>
        <v>-1696</v>
      </c>
      <c r="CJ186" s="21">
        <f t="shared" si="295"/>
        <v>-1787</v>
      </c>
      <c r="CK186" s="21">
        <f t="shared" si="296"/>
        <v>-2259</v>
      </c>
      <c r="CL186" s="21">
        <f t="shared" si="297"/>
        <v>-2221</v>
      </c>
      <c r="CM186" s="21">
        <f t="shared" si="298"/>
        <v>-1690</v>
      </c>
      <c r="CN186" s="21">
        <f t="shared" si="299"/>
        <v>-562</v>
      </c>
      <c r="CO186" s="20"/>
    </row>
    <row r="187" spans="1:93" x14ac:dyDescent="0.7">
      <c r="A187" s="7"/>
      <c r="E187" s="8" t="s">
        <v>29</v>
      </c>
      <c r="F187" s="42">
        <v>111</v>
      </c>
      <c r="G187" s="42">
        <v>92</v>
      </c>
      <c r="H187" s="42">
        <v>112</v>
      </c>
      <c r="I187" s="42">
        <v>92</v>
      </c>
      <c r="J187" s="42">
        <v>82</v>
      </c>
      <c r="K187" s="42">
        <v>104</v>
      </c>
      <c r="L187" s="42">
        <v>109</v>
      </c>
      <c r="M187" s="42">
        <v>95</v>
      </c>
      <c r="N187" s="42">
        <v>96</v>
      </c>
      <c r="O187" s="42">
        <v>120</v>
      </c>
      <c r="P187" s="42">
        <v>113</v>
      </c>
      <c r="Q187" s="42">
        <v>103</v>
      </c>
      <c r="R187" s="42">
        <v>92</v>
      </c>
      <c r="S187" s="42">
        <v>108</v>
      </c>
      <c r="T187" s="42">
        <v>112</v>
      </c>
      <c r="U187" s="42">
        <v>124</v>
      </c>
      <c r="V187" s="42">
        <v>51</v>
      </c>
      <c r="W187" s="42">
        <v>51</v>
      </c>
      <c r="X187" s="42">
        <v>45</v>
      </c>
      <c r="Y187" s="42">
        <v>37</v>
      </c>
      <c r="Z187" s="42">
        <v>35</v>
      </c>
      <c r="AA187" s="42">
        <v>34</v>
      </c>
      <c r="AB187" s="42">
        <v>30</v>
      </c>
      <c r="AC187" s="42">
        <v>27</v>
      </c>
      <c r="AD187" s="42">
        <v>24</v>
      </c>
      <c r="AE187" s="7"/>
      <c r="AF187" s="13"/>
      <c r="AG187" s="9"/>
      <c r="AH187" s="9"/>
      <c r="AI187" s="9"/>
      <c r="AJ187" s="9" t="s">
        <v>29</v>
      </c>
      <c r="AK187" s="21">
        <v>111</v>
      </c>
      <c r="AL187" s="21">
        <v>92</v>
      </c>
      <c r="AM187" s="21">
        <v>112</v>
      </c>
      <c r="AN187" s="21">
        <v>92</v>
      </c>
      <c r="AO187" s="21">
        <v>83</v>
      </c>
      <c r="AP187" s="21">
        <v>104</v>
      </c>
      <c r="AQ187" s="21">
        <v>110</v>
      </c>
      <c r="AR187" s="21">
        <v>95</v>
      </c>
      <c r="AS187" s="21">
        <v>93</v>
      </c>
      <c r="AT187" s="21">
        <v>109</v>
      </c>
      <c r="AU187" s="21">
        <v>95</v>
      </c>
      <c r="AV187" s="21">
        <v>81</v>
      </c>
      <c r="AW187" s="21">
        <v>69</v>
      </c>
      <c r="AX187" s="21">
        <v>69</v>
      </c>
      <c r="AY187" s="21">
        <v>59</v>
      </c>
      <c r="AZ187" s="21">
        <v>59</v>
      </c>
      <c r="BA187" s="21">
        <v>50</v>
      </c>
      <c r="BB187" s="21">
        <v>51</v>
      </c>
      <c r="BC187" s="21">
        <v>44</v>
      </c>
      <c r="BD187" s="21">
        <v>37</v>
      </c>
      <c r="BE187" s="21">
        <v>35</v>
      </c>
      <c r="BF187" s="21">
        <v>34</v>
      </c>
      <c r="BG187" s="21">
        <v>30</v>
      </c>
      <c r="BH187" s="21">
        <v>27</v>
      </c>
      <c r="BI187" s="21">
        <v>24</v>
      </c>
      <c r="BJ187" s="14"/>
      <c r="BK187" s="16"/>
      <c r="BL187" s="9"/>
      <c r="BM187" s="9"/>
      <c r="BN187" s="9"/>
      <c r="BO187" s="9" t="s">
        <v>29</v>
      </c>
      <c r="BP187" s="21">
        <f t="shared" si="275"/>
        <v>0</v>
      </c>
      <c r="BQ187" s="21">
        <f t="shared" si="276"/>
        <v>0</v>
      </c>
      <c r="BR187" s="21">
        <f t="shared" si="277"/>
        <v>0</v>
      </c>
      <c r="BS187" s="21">
        <f t="shared" si="278"/>
        <v>0</v>
      </c>
      <c r="BT187" s="21">
        <f t="shared" si="279"/>
        <v>1</v>
      </c>
      <c r="BU187" s="21">
        <f t="shared" si="280"/>
        <v>0</v>
      </c>
      <c r="BV187" s="21">
        <f t="shared" si="281"/>
        <v>1</v>
      </c>
      <c r="BW187" s="21">
        <f t="shared" si="282"/>
        <v>0</v>
      </c>
      <c r="BX187" s="21">
        <f t="shared" si="283"/>
        <v>-3</v>
      </c>
      <c r="BY187" s="21">
        <f t="shared" si="284"/>
        <v>-11</v>
      </c>
      <c r="BZ187" s="21">
        <f t="shared" si="285"/>
        <v>-18</v>
      </c>
      <c r="CA187" s="21">
        <f t="shared" si="286"/>
        <v>-22</v>
      </c>
      <c r="CB187" s="21">
        <f t="shared" si="287"/>
        <v>-23</v>
      </c>
      <c r="CC187" s="21">
        <f t="shared" si="288"/>
        <v>-39</v>
      </c>
      <c r="CD187" s="21">
        <f t="shared" si="289"/>
        <v>-53</v>
      </c>
      <c r="CE187" s="21">
        <f t="shared" si="290"/>
        <v>-65</v>
      </c>
      <c r="CF187" s="21">
        <f t="shared" si="291"/>
        <v>-1</v>
      </c>
      <c r="CG187" s="21">
        <f t="shared" si="292"/>
        <v>0</v>
      </c>
      <c r="CH187" s="21">
        <f t="shared" si="293"/>
        <v>-1</v>
      </c>
      <c r="CI187" s="21">
        <f t="shared" si="294"/>
        <v>0</v>
      </c>
      <c r="CJ187" s="21">
        <f t="shared" si="295"/>
        <v>0</v>
      </c>
      <c r="CK187" s="21">
        <f t="shared" si="296"/>
        <v>0</v>
      </c>
      <c r="CL187" s="21">
        <f t="shared" si="297"/>
        <v>0</v>
      </c>
      <c r="CM187" s="21">
        <f t="shared" si="298"/>
        <v>0</v>
      </c>
      <c r="CN187" s="21">
        <f t="shared" si="299"/>
        <v>0</v>
      </c>
      <c r="CO187" s="20"/>
    </row>
    <row r="188" spans="1:93" x14ac:dyDescent="0.7">
      <c r="A188" s="7"/>
      <c r="E188" s="8" t="s">
        <v>30</v>
      </c>
      <c r="F188" s="42">
        <v>3546</v>
      </c>
      <c r="G188" s="42">
        <v>3136</v>
      </c>
      <c r="H188" s="42">
        <v>4074</v>
      </c>
      <c r="I188" s="42">
        <v>3468</v>
      </c>
      <c r="J188" s="42">
        <v>3141</v>
      </c>
      <c r="K188" s="42">
        <v>4420</v>
      </c>
      <c r="L188" s="42">
        <v>4894</v>
      </c>
      <c r="M188" s="42">
        <v>4754</v>
      </c>
      <c r="N188" s="42">
        <v>4628</v>
      </c>
      <c r="O188" s="42">
        <v>5805</v>
      </c>
      <c r="P188" s="42">
        <v>5410</v>
      </c>
      <c r="Q188" s="42">
        <v>5349</v>
      </c>
      <c r="R188" s="42">
        <v>5506</v>
      </c>
      <c r="S188" s="42">
        <v>6107</v>
      </c>
      <c r="T188" s="42">
        <v>5952</v>
      </c>
      <c r="U188" s="42">
        <v>6197</v>
      </c>
      <c r="V188" s="42">
        <v>5867</v>
      </c>
      <c r="W188" s="42">
        <v>6721</v>
      </c>
      <c r="X188" s="42">
        <v>6626</v>
      </c>
      <c r="Y188" s="42">
        <v>4279</v>
      </c>
      <c r="Z188" s="42">
        <v>4346</v>
      </c>
      <c r="AA188" s="42">
        <v>4753</v>
      </c>
      <c r="AB188" s="42">
        <v>4607</v>
      </c>
      <c r="AC188" s="42">
        <v>4632</v>
      </c>
      <c r="AD188" s="42">
        <v>3944</v>
      </c>
      <c r="AE188" s="7"/>
      <c r="AF188" s="13"/>
      <c r="AG188" s="9"/>
      <c r="AH188" s="9"/>
      <c r="AI188" s="9"/>
      <c r="AJ188" s="9" t="s">
        <v>30</v>
      </c>
      <c r="AK188" s="21">
        <v>3556</v>
      </c>
      <c r="AL188" s="21">
        <v>3152</v>
      </c>
      <c r="AM188" s="21">
        <v>4100</v>
      </c>
      <c r="AN188" s="21">
        <v>3493</v>
      </c>
      <c r="AO188" s="21">
        <v>3162</v>
      </c>
      <c r="AP188" s="21">
        <v>4429</v>
      </c>
      <c r="AQ188" s="21">
        <v>4951</v>
      </c>
      <c r="AR188" s="21">
        <v>4790</v>
      </c>
      <c r="AS188" s="21">
        <v>4313</v>
      </c>
      <c r="AT188" s="21">
        <v>5500</v>
      </c>
      <c r="AU188" s="21">
        <v>5200</v>
      </c>
      <c r="AV188" s="21">
        <v>5047</v>
      </c>
      <c r="AW188" s="21">
        <v>4345</v>
      </c>
      <c r="AX188" s="21">
        <v>4635</v>
      </c>
      <c r="AY188" s="21">
        <v>4358</v>
      </c>
      <c r="AZ188" s="21">
        <v>4363</v>
      </c>
      <c r="BA188" s="21">
        <v>3864</v>
      </c>
      <c r="BB188" s="21">
        <v>4235</v>
      </c>
      <c r="BC188" s="21">
        <v>3981</v>
      </c>
      <c r="BD188" s="21">
        <v>3558</v>
      </c>
      <c r="BE188" s="21">
        <v>3398</v>
      </c>
      <c r="BF188" s="21">
        <v>3602</v>
      </c>
      <c r="BG188" s="21">
        <v>3444</v>
      </c>
      <c r="BH188" s="21">
        <v>3245</v>
      </c>
      <c r="BI188" s="21">
        <v>3119</v>
      </c>
      <c r="BJ188" s="14"/>
      <c r="BK188" s="16"/>
      <c r="BL188" s="9"/>
      <c r="BM188" s="9"/>
      <c r="BN188" s="9"/>
      <c r="BO188" s="9" t="s">
        <v>30</v>
      </c>
      <c r="BP188" s="21">
        <f t="shared" si="275"/>
        <v>10</v>
      </c>
      <c r="BQ188" s="21">
        <f t="shared" si="276"/>
        <v>16</v>
      </c>
      <c r="BR188" s="21">
        <f t="shared" si="277"/>
        <v>26</v>
      </c>
      <c r="BS188" s="21">
        <f t="shared" si="278"/>
        <v>25</v>
      </c>
      <c r="BT188" s="21">
        <f t="shared" si="279"/>
        <v>21</v>
      </c>
      <c r="BU188" s="21">
        <f t="shared" si="280"/>
        <v>9</v>
      </c>
      <c r="BV188" s="21">
        <f t="shared" si="281"/>
        <v>57</v>
      </c>
      <c r="BW188" s="21">
        <f t="shared" si="282"/>
        <v>36</v>
      </c>
      <c r="BX188" s="21">
        <f t="shared" si="283"/>
        <v>-315</v>
      </c>
      <c r="BY188" s="21">
        <f t="shared" si="284"/>
        <v>-305</v>
      </c>
      <c r="BZ188" s="21">
        <f t="shared" si="285"/>
        <v>-210</v>
      </c>
      <c r="CA188" s="21">
        <f t="shared" si="286"/>
        <v>-302</v>
      </c>
      <c r="CB188" s="21">
        <f t="shared" si="287"/>
        <v>-1161</v>
      </c>
      <c r="CC188" s="21">
        <f t="shared" si="288"/>
        <v>-1472</v>
      </c>
      <c r="CD188" s="21">
        <f t="shared" si="289"/>
        <v>-1594</v>
      </c>
      <c r="CE188" s="21">
        <f t="shared" si="290"/>
        <v>-1834</v>
      </c>
      <c r="CF188" s="21">
        <f t="shared" si="291"/>
        <v>-2003</v>
      </c>
      <c r="CG188" s="21">
        <f t="shared" si="292"/>
        <v>-2486</v>
      </c>
      <c r="CH188" s="21">
        <f t="shared" si="293"/>
        <v>-2645</v>
      </c>
      <c r="CI188" s="21">
        <f t="shared" si="294"/>
        <v>-721</v>
      </c>
      <c r="CJ188" s="21">
        <f t="shared" si="295"/>
        <v>-948</v>
      </c>
      <c r="CK188" s="21">
        <f t="shared" si="296"/>
        <v>-1151</v>
      </c>
      <c r="CL188" s="21">
        <f t="shared" si="297"/>
        <v>-1163</v>
      </c>
      <c r="CM188" s="21">
        <f t="shared" si="298"/>
        <v>-1387</v>
      </c>
      <c r="CN188" s="21">
        <f t="shared" si="299"/>
        <v>-825</v>
      </c>
      <c r="CO188" s="20"/>
    </row>
    <row r="189" spans="1:93" x14ac:dyDescent="0.7">
      <c r="A189" s="7"/>
      <c r="E189" s="8" t="s">
        <v>31</v>
      </c>
      <c r="F189" s="42">
        <v>888</v>
      </c>
      <c r="G189" s="42">
        <v>814</v>
      </c>
      <c r="H189" s="42">
        <v>1020</v>
      </c>
      <c r="I189" s="42">
        <v>961</v>
      </c>
      <c r="J189" s="42">
        <v>1084</v>
      </c>
      <c r="K189" s="42">
        <v>1465</v>
      </c>
      <c r="L189" s="42">
        <v>1622</v>
      </c>
      <c r="M189" s="42">
        <v>1721</v>
      </c>
      <c r="N189" s="42">
        <v>1737</v>
      </c>
      <c r="O189" s="42">
        <v>2107</v>
      </c>
      <c r="P189" s="42">
        <v>2059</v>
      </c>
      <c r="Q189" s="42">
        <v>2382</v>
      </c>
      <c r="R189" s="42">
        <v>3119</v>
      </c>
      <c r="S189" s="42">
        <v>3387</v>
      </c>
      <c r="T189" s="42">
        <v>3256</v>
      </c>
      <c r="U189" s="42">
        <v>3103</v>
      </c>
      <c r="V189" s="42">
        <v>2701</v>
      </c>
      <c r="W189" s="42">
        <v>2832</v>
      </c>
      <c r="X189" s="42">
        <v>2670</v>
      </c>
      <c r="Y189" s="42">
        <v>2799</v>
      </c>
      <c r="Z189" s="42">
        <v>2664</v>
      </c>
      <c r="AA189" s="42">
        <v>3081</v>
      </c>
      <c r="AB189" s="42">
        <v>3042</v>
      </c>
      <c r="AC189" s="42">
        <v>2316</v>
      </c>
      <c r="AD189" s="42">
        <v>1618</v>
      </c>
      <c r="AE189" s="7"/>
      <c r="AF189" s="13"/>
      <c r="AG189" s="9"/>
      <c r="AH189" s="9"/>
      <c r="AI189" s="9"/>
      <c r="AJ189" s="9" t="s">
        <v>31</v>
      </c>
      <c r="AK189" s="21">
        <v>893</v>
      </c>
      <c r="AL189" s="21">
        <v>821</v>
      </c>
      <c r="AM189" s="21">
        <v>1031</v>
      </c>
      <c r="AN189" s="21">
        <v>973</v>
      </c>
      <c r="AO189" s="21">
        <v>1093</v>
      </c>
      <c r="AP189" s="21">
        <v>1476</v>
      </c>
      <c r="AQ189" s="21">
        <v>1646</v>
      </c>
      <c r="AR189" s="21">
        <v>1748</v>
      </c>
      <c r="AS189" s="21">
        <v>1305</v>
      </c>
      <c r="AT189" s="21">
        <v>1639</v>
      </c>
      <c r="AU189" s="21">
        <v>1610</v>
      </c>
      <c r="AV189" s="21">
        <v>1829</v>
      </c>
      <c r="AW189" s="21">
        <v>1844</v>
      </c>
      <c r="AX189" s="21">
        <v>2037</v>
      </c>
      <c r="AY189" s="21">
        <v>1989</v>
      </c>
      <c r="AZ189" s="21">
        <v>1954</v>
      </c>
      <c r="BA189" s="21">
        <v>1797</v>
      </c>
      <c r="BB189" s="21">
        <v>1952</v>
      </c>
      <c r="BC189" s="21">
        <v>1920</v>
      </c>
      <c r="BD189" s="21">
        <v>1824</v>
      </c>
      <c r="BE189" s="21">
        <v>1825</v>
      </c>
      <c r="BF189" s="21">
        <v>1974</v>
      </c>
      <c r="BG189" s="21">
        <v>1983</v>
      </c>
      <c r="BH189" s="21">
        <v>2014</v>
      </c>
      <c r="BI189" s="21">
        <v>1881</v>
      </c>
      <c r="BJ189" s="14"/>
      <c r="BK189" s="16"/>
      <c r="BL189" s="9"/>
      <c r="BM189" s="9"/>
      <c r="BN189" s="9"/>
      <c r="BO189" s="9" t="s">
        <v>31</v>
      </c>
      <c r="BP189" s="21">
        <f t="shared" si="275"/>
        <v>5</v>
      </c>
      <c r="BQ189" s="21">
        <f t="shared" si="276"/>
        <v>7</v>
      </c>
      <c r="BR189" s="21">
        <f t="shared" si="277"/>
        <v>11</v>
      </c>
      <c r="BS189" s="21">
        <f t="shared" si="278"/>
        <v>12</v>
      </c>
      <c r="BT189" s="21">
        <f t="shared" si="279"/>
        <v>9</v>
      </c>
      <c r="BU189" s="21">
        <f t="shared" si="280"/>
        <v>11</v>
      </c>
      <c r="BV189" s="21">
        <f t="shared" si="281"/>
        <v>24</v>
      </c>
      <c r="BW189" s="21">
        <f t="shared" si="282"/>
        <v>27</v>
      </c>
      <c r="BX189" s="21">
        <f t="shared" si="283"/>
        <v>-432</v>
      </c>
      <c r="BY189" s="21">
        <f t="shared" si="284"/>
        <v>-468</v>
      </c>
      <c r="BZ189" s="21">
        <f t="shared" si="285"/>
        <v>-449</v>
      </c>
      <c r="CA189" s="21">
        <f t="shared" si="286"/>
        <v>-553</v>
      </c>
      <c r="CB189" s="21">
        <f t="shared" si="287"/>
        <v>-1275</v>
      </c>
      <c r="CC189" s="21">
        <f t="shared" si="288"/>
        <v>-1350</v>
      </c>
      <c r="CD189" s="21">
        <f t="shared" si="289"/>
        <v>-1267</v>
      </c>
      <c r="CE189" s="21">
        <f t="shared" si="290"/>
        <v>-1149</v>
      </c>
      <c r="CF189" s="21">
        <f t="shared" si="291"/>
        <v>-904</v>
      </c>
      <c r="CG189" s="21">
        <f t="shared" si="292"/>
        <v>-880</v>
      </c>
      <c r="CH189" s="21">
        <f t="shared" si="293"/>
        <v>-750</v>
      </c>
      <c r="CI189" s="21">
        <f t="shared" si="294"/>
        <v>-975</v>
      </c>
      <c r="CJ189" s="21">
        <f t="shared" si="295"/>
        <v>-839</v>
      </c>
      <c r="CK189" s="21">
        <f t="shared" si="296"/>
        <v>-1107</v>
      </c>
      <c r="CL189" s="21">
        <f t="shared" si="297"/>
        <v>-1059</v>
      </c>
      <c r="CM189" s="21">
        <f t="shared" si="298"/>
        <v>-302</v>
      </c>
      <c r="CN189" s="21">
        <f t="shared" si="299"/>
        <v>263</v>
      </c>
      <c r="CO189" s="20"/>
    </row>
    <row r="190" spans="1:93" x14ac:dyDescent="0.7">
      <c r="A190" s="7"/>
      <c r="E190" s="8" t="s">
        <v>32</v>
      </c>
      <c r="F190" s="42">
        <v>160</v>
      </c>
      <c r="G190" s="42">
        <v>122</v>
      </c>
      <c r="H190" s="42">
        <v>170</v>
      </c>
      <c r="I190" s="42">
        <v>133</v>
      </c>
      <c r="J190" s="42">
        <v>124</v>
      </c>
      <c r="K190" s="42">
        <v>185</v>
      </c>
      <c r="L190" s="42">
        <v>319</v>
      </c>
      <c r="M190" s="42">
        <v>441</v>
      </c>
      <c r="N190" s="42">
        <v>437</v>
      </c>
      <c r="O190" s="42">
        <v>541</v>
      </c>
      <c r="P190" s="42">
        <v>526</v>
      </c>
      <c r="Q190" s="42">
        <v>541</v>
      </c>
      <c r="R190" s="42">
        <v>526</v>
      </c>
      <c r="S190" s="42">
        <v>531</v>
      </c>
      <c r="T190" s="42">
        <v>535</v>
      </c>
      <c r="U190" s="42">
        <v>522</v>
      </c>
      <c r="V190" s="42">
        <v>521</v>
      </c>
      <c r="W190" s="42">
        <v>532</v>
      </c>
      <c r="X190" s="42">
        <v>531</v>
      </c>
      <c r="Y190" s="42">
        <v>630</v>
      </c>
      <c r="Z190" s="42">
        <v>579</v>
      </c>
      <c r="AA190" s="42">
        <v>622</v>
      </c>
      <c r="AB190" s="42">
        <v>610</v>
      </c>
      <c r="AC190" s="42">
        <v>667</v>
      </c>
      <c r="AD190" s="42">
        <v>146</v>
      </c>
      <c r="AE190" s="7"/>
      <c r="AF190" s="13"/>
      <c r="AG190" s="9"/>
      <c r="AH190" s="9"/>
      <c r="AI190" s="9"/>
      <c r="AJ190" s="9" t="s">
        <v>32</v>
      </c>
      <c r="AK190" s="21">
        <v>160</v>
      </c>
      <c r="AL190" s="21">
        <v>122</v>
      </c>
      <c r="AM190" s="21">
        <v>170</v>
      </c>
      <c r="AN190" s="21">
        <v>133</v>
      </c>
      <c r="AO190" s="21">
        <v>125</v>
      </c>
      <c r="AP190" s="21">
        <v>185</v>
      </c>
      <c r="AQ190" s="21">
        <v>320</v>
      </c>
      <c r="AR190" s="21">
        <v>441</v>
      </c>
      <c r="AS190" s="21">
        <v>171</v>
      </c>
      <c r="AT190" s="21">
        <v>227</v>
      </c>
      <c r="AU190" s="21">
        <v>220</v>
      </c>
      <c r="AV190" s="21">
        <v>208</v>
      </c>
      <c r="AW190" s="21">
        <v>208</v>
      </c>
      <c r="AX190" s="21">
        <v>206</v>
      </c>
      <c r="AY190" s="21">
        <v>203</v>
      </c>
      <c r="AZ190" s="21">
        <v>194</v>
      </c>
      <c r="BA190" s="21">
        <v>190</v>
      </c>
      <c r="BB190" s="21">
        <v>189</v>
      </c>
      <c r="BC190" s="21">
        <v>185</v>
      </c>
      <c r="BD190" s="21">
        <v>167</v>
      </c>
      <c r="BE190" s="21">
        <v>161</v>
      </c>
      <c r="BF190" s="21">
        <v>173</v>
      </c>
      <c r="BG190" s="21">
        <v>171</v>
      </c>
      <c r="BH190" s="21">
        <v>166</v>
      </c>
      <c r="BI190" s="21">
        <v>161</v>
      </c>
      <c r="BJ190" s="14"/>
      <c r="BK190" s="16"/>
      <c r="BL190" s="9"/>
      <c r="BM190" s="9"/>
      <c r="BN190" s="9"/>
      <c r="BO190" s="9" t="s">
        <v>32</v>
      </c>
      <c r="BP190" s="21">
        <f t="shared" si="275"/>
        <v>0</v>
      </c>
      <c r="BQ190" s="21">
        <f t="shared" si="276"/>
        <v>0</v>
      </c>
      <c r="BR190" s="21">
        <f t="shared" si="277"/>
        <v>0</v>
      </c>
      <c r="BS190" s="21">
        <f t="shared" si="278"/>
        <v>0</v>
      </c>
      <c r="BT190" s="21">
        <f t="shared" si="279"/>
        <v>1</v>
      </c>
      <c r="BU190" s="21">
        <f t="shared" si="280"/>
        <v>0</v>
      </c>
      <c r="BV190" s="21">
        <f t="shared" si="281"/>
        <v>1</v>
      </c>
      <c r="BW190" s="21">
        <f t="shared" si="282"/>
        <v>0</v>
      </c>
      <c r="BX190" s="21">
        <f t="shared" si="283"/>
        <v>-266</v>
      </c>
      <c r="BY190" s="21">
        <f t="shared" si="284"/>
        <v>-314</v>
      </c>
      <c r="BZ190" s="21">
        <f t="shared" si="285"/>
        <v>-306</v>
      </c>
      <c r="CA190" s="21">
        <f t="shared" si="286"/>
        <v>-333</v>
      </c>
      <c r="CB190" s="21">
        <f t="shared" si="287"/>
        <v>-318</v>
      </c>
      <c r="CC190" s="21">
        <f t="shared" si="288"/>
        <v>-325</v>
      </c>
      <c r="CD190" s="21">
        <f t="shared" si="289"/>
        <v>-332</v>
      </c>
      <c r="CE190" s="21">
        <f t="shared" si="290"/>
        <v>-328</v>
      </c>
      <c r="CF190" s="21">
        <f t="shared" si="291"/>
        <v>-331</v>
      </c>
      <c r="CG190" s="21">
        <f t="shared" si="292"/>
        <v>-343</v>
      </c>
      <c r="CH190" s="21">
        <f t="shared" si="293"/>
        <v>-346</v>
      </c>
      <c r="CI190" s="21">
        <f t="shared" si="294"/>
        <v>-463</v>
      </c>
      <c r="CJ190" s="21">
        <f t="shared" si="295"/>
        <v>-418</v>
      </c>
      <c r="CK190" s="21">
        <f t="shared" si="296"/>
        <v>-449</v>
      </c>
      <c r="CL190" s="21">
        <f t="shared" si="297"/>
        <v>-439</v>
      </c>
      <c r="CM190" s="21">
        <f t="shared" si="298"/>
        <v>-501</v>
      </c>
      <c r="CN190" s="21">
        <f t="shared" si="299"/>
        <v>15</v>
      </c>
      <c r="CO190" s="20"/>
    </row>
    <row r="191" spans="1:93" x14ac:dyDescent="0.7">
      <c r="A191" s="7"/>
      <c r="E191" s="8" t="s">
        <v>33</v>
      </c>
      <c r="F191" s="42">
        <v>160</v>
      </c>
      <c r="G191" s="42">
        <v>122</v>
      </c>
      <c r="H191" s="42">
        <v>170</v>
      </c>
      <c r="I191" s="42">
        <v>133</v>
      </c>
      <c r="J191" s="42">
        <v>124</v>
      </c>
      <c r="K191" s="42">
        <v>185</v>
      </c>
      <c r="L191" s="42">
        <v>319</v>
      </c>
      <c r="M191" s="42">
        <v>441</v>
      </c>
      <c r="N191" s="42">
        <v>437</v>
      </c>
      <c r="O191" s="42">
        <v>541</v>
      </c>
      <c r="P191" s="42">
        <v>526</v>
      </c>
      <c r="Q191" s="42">
        <v>541</v>
      </c>
      <c r="R191" s="42">
        <v>526</v>
      </c>
      <c r="S191" s="42">
        <v>531</v>
      </c>
      <c r="T191" s="42">
        <v>535</v>
      </c>
      <c r="U191" s="42">
        <v>522</v>
      </c>
      <c r="V191" s="42">
        <v>521</v>
      </c>
      <c r="W191" s="42">
        <v>532</v>
      </c>
      <c r="X191" s="42">
        <v>531</v>
      </c>
      <c r="Y191" s="42">
        <v>630</v>
      </c>
      <c r="Z191" s="42">
        <v>579</v>
      </c>
      <c r="AA191" s="42">
        <v>622</v>
      </c>
      <c r="AB191" s="42">
        <v>610</v>
      </c>
      <c r="AC191" s="42">
        <v>667</v>
      </c>
      <c r="AD191" s="42">
        <v>146</v>
      </c>
      <c r="AE191" s="7"/>
      <c r="AF191" s="13"/>
      <c r="AG191" s="9"/>
      <c r="AH191" s="9"/>
      <c r="AI191" s="9"/>
      <c r="AJ191" s="9" t="s">
        <v>33</v>
      </c>
      <c r="AK191" s="21">
        <v>160</v>
      </c>
      <c r="AL191" s="21">
        <v>122</v>
      </c>
      <c r="AM191" s="21">
        <v>170</v>
      </c>
      <c r="AN191" s="21">
        <v>133</v>
      </c>
      <c r="AO191" s="21">
        <v>125</v>
      </c>
      <c r="AP191" s="21">
        <v>185</v>
      </c>
      <c r="AQ191" s="21">
        <v>320</v>
      </c>
      <c r="AR191" s="21">
        <v>441</v>
      </c>
      <c r="AS191" s="21">
        <v>171</v>
      </c>
      <c r="AT191" s="21">
        <v>227</v>
      </c>
      <c r="AU191" s="21">
        <v>220</v>
      </c>
      <c r="AV191" s="21">
        <v>208</v>
      </c>
      <c r="AW191" s="21">
        <v>208</v>
      </c>
      <c r="AX191" s="21">
        <v>206</v>
      </c>
      <c r="AY191" s="21">
        <v>203</v>
      </c>
      <c r="AZ191" s="21">
        <v>194</v>
      </c>
      <c r="BA191" s="21">
        <v>190</v>
      </c>
      <c r="BB191" s="21">
        <v>189</v>
      </c>
      <c r="BC191" s="21">
        <v>185</v>
      </c>
      <c r="BD191" s="21">
        <v>167</v>
      </c>
      <c r="BE191" s="21">
        <v>161</v>
      </c>
      <c r="BF191" s="21">
        <v>173</v>
      </c>
      <c r="BG191" s="21">
        <v>171</v>
      </c>
      <c r="BH191" s="21">
        <v>166</v>
      </c>
      <c r="BI191" s="21">
        <v>161</v>
      </c>
      <c r="BJ191" s="14"/>
      <c r="BK191" s="16"/>
      <c r="BL191" s="9"/>
      <c r="BM191" s="9"/>
      <c r="BN191" s="9"/>
      <c r="BO191" s="9" t="s">
        <v>33</v>
      </c>
      <c r="BP191" s="21">
        <f t="shared" si="275"/>
        <v>0</v>
      </c>
      <c r="BQ191" s="21">
        <f t="shared" si="276"/>
        <v>0</v>
      </c>
      <c r="BR191" s="21">
        <f t="shared" si="277"/>
        <v>0</v>
      </c>
      <c r="BS191" s="21">
        <f t="shared" si="278"/>
        <v>0</v>
      </c>
      <c r="BT191" s="21">
        <f t="shared" si="279"/>
        <v>1</v>
      </c>
      <c r="BU191" s="21">
        <f t="shared" si="280"/>
        <v>0</v>
      </c>
      <c r="BV191" s="21">
        <f t="shared" si="281"/>
        <v>1</v>
      </c>
      <c r="BW191" s="21">
        <f t="shared" si="282"/>
        <v>0</v>
      </c>
      <c r="BX191" s="21">
        <f t="shared" si="283"/>
        <v>-266</v>
      </c>
      <c r="BY191" s="21">
        <f t="shared" si="284"/>
        <v>-314</v>
      </c>
      <c r="BZ191" s="21">
        <f t="shared" si="285"/>
        <v>-306</v>
      </c>
      <c r="CA191" s="21">
        <f t="shared" si="286"/>
        <v>-333</v>
      </c>
      <c r="CB191" s="21">
        <f t="shared" si="287"/>
        <v>-318</v>
      </c>
      <c r="CC191" s="21">
        <f t="shared" si="288"/>
        <v>-325</v>
      </c>
      <c r="CD191" s="21">
        <f t="shared" si="289"/>
        <v>-332</v>
      </c>
      <c r="CE191" s="21">
        <f t="shared" si="290"/>
        <v>-328</v>
      </c>
      <c r="CF191" s="21">
        <f t="shared" si="291"/>
        <v>-331</v>
      </c>
      <c r="CG191" s="21">
        <f t="shared" si="292"/>
        <v>-343</v>
      </c>
      <c r="CH191" s="21">
        <f t="shared" si="293"/>
        <v>-346</v>
      </c>
      <c r="CI191" s="21">
        <f t="shared" si="294"/>
        <v>-463</v>
      </c>
      <c r="CJ191" s="21">
        <f t="shared" si="295"/>
        <v>-418</v>
      </c>
      <c r="CK191" s="21">
        <f t="shared" si="296"/>
        <v>-449</v>
      </c>
      <c r="CL191" s="21">
        <f t="shared" si="297"/>
        <v>-439</v>
      </c>
      <c r="CM191" s="21">
        <f t="shared" si="298"/>
        <v>-501</v>
      </c>
      <c r="CN191" s="21">
        <f t="shared" si="299"/>
        <v>15</v>
      </c>
      <c r="CO191" s="20"/>
    </row>
    <row r="192" spans="1:93" x14ac:dyDescent="0.7">
      <c r="A192" s="7"/>
      <c r="E192" s="8" t="s">
        <v>34</v>
      </c>
      <c r="F192" s="43" t="s">
        <v>40</v>
      </c>
      <c r="G192" s="43" t="s">
        <v>40</v>
      </c>
      <c r="H192" s="43" t="s">
        <v>40</v>
      </c>
      <c r="I192" s="43" t="s">
        <v>40</v>
      </c>
      <c r="J192" s="43" t="s">
        <v>40</v>
      </c>
      <c r="K192" s="43" t="s">
        <v>40</v>
      </c>
      <c r="L192" s="43" t="s">
        <v>40</v>
      </c>
      <c r="M192" s="43" t="s">
        <v>40</v>
      </c>
      <c r="N192" s="43" t="s">
        <v>40</v>
      </c>
      <c r="O192" s="43" t="s">
        <v>40</v>
      </c>
      <c r="P192" s="43" t="s">
        <v>40</v>
      </c>
      <c r="Q192" s="43" t="s">
        <v>40</v>
      </c>
      <c r="R192" s="43" t="s">
        <v>40</v>
      </c>
      <c r="S192" s="42">
        <v>0</v>
      </c>
      <c r="T192" s="42">
        <v>0</v>
      </c>
      <c r="U192" s="42">
        <v>0</v>
      </c>
      <c r="V192" s="42">
        <v>0</v>
      </c>
      <c r="W192" s="42">
        <v>0</v>
      </c>
      <c r="X192" s="43" t="s">
        <v>40</v>
      </c>
      <c r="Y192" s="43" t="s">
        <v>40</v>
      </c>
      <c r="Z192" s="43" t="s">
        <v>40</v>
      </c>
      <c r="AA192" s="43" t="s">
        <v>40</v>
      </c>
      <c r="AB192" s="43" t="s">
        <v>40</v>
      </c>
      <c r="AC192" s="43" t="s">
        <v>40</v>
      </c>
      <c r="AD192" s="43" t="s">
        <v>40</v>
      </c>
      <c r="AE192" s="7"/>
      <c r="AF192" s="13"/>
      <c r="AG192" s="9"/>
      <c r="AH192" s="9"/>
      <c r="AI192" s="9"/>
      <c r="AJ192" s="9" t="s">
        <v>34</v>
      </c>
      <c r="AK192" s="43" t="s">
        <v>40</v>
      </c>
      <c r="AL192" s="43" t="s">
        <v>40</v>
      </c>
      <c r="AM192" s="43" t="s">
        <v>40</v>
      </c>
      <c r="AN192" s="43" t="s">
        <v>40</v>
      </c>
      <c r="AO192" s="43" t="s">
        <v>40</v>
      </c>
      <c r="AP192" s="43" t="s">
        <v>40</v>
      </c>
      <c r="AQ192" s="43" t="s">
        <v>40</v>
      </c>
      <c r="AR192" s="43" t="s">
        <v>40</v>
      </c>
      <c r="AS192" s="43" t="s">
        <v>40</v>
      </c>
      <c r="AT192" s="43" t="s">
        <v>40</v>
      </c>
      <c r="AU192" s="43" t="s">
        <v>40</v>
      </c>
      <c r="AV192" s="43" t="s">
        <v>40</v>
      </c>
      <c r="AW192" s="43" t="s">
        <v>40</v>
      </c>
      <c r="AX192" s="43" t="s">
        <v>40</v>
      </c>
      <c r="AY192" s="43" t="s">
        <v>40</v>
      </c>
      <c r="AZ192" s="43" t="s">
        <v>40</v>
      </c>
      <c r="BA192" s="43" t="s">
        <v>40</v>
      </c>
      <c r="BB192" s="43" t="s">
        <v>40</v>
      </c>
      <c r="BC192" s="43" t="s">
        <v>40</v>
      </c>
      <c r="BD192" s="43" t="s">
        <v>40</v>
      </c>
      <c r="BE192" s="43" t="s">
        <v>40</v>
      </c>
      <c r="BF192" s="43" t="s">
        <v>40</v>
      </c>
      <c r="BG192" s="43" t="s">
        <v>40</v>
      </c>
      <c r="BH192" s="43" t="s">
        <v>40</v>
      </c>
      <c r="BI192" s="43" t="s">
        <v>40</v>
      </c>
      <c r="BJ192" s="14"/>
      <c r="BK192" s="16"/>
      <c r="BL192" s="9"/>
      <c r="BM192" s="9"/>
      <c r="BN192" s="9"/>
      <c r="BO192" s="9" t="s">
        <v>34</v>
      </c>
      <c r="BP192" s="43" t="s">
        <v>40</v>
      </c>
      <c r="BQ192" s="43" t="s">
        <v>40</v>
      </c>
      <c r="BR192" s="43" t="s">
        <v>40</v>
      </c>
      <c r="BS192" s="43" t="s">
        <v>40</v>
      </c>
      <c r="BT192" s="43" t="s">
        <v>40</v>
      </c>
      <c r="BU192" s="43" t="s">
        <v>40</v>
      </c>
      <c r="BV192" s="43" t="s">
        <v>40</v>
      </c>
      <c r="BW192" s="43" t="s">
        <v>40</v>
      </c>
      <c r="BX192" s="43" t="s">
        <v>40</v>
      </c>
      <c r="BY192" s="43" t="s">
        <v>40</v>
      </c>
      <c r="BZ192" s="43" t="s">
        <v>40</v>
      </c>
      <c r="CA192" s="43" t="s">
        <v>40</v>
      </c>
      <c r="CB192" s="43" t="s">
        <v>40</v>
      </c>
      <c r="CC192" s="43" t="s">
        <v>40</v>
      </c>
      <c r="CD192" s="43" t="s">
        <v>40</v>
      </c>
      <c r="CE192" s="43" t="s">
        <v>40</v>
      </c>
      <c r="CF192" s="43" t="s">
        <v>40</v>
      </c>
      <c r="CG192" s="43" t="s">
        <v>40</v>
      </c>
      <c r="CH192" s="43" t="s">
        <v>40</v>
      </c>
      <c r="CI192" s="43" t="s">
        <v>40</v>
      </c>
      <c r="CJ192" s="43" t="s">
        <v>40</v>
      </c>
      <c r="CK192" s="43" t="s">
        <v>40</v>
      </c>
      <c r="CL192" s="43" t="s">
        <v>40</v>
      </c>
      <c r="CM192" s="43" t="s">
        <v>40</v>
      </c>
      <c r="CN192" s="43" t="s">
        <v>40</v>
      </c>
      <c r="CO192" s="20"/>
    </row>
    <row r="193" spans="1:93" x14ac:dyDescent="0.7">
      <c r="A193" s="7"/>
      <c r="E193" s="8" t="s">
        <v>35</v>
      </c>
      <c r="F193" s="43" t="s">
        <v>40</v>
      </c>
      <c r="G193" s="43" t="s">
        <v>40</v>
      </c>
      <c r="H193" s="43" t="s">
        <v>40</v>
      </c>
      <c r="I193" s="43" t="s">
        <v>40</v>
      </c>
      <c r="J193" s="43" t="s">
        <v>40</v>
      </c>
      <c r="K193" s="43" t="s">
        <v>40</v>
      </c>
      <c r="L193" s="43" t="s">
        <v>40</v>
      </c>
      <c r="M193" s="43" t="s">
        <v>40</v>
      </c>
      <c r="N193" s="43" t="s">
        <v>40</v>
      </c>
      <c r="O193" s="43" t="s">
        <v>40</v>
      </c>
      <c r="P193" s="43" t="s">
        <v>40</v>
      </c>
      <c r="Q193" s="43" t="s">
        <v>40</v>
      </c>
      <c r="R193" s="43" t="s">
        <v>40</v>
      </c>
      <c r="S193" s="42">
        <v>0</v>
      </c>
      <c r="T193" s="42">
        <v>0</v>
      </c>
      <c r="U193" s="42">
        <v>0</v>
      </c>
      <c r="V193" s="42">
        <v>0</v>
      </c>
      <c r="W193" s="42">
        <v>0</v>
      </c>
      <c r="X193" s="43" t="s">
        <v>40</v>
      </c>
      <c r="Y193" s="43" t="s">
        <v>40</v>
      </c>
      <c r="Z193" s="43" t="s">
        <v>40</v>
      </c>
      <c r="AA193" s="43" t="s">
        <v>40</v>
      </c>
      <c r="AB193" s="43" t="s">
        <v>40</v>
      </c>
      <c r="AC193" s="43" t="s">
        <v>40</v>
      </c>
      <c r="AD193" s="43" t="s">
        <v>40</v>
      </c>
      <c r="AE193" s="7"/>
      <c r="AF193" s="13"/>
      <c r="AG193" s="9"/>
      <c r="AH193" s="9"/>
      <c r="AI193" s="9"/>
      <c r="AJ193" s="9" t="s">
        <v>35</v>
      </c>
      <c r="AK193" s="43" t="s">
        <v>40</v>
      </c>
      <c r="AL193" s="43" t="s">
        <v>40</v>
      </c>
      <c r="AM193" s="43" t="s">
        <v>40</v>
      </c>
      <c r="AN193" s="43" t="s">
        <v>40</v>
      </c>
      <c r="AO193" s="43" t="s">
        <v>40</v>
      </c>
      <c r="AP193" s="43" t="s">
        <v>40</v>
      </c>
      <c r="AQ193" s="43" t="s">
        <v>40</v>
      </c>
      <c r="AR193" s="43" t="s">
        <v>40</v>
      </c>
      <c r="AS193" s="43" t="s">
        <v>40</v>
      </c>
      <c r="AT193" s="43" t="s">
        <v>40</v>
      </c>
      <c r="AU193" s="43" t="s">
        <v>40</v>
      </c>
      <c r="AV193" s="43" t="s">
        <v>40</v>
      </c>
      <c r="AW193" s="43" t="s">
        <v>40</v>
      </c>
      <c r="AX193" s="43" t="s">
        <v>40</v>
      </c>
      <c r="AY193" s="43" t="s">
        <v>40</v>
      </c>
      <c r="AZ193" s="43" t="s">
        <v>40</v>
      </c>
      <c r="BA193" s="43" t="s">
        <v>40</v>
      </c>
      <c r="BB193" s="43" t="s">
        <v>40</v>
      </c>
      <c r="BC193" s="43" t="s">
        <v>40</v>
      </c>
      <c r="BD193" s="43" t="s">
        <v>40</v>
      </c>
      <c r="BE193" s="43" t="s">
        <v>40</v>
      </c>
      <c r="BF193" s="43" t="s">
        <v>40</v>
      </c>
      <c r="BG193" s="43" t="s">
        <v>40</v>
      </c>
      <c r="BH193" s="43" t="s">
        <v>40</v>
      </c>
      <c r="BI193" s="43" t="s">
        <v>40</v>
      </c>
      <c r="BJ193" s="14"/>
      <c r="BK193" s="16"/>
      <c r="BL193" s="9"/>
      <c r="BM193" s="9"/>
      <c r="BN193" s="9"/>
      <c r="BO193" s="9" t="s">
        <v>35</v>
      </c>
      <c r="BP193" s="43" t="s">
        <v>40</v>
      </c>
      <c r="BQ193" s="43" t="s">
        <v>40</v>
      </c>
      <c r="BR193" s="43" t="s">
        <v>40</v>
      </c>
      <c r="BS193" s="43" t="s">
        <v>40</v>
      </c>
      <c r="BT193" s="43" t="s">
        <v>40</v>
      </c>
      <c r="BU193" s="43" t="s">
        <v>40</v>
      </c>
      <c r="BV193" s="43" t="s">
        <v>40</v>
      </c>
      <c r="BW193" s="43" t="s">
        <v>40</v>
      </c>
      <c r="BX193" s="43" t="s">
        <v>40</v>
      </c>
      <c r="BY193" s="43" t="s">
        <v>40</v>
      </c>
      <c r="BZ193" s="43" t="s">
        <v>40</v>
      </c>
      <c r="CA193" s="43" t="s">
        <v>40</v>
      </c>
      <c r="CB193" s="43" t="s">
        <v>40</v>
      </c>
      <c r="CC193" s="43" t="s">
        <v>40</v>
      </c>
      <c r="CD193" s="43" t="s">
        <v>40</v>
      </c>
      <c r="CE193" s="43" t="s">
        <v>40</v>
      </c>
      <c r="CF193" s="43" t="s">
        <v>40</v>
      </c>
      <c r="CG193" s="43" t="s">
        <v>40</v>
      </c>
      <c r="CH193" s="43" t="s">
        <v>40</v>
      </c>
      <c r="CI193" s="43" t="s">
        <v>40</v>
      </c>
      <c r="CJ193" s="43" t="s">
        <v>40</v>
      </c>
      <c r="CK193" s="43" t="s">
        <v>40</v>
      </c>
      <c r="CL193" s="43" t="s">
        <v>40</v>
      </c>
      <c r="CM193" s="43" t="s">
        <v>40</v>
      </c>
      <c r="CN193" s="43" t="s">
        <v>40</v>
      </c>
      <c r="CO193" s="20"/>
    </row>
    <row r="194" spans="1:93" x14ac:dyDescent="0.7">
      <c r="A194" s="7"/>
      <c r="E194" s="8" t="s">
        <v>36</v>
      </c>
      <c r="F194" s="43" t="s">
        <v>40</v>
      </c>
      <c r="G194" s="43" t="s">
        <v>40</v>
      </c>
      <c r="H194" s="43" t="s">
        <v>40</v>
      </c>
      <c r="I194" s="43" t="s">
        <v>40</v>
      </c>
      <c r="J194" s="43" t="s">
        <v>40</v>
      </c>
      <c r="K194" s="43" t="s">
        <v>40</v>
      </c>
      <c r="L194" s="43" t="s">
        <v>40</v>
      </c>
      <c r="M194" s="43" t="s">
        <v>40</v>
      </c>
      <c r="N194" s="43" t="s">
        <v>40</v>
      </c>
      <c r="O194" s="43" t="s">
        <v>40</v>
      </c>
      <c r="P194" s="43" t="s">
        <v>40</v>
      </c>
      <c r="Q194" s="43" t="s">
        <v>40</v>
      </c>
      <c r="R194" s="43" t="s">
        <v>40</v>
      </c>
      <c r="S194" s="42">
        <v>0</v>
      </c>
      <c r="T194" s="42">
        <v>0</v>
      </c>
      <c r="U194" s="42">
        <v>0</v>
      </c>
      <c r="V194" s="42">
        <v>0</v>
      </c>
      <c r="W194" s="42">
        <v>0</v>
      </c>
      <c r="X194" s="43" t="s">
        <v>40</v>
      </c>
      <c r="Y194" s="43" t="s">
        <v>40</v>
      </c>
      <c r="Z194" s="43" t="s">
        <v>40</v>
      </c>
      <c r="AA194" s="43" t="s">
        <v>40</v>
      </c>
      <c r="AB194" s="43" t="s">
        <v>40</v>
      </c>
      <c r="AC194" s="43" t="s">
        <v>40</v>
      </c>
      <c r="AD194" s="43" t="s">
        <v>40</v>
      </c>
      <c r="AE194" s="7"/>
      <c r="AF194" s="13"/>
      <c r="AG194" s="9"/>
      <c r="AH194" s="9"/>
      <c r="AI194" s="9"/>
      <c r="AJ194" s="9" t="s">
        <v>36</v>
      </c>
      <c r="AK194" s="43" t="s">
        <v>40</v>
      </c>
      <c r="AL194" s="43" t="s">
        <v>40</v>
      </c>
      <c r="AM194" s="43" t="s">
        <v>40</v>
      </c>
      <c r="AN194" s="43" t="s">
        <v>40</v>
      </c>
      <c r="AO194" s="43" t="s">
        <v>40</v>
      </c>
      <c r="AP194" s="43" t="s">
        <v>40</v>
      </c>
      <c r="AQ194" s="43" t="s">
        <v>40</v>
      </c>
      <c r="AR194" s="43" t="s">
        <v>40</v>
      </c>
      <c r="AS194" s="43" t="s">
        <v>40</v>
      </c>
      <c r="AT194" s="43" t="s">
        <v>40</v>
      </c>
      <c r="AU194" s="43" t="s">
        <v>40</v>
      </c>
      <c r="AV194" s="43" t="s">
        <v>40</v>
      </c>
      <c r="AW194" s="43" t="s">
        <v>40</v>
      </c>
      <c r="AX194" s="43" t="s">
        <v>40</v>
      </c>
      <c r="AY194" s="43" t="s">
        <v>40</v>
      </c>
      <c r="AZ194" s="43" t="s">
        <v>40</v>
      </c>
      <c r="BA194" s="43" t="s">
        <v>40</v>
      </c>
      <c r="BB194" s="43" t="s">
        <v>40</v>
      </c>
      <c r="BC194" s="43" t="s">
        <v>40</v>
      </c>
      <c r="BD194" s="43" t="s">
        <v>40</v>
      </c>
      <c r="BE194" s="43" t="s">
        <v>40</v>
      </c>
      <c r="BF194" s="43" t="s">
        <v>40</v>
      </c>
      <c r="BG194" s="43" t="s">
        <v>40</v>
      </c>
      <c r="BH194" s="43" t="s">
        <v>40</v>
      </c>
      <c r="BI194" s="43" t="s">
        <v>40</v>
      </c>
      <c r="BJ194" s="14"/>
      <c r="BK194" s="16"/>
      <c r="BL194" s="9"/>
      <c r="BM194" s="9"/>
      <c r="BN194" s="9"/>
      <c r="BO194" s="9" t="s">
        <v>36</v>
      </c>
      <c r="BP194" s="43" t="s">
        <v>40</v>
      </c>
      <c r="BQ194" s="43" t="s">
        <v>40</v>
      </c>
      <c r="BR194" s="43" t="s">
        <v>40</v>
      </c>
      <c r="BS194" s="43" t="s">
        <v>40</v>
      </c>
      <c r="BT194" s="43" t="s">
        <v>40</v>
      </c>
      <c r="BU194" s="43" t="s">
        <v>40</v>
      </c>
      <c r="BV194" s="43" t="s">
        <v>40</v>
      </c>
      <c r="BW194" s="43" t="s">
        <v>40</v>
      </c>
      <c r="BX194" s="43" t="s">
        <v>40</v>
      </c>
      <c r="BY194" s="43" t="s">
        <v>40</v>
      </c>
      <c r="BZ194" s="43" t="s">
        <v>40</v>
      </c>
      <c r="CA194" s="43" t="s">
        <v>40</v>
      </c>
      <c r="CB194" s="43" t="s">
        <v>40</v>
      </c>
      <c r="CC194" s="43" t="s">
        <v>40</v>
      </c>
      <c r="CD194" s="43" t="s">
        <v>40</v>
      </c>
      <c r="CE194" s="43" t="s">
        <v>40</v>
      </c>
      <c r="CF194" s="43" t="s">
        <v>40</v>
      </c>
      <c r="CG194" s="43" t="s">
        <v>40</v>
      </c>
      <c r="CH194" s="43" t="s">
        <v>40</v>
      </c>
      <c r="CI194" s="43" t="s">
        <v>40</v>
      </c>
      <c r="CJ194" s="43" t="s">
        <v>40</v>
      </c>
      <c r="CK194" s="43" t="s">
        <v>40</v>
      </c>
      <c r="CL194" s="43" t="s">
        <v>40</v>
      </c>
      <c r="CM194" s="43" t="s">
        <v>40</v>
      </c>
      <c r="CN194" s="43" t="s">
        <v>40</v>
      </c>
      <c r="CO194" s="20"/>
    </row>
    <row r="195" spans="1:93" x14ac:dyDescent="0.7">
      <c r="A195" s="7"/>
      <c r="D195" s="8" t="s">
        <v>41</v>
      </c>
      <c r="E195" s="8" t="s">
        <v>27</v>
      </c>
      <c r="F195" s="42">
        <v>15228</v>
      </c>
      <c r="G195" s="42">
        <v>14322</v>
      </c>
      <c r="H195" s="42">
        <v>16103</v>
      </c>
      <c r="I195" s="42">
        <v>16275</v>
      </c>
      <c r="J195" s="42">
        <v>12484</v>
      </c>
      <c r="K195" s="42">
        <v>15699</v>
      </c>
      <c r="L195" s="42">
        <v>16791</v>
      </c>
      <c r="M195" s="42">
        <v>16435</v>
      </c>
      <c r="N195" s="42">
        <v>14587</v>
      </c>
      <c r="O195" s="42">
        <v>17345</v>
      </c>
      <c r="P195" s="42">
        <v>17628</v>
      </c>
      <c r="Q195" s="42">
        <v>16288</v>
      </c>
      <c r="R195" s="42">
        <v>14866</v>
      </c>
      <c r="S195" s="42">
        <v>16336</v>
      </c>
      <c r="T195" s="42">
        <v>15878</v>
      </c>
      <c r="U195" s="42">
        <v>14779</v>
      </c>
      <c r="V195" s="42">
        <v>13414</v>
      </c>
      <c r="W195" s="42">
        <v>15403</v>
      </c>
      <c r="X195" s="42">
        <v>15151</v>
      </c>
      <c r="Y195" s="42">
        <v>13864</v>
      </c>
      <c r="Z195" s="42">
        <v>12022</v>
      </c>
      <c r="AA195" s="42">
        <v>13678</v>
      </c>
      <c r="AB195" s="42">
        <v>14204</v>
      </c>
      <c r="AC195" s="42">
        <v>13311</v>
      </c>
      <c r="AD195" s="42">
        <v>11625</v>
      </c>
      <c r="AE195" s="7"/>
      <c r="AF195" s="13"/>
      <c r="AG195" s="9"/>
      <c r="AH195" s="9"/>
      <c r="AI195" s="9" t="s">
        <v>41</v>
      </c>
      <c r="AJ195" s="9" t="s">
        <v>27</v>
      </c>
      <c r="AK195" s="21">
        <v>15228</v>
      </c>
      <c r="AL195" s="21">
        <v>14323</v>
      </c>
      <c r="AM195" s="21">
        <v>16104</v>
      </c>
      <c r="AN195" s="21">
        <v>16274</v>
      </c>
      <c r="AO195" s="21">
        <v>12515</v>
      </c>
      <c r="AP195" s="21">
        <v>15704</v>
      </c>
      <c r="AQ195" s="21">
        <v>16856</v>
      </c>
      <c r="AR195" s="21">
        <v>16435</v>
      </c>
      <c r="AS195" s="21">
        <v>14587</v>
      </c>
      <c r="AT195" s="21">
        <v>17344</v>
      </c>
      <c r="AU195" s="21">
        <v>17627</v>
      </c>
      <c r="AV195" s="21">
        <v>16260</v>
      </c>
      <c r="AW195" s="21">
        <v>14841</v>
      </c>
      <c r="AX195" s="21">
        <v>16308</v>
      </c>
      <c r="AY195" s="21">
        <v>15850</v>
      </c>
      <c r="AZ195" s="21">
        <v>14847</v>
      </c>
      <c r="BA195" s="21">
        <v>13414</v>
      </c>
      <c r="BB195" s="21">
        <v>15402</v>
      </c>
      <c r="BC195" s="21">
        <v>15131</v>
      </c>
      <c r="BD195" s="21">
        <v>13836</v>
      </c>
      <c r="BE195" s="21">
        <v>12031</v>
      </c>
      <c r="BF195" s="21">
        <v>13678</v>
      </c>
      <c r="BG195" s="21">
        <v>14231</v>
      </c>
      <c r="BH195" s="21">
        <v>13311</v>
      </c>
      <c r="BI195" s="21">
        <v>11625</v>
      </c>
      <c r="BJ195" s="14"/>
      <c r="BK195" s="16"/>
      <c r="BL195" s="9"/>
      <c r="BM195" s="9"/>
      <c r="BN195" s="9" t="s">
        <v>41</v>
      </c>
      <c r="BO195" s="9" t="s">
        <v>27</v>
      </c>
      <c r="BP195" s="21">
        <f t="shared" ref="BP195:BP241" si="300">AK195-F195</f>
        <v>0</v>
      </c>
      <c r="BQ195" s="21">
        <f t="shared" ref="BQ195:BQ241" si="301">AL195-G195</f>
        <v>1</v>
      </c>
      <c r="BR195" s="21">
        <f t="shared" ref="BR195:BR241" si="302">AM195-H195</f>
        <v>1</v>
      </c>
      <c r="BS195" s="21">
        <f t="shared" ref="BS195:BS241" si="303">AN195-I195</f>
        <v>-1</v>
      </c>
      <c r="BT195" s="21">
        <f t="shared" ref="BT195:BT241" si="304">AO195-J195</f>
        <v>31</v>
      </c>
      <c r="BU195" s="21">
        <f t="shared" ref="BU195:BU241" si="305">AP195-K195</f>
        <v>5</v>
      </c>
      <c r="BV195" s="21">
        <f t="shared" ref="BV195:BV241" si="306">AQ195-L195</f>
        <v>65</v>
      </c>
      <c r="BW195" s="21">
        <f t="shared" ref="BW195:BW241" si="307">AR195-M195</f>
        <v>0</v>
      </c>
      <c r="BX195" s="21">
        <f t="shared" ref="BX195:BX241" si="308">AS195-N195</f>
        <v>0</v>
      </c>
      <c r="BY195" s="21">
        <f t="shared" ref="BY195:BY241" si="309">AT195-O195</f>
        <v>-1</v>
      </c>
      <c r="BZ195" s="21">
        <f t="shared" ref="BZ195:BZ241" si="310">AU195-P195</f>
        <v>-1</v>
      </c>
      <c r="CA195" s="21">
        <f t="shared" ref="CA195:CA241" si="311">AV195-Q195</f>
        <v>-28</v>
      </c>
      <c r="CB195" s="21">
        <f t="shared" ref="CB195:CB241" si="312">AW195-R195</f>
        <v>-25</v>
      </c>
      <c r="CC195" s="21">
        <f t="shared" ref="CC195:CC241" si="313">AX195-S195</f>
        <v>-28</v>
      </c>
      <c r="CD195" s="21">
        <f t="shared" ref="CD195:CD241" si="314">AY195-T195</f>
        <v>-28</v>
      </c>
      <c r="CE195" s="21">
        <f t="shared" ref="CE195:CE241" si="315">AZ195-U195</f>
        <v>68</v>
      </c>
      <c r="CF195" s="21">
        <f t="shared" ref="CF195:CF241" si="316">BA195-V195</f>
        <v>0</v>
      </c>
      <c r="CG195" s="21">
        <f t="shared" ref="CG195:CG241" si="317">BB195-W195</f>
        <v>-1</v>
      </c>
      <c r="CH195" s="21">
        <f t="shared" ref="CH195:CH241" si="318">BC195-X195</f>
        <v>-20</v>
      </c>
      <c r="CI195" s="21">
        <f t="shared" ref="CI195:CI241" si="319">BD195-Y195</f>
        <v>-28</v>
      </c>
      <c r="CJ195" s="21">
        <f t="shared" ref="CJ195:CJ241" si="320">BE195-Z195</f>
        <v>9</v>
      </c>
      <c r="CK195" s="21">
        <f t="shared" ref="CK195:CK241" si="321">BF195-AA195</f>
        <v>0</v>
      </c>
      <c r="CL195" s="21">
        <f t="shared" ref="CL195:CL241" si="322">BG195-AB195</f>
        <v>27</v>
      </c>
      <c r="CM195" s="21">
        <f t="shared" ref="CM195:CM241" si="323">BH195-AC195</f>
        <v>0</v>
      </c>
      <c r="CN195" s="21">
        <f t="shared" ref="CN195:CN241" si="324">BI195-AD195</f>
        <v>0</v>
      </c>
      <c r="CO195" s="20"/>
    </row>
    <row r="196" spans="1:93" x14ac:dyDescent="0.7">
      <c r="A196" s="7"/>
      <c r="E196" s="8" t="s">
        <v>28</v>
      </c>
      <c r="F196" s="42">
        <v>14638</v>
      </c>
      <c r="G196" s="42">
        <v>13980</v>
      </c>
      <c r="H196" s="42">
        <v>15631</v>
      </c>
      <c r="I196" s="42">
        <v>15924</v>
      </c>
      <c r="J196" s="42">
        <v>12196</v>
      </c>
      <c r="K196" s="42">
        <v>15353</v>
      </c>
      <c r="L196" s="42">
        <v>16281</v>
      </c>
      <c r="M196" s="42">
        <v>15996</v>
      </c>
      <c r="N196" s="42">
        <v>14184</v>
      </c>
      <c r="O196" s="42">
        <v>16845</v>
      </c>
      <c r="P196" s="42">
        <v>17022</v>
      </c>
      <c r="Q196" s="42">
        <v>15767</v>
      </c>
      <c r="R196" s="42">
        <v>14365</v>
      </c>
      <c r="S196" s="42">
        <v>15811</v>
      </c>
      <c r="T196" s="42">
        <v>15264</v>
      </c>
      <c r="U196" s="42">
        <v>14267</v>
      </c>
      <c r="V196" s="42">
        <v>12923</v>
      </c>
      <c r="W196" s="42">
        <v>14894</v>
      </c>
      <c r="X196" s="42">
        <v>14554</v>
      </c>
      <c r="Y196" s="42">
        <v>13370</v>
      </c>
      <c r="Z196" s="42">
        <v>11531</v>
      </c>
      <c r="AA196" s="42">
        <v>13183</v>
      </c>
      <c r="AB196" s="42">
        <v>13672</v>
      </c>
      <c r="AC196" s="42">
        <v>12829</v>
      </c>
      <c r="AD196" s="42">
        <v>11157</v>
      </c>
      <c r="AE196" s="7"/>
      <c r="AF196" s="13"/>
      <c r="AG196" s="9"/>
      <c r="AH196" s="9"/>
      <c r="AI196" s="9"/>
      <c r="AJ196" s="9" t="s">
        <v>28</v>
      </c>
      <c r="AK196" s="21">
        <v>14639</v>
      </c>
      <c r="AL196" s="21">
        <v>13980</v>
      </c>
      <c r="AM196" s="21">
        <v>15631</v>
      </c>
      <c r="AN196" s="21">
        <v>15923</v>
      </c>
      <c r="AO196" s="21">
        <v>12225</v>
      </c>
      <c r="AP196" s="21">
        <v>15356</v>
      </c>
      <c r="AQ196" s="21">
        <v>16342</v>
      </c>
      <c r="AR196" s="21">
        <v>15996</v>
      </c>
      <c r="AS196" s="21">
        <v>14184</v>
      </c>
      <c r="AT196" s="21">
        <v>16845</v>
      </c>
      <c r="AU196" s="21">
        <v>17022</v>
      </c>
      <c r="AV196" s="21">
        <v>15740</v>
      </c>
      <c r="AW196" s="21">
        <v>14340</v>
      </c>
      <c r="AX196" s="21">
        <v>15783</v>
      </c>
      <c r="AY196" s="21">
        <v>15236</v>
      </c>
      <c r="AZ196" s="21">
        <v>14333</v>
      </c>
      <c r="BA196" s="21">
        <v>12923</v>
      </c>
      <c r="BB196" s="21">
        <v>14893</v>
      </c>
      <c r="BC196" s="21">
        <v>14541</v>
      </c>
      <c r="BD196" s="21">
        <v>13342</v>
      </c>
      <c r="BE196" s="21">
        <v>11540</v>
      </c>
      <c r="BF196" s="21">
        <v>13183</v>
      </c>
      <c r="BG196" s="21">
        <v>13672</v>
      </c>
      <c r="BH196" s="21">
        <v>12829</v>
      </c>
      <c r="BI196" s="21">
        <v>11157</v>
      </c>
      <c r="BJ196" s="14"/>
      <c r="BK196" s="16"/>
      <c r="BL196" s="9"/>
      <c r="BM196" s="9"/>
      <c r="BN196" s="9"/>
      <c r="BO196" s="9" t="s">
        <v>28</v>
      </c>
      <c r="BP196" s="21">
        <f t="shared" si="300"/>
        <v>1</v>
      </c>
      <c r="BQ196" s="21">
        <f t="shared" si="301"/>
        <v>0</v>
      </c>
      <c r="BR196" s="21">
        <f t="shared" si="302"/>
        <v>0</v>
      </c>
      <c r="BS196" s="21">
        <f t="shared" si="303"/>
        <v>-1</v>
      </c>
      <c r="BT196" s="21">
        <f t="shared" si="304"/>
        <v>29</v>
      </c>
      <c r="BU196" s="21">
        <f t="shared" si="305"/>
        <v>3</v>
      </c>
      <c r="BV196" s="21">
        <f t="shared" si="306"/>
        <v>61</v>
      </c>
      <c r="BW196" s="21">
        <f t="shared" si="307"/>
        <v>0</v>
      </c>
      <c r="BX196" s="21">
        <f t="shared" si="308"/>
        <v>0</v>
      </c>
      <c r="BY196" s="21">
        <f t="shared" si="309"/>
        <v>0</v>
      </c>
      <c r="BZ196" s="21">
        <f t="shared" si="310"/>
        <v>0</v>
      </c>
      <c r="CA196" s="21">
        <f t="shared" si="311"/>
        <v>-27</v>
      </c>
      <c r="CB196" s="21">
        <f t="shared" si="312"/>
        <v>-25</v>
      </c>
      <c r="CC196" s="21">
        <f t="shared" si="313"/>
        <v>-28</v>
      </c>
      <c r="CD196" s="21">
        <f t="shared" si="314"/>
        <v>-28</v>
      </c>
      <c r="CE196" s="21">
        <f t="shared" si="315"/>
        <v>66</v>
      </c>
      <c r="CF196" s="21">
        <f t="shared" si="316"/>
        <v>0</v>
      </c>
      <c r="CG196" s="21">
        <f t="shared" si="317"/>
        <v>-1</v>
      </c>
      <c r="CH196" s="21">
        <f t="shared" si="318"/>
        <v>-13</v>
      </c>
      <c r="CI196" s="21">
        <f t="shared" si="319"/>
        <v>-28</v>
      </c>
      <c r="CJ196" s="21">
        <f t="shared" si="320"/>
        <v>9</v>
      </c>
      <c r="CK196" s="21">
        <f t="shared" si="321"/>
        <v>0</v>
      </c>
      <c r="CL196" s="21">
        <f t="shared" si="322"/>
        <v>0</v>
      </c>
      <c r="CM196" s="21">
        <f t="shared" si="323"/>
        <v>0</v>
      </c>
      <c r="CN196" s="21">
        <f t="shared" si="324"/>
        <v>0</v>
      </c>
      <c r="CO196" s="20"/>
    </row>
    <row r="197" spans="1:93" x14ac:dyDescent="0.7">
      <c r="A197" s="7"/>
      <c r="E197" s="8" t="s">
        <v>29</v>
      </c>
      <c r="F197" s="42">
        <v>606</v>
      </c>
      <c r="G197" s="42">
        <v>561</v>
      </c>
      <c r="H197" s="42">
        <v>591</v>
      </c>
      <c r="I197" s="42">
        <v>663</v>
      </c>
      <c r="J197" s="42">
        <v>467</v>
      </c>
      <c r="K197" s="42">
        <v>497</v>
      </c>
      <c r="L197" s="42">
        <v>475</v>
      </c>
      <c r="M197" s="42">
        <v>475</v>
      </c>
      <c r="N197" s="42">
        <v>366</v>
      </c>
      <c r="O197" s="42">
        <v>403</v>
      </c>
      <c r="P197" s="42">
        <v>379</v>
      </c>
      <c r="Q197" s="42">
        <v>396</v>
      </c>
      <c r="R197" s="42">
        <v>299</v>
      </c>
      <c r="S197" s="42">
        <v>326</v>
      </c>
      <c r="T197" s="42">
        <v>300</v>
      </c>
      <c r="U197" s="42">
        <v>324</v>
      </c>
      <c r="V197" s="42">
        <v>194</v>
      </c>
      <c r="W197" s="42">
        <v>210</v>
      </c>
      <c r="X197" s="42">
        <v>195</v>
      </c>
      <c r="Y197" s="42">
        <v>196</v>
      </c>
      <c r="Z197" s="42">
        <v>148</v>
      </c>
      <c r="AA197" s="42">
        <v>152</v>
      </c>
      <c r="AB197" s="42">
        <v>142</v>
      </c>
      <c r="AC197" s="42">
        <v>151</v>
      </c>
      <c r="AD197" s="42">
        <v>109</v>
      </c>
      <c r="AE197" s="7"/>
      <c r="AF197" s="13"/>
      <c r="AG197" s="9"/>
      <c r="AH197" s="9"/>
      <c r="AI197" s="9"/>
      <c r="AJ197" s="9" t="s">
        <v>29</v>
      </c>
      <c r="AK197" s="21">
        <v>606</v>
      </c>
      <c r="AL197" s="21">
        <v>561</v>
      </c>
      <c r="AM197" s="21">
        <v>591</v>
      </c>
      <c r="AN197" s="21">
        <v>663</v>
      </c>
      <c r="AO197" s="21">
        <v>469</v>
      </c>
      <c r="AP197" s="21">
        <v>499</v>
      </c>
      <c r="AQ197" s="21">
        <v>481</v>
      </c>
      <c r="AR197" s="21">
        <v>475</v>
      </c>
      <c r="AS197" s="21">
        <v>363</v>
      </c>
      <c r="AT197" s="21">
        <v>392</v>
      </c>
      <c r="AU197" s="21">
        <v>363</v>
      </c>
      <c r="AV197" s="21">
        <v>378</v>
      </c>
      <c r="AW197" s="21">
        <v>281</v>
      </c>
      <c r="AX197" s="21">
        <v>292</v>
      </c>
      <c r="AY197" s="21">
        <v>251</v>
      </c>
      <c r="AZ197" s="21">
        <v>269</v>
      </c>
      <c r="BA197" s="21">
        <v>194</v>
      </c>
      <c r="BB197" s="21">
        <v>210</v>
      </c>
      <c r="BC197" s="21">
        <v>192</v>
      </c>
      <c r="BD197" s="21">
        <v>196</v>
      </c>
      <c r="BE197" s="21">
        <v>148</v>
      </c>
      <c r="BF197" s="21">
        <v>152</v>
      </c>
      <c r="BG197" s="21">
        <v>142</v>
      </c>
      <c r="BH197" s="21">
        <v>151</v>
      </c>
      <c r="BI197" s="21">
        <v>109</v>
      </c>
      <c r="BJ197" s="14"/>
      <c r="BK197" s="16"/>
      <c r="BL197" s="9"/>
      <c r="BM197" s="9"/>
      <c r="BN197" s="9"/>
      <c r="BO197" s="9" t="s">
        <v>29</v>
      </c>
      <c r="BP197" s="21">
        <f t="shared" si="300"/>
        <v>0</v>
      </c>
      <c r="BQ197" s="21">
        <f t="shared" si="301"/>
        <v>0</v>
      </c>
      <c r="BR197" s="21">
        <f t="shared" si="302"/>
        <v>0</v>
      </c>
      <c r="BS197" s="21">
        <f t="shared" si="303"/>
        <v>0</v>
      </c>
      <c r="BT197" s="21">
        <f t="shared" si="304"/>
        <v>2</v>
      </c>
      <c r="BU197" s="21">
        <f t="shared" si="305"/>
        <v>2</v>
      </c>
      <c r="BV197" s="21">
        <f t="shared" si="306"/>
        <v>6</v>
      </c>
      <c r="BW197" s="21">
        <f t="shared" si="307"/>
        <v>0</v>
      </c>
      <c r="BX197" s="21">
        <f t="shared" si="308"/>
        <v>-3</v>
      </c>
      <c r="BY197" s="21">
        <f t="shared" si="309"/>
        <v>-11</v>
      </c>
      <c r="BZ197" s="21">
        <f t="shared" si="310"/>
        <v>-16</v>
      </c>
      <c r="CA197" s="21">
        <f t="shared" si="311"/>
        <v>-18</v>
      </c>
      <c r="CB197" s="21">
        <f t="shared" si="312"/>
        <v>-18</v>
      </c>
      <c r="CC197" s="21">
        <f t="shared" si="313"/>
        <v>-34</v>
      </c>
      <c r="CD197" s="21">
        <f t="shared" si="314"/>
        <v>-49</v>
      </c>
      <c r="CE197" s="21">
        <f t="shared" si="315"/>
        <v>-55</v>
      </c>
      <c r="CF197" s="21">
        <f t="shared" si="316"/>
        <v>0</v>
      </c>
      <c r="CG197" s="21">
        <f t="shared" si="317"/>
        <v>0</v>
      </c>
      <c r="CH197" s="21">
        <f t="shared" si="318"/>
        <v>-3</v>
      </c>
      <c r="CI197" s="21">
        <f t="shared" si="319"/>
        <v>0</v>
      </c>
      <c r="CJ197" s="21">
        <f t="shared" si="320"/>
        <v>0</v>
      </c>
      <c r="CK197" s="21">
        <f t="shared" si="321"/>
        <v>0</v>
      </c>
      <c r="CL197" s="21">
        <f t="shared" si="322"/>
        <v>0</v>
      </c>
      <c r="CM197" s="21">
        <f t="shared" si="323"/>
        <v>0</v>
      </c>
      <c r="CN197" s="21">
        <f t="shared" si="324"/>
        <v>0</v>
      </c>
      <c r="CO197" s="20"/>
    </row>
    <row r="198" spans="1:93" x14ac:dyDescent="0.7">
      <c r="A198" s="7"/>
      <c r="E198" s="8" t="s">
        <v>30</v>
      </c>
      <c r="F198" s="42">
        <v>7747</v>
      </c>
      <c r="G198" s="42">
        <v>7143</v>
      </c>
      <c r="H198" s="42">
        <v>8454</v>
      </c>
      <c r="I198" s="42">
        <v>8437</v>
      </c>
      <c r="J198" s="42">
        <v>5862</v>
      </c>
      <c r="K198" s="42">
        <v>7432</v>
      </c>
      <c r="L198" s="42">
        <v>8886</v>
      </c>
      <c r="M198" s="42">
        <v>8772</v>
      </c>
      <c r="N198" s="42">
        <v>7580</v>
      </c>
      <c r="O198" s="42">
        <v>9407</v>
      </c>
      <c r="P198" s="42">
        <v>9517</v>
      </c>
      <c r="Q198" s="42">
        <v>8616</v>
      </c>
      <c r="R198" s="42">
        <v>7598</v>
      </c>
      <c r="S198" s="42">
        <v>8543</v>
      </c>
      <c r="T198" s="42">
        <v>8177</v>
      </c>
      <c r="U198" s="42">
        <v>7570</v>
      </c>
      <c r="V198" s="42">
        <v>6799</v>
      </c>
      <c r="W198" s="42">
        <v>8191</v>
      </c>
      <c r="X198" s="42">
        <v>7911</v>
      </c>
      <c r="Y198" s="42">
        <v>6993</v>
      </c>
      <c r="Z198" s="42">
        <v>5519</v>
      </c>
      <c r="AA198" s="42">
        <v>6498</v>
      </c>
      <c r="AB198" s="42">
        <v>6927</v>
      </c>
      <c r="AC198" s="42">
        <v>6570</v>
      </c>
      <c r="AD198" s="42">
        <v>5414</v>
      </c>
      <c r="AE198" s="7"/>
      <c r="AF198" s="13"/>
      <c r="AG198" s="9"/>
      <c r="AH198" s="9"/>
      <c r="AI198" s="9"/>
      <c r="AJ198" s="9" t="s">
        <v>30</v>
      </c>
      <c r="AK198" s="21">
        <v>7748</v>
      </c>
      <c r="AL198" s="21">
        <v>7143</v>
      </c>
      <c r="AM198" s="21">
        <v>8454</v>
      </c>
      <c r="AN198" s="21">
        <v>8437</v>
      </c>
      <c r="AO198" s="21">
        <v>5885</v>
      </c>
      <c r="AP198" s="21">
        <v>7433</v>
      </c>
      <c r="AQ198" s="21">
        <v>8929</v>
      </c>
      <c r="AR198" s="21">
        <v>8772</v>
      </c>
      <c r="AS198" s="21">
        <v>7589</v>
      </c>
      <c r="AT198" s="21">
        <v>9443</v>
      </c>
      <c r="AU198" s="21">
        <v>9571</v>
      </c>
      <c r="AV198" s="21">
        <v>8657</v>
      </c>
      <c r="AW198" s="21">
        <v>7645</v>
      </c>
      <c r="AX198" s="21">
        <v>8636</v>
      </c>
      <c r="AY198" s="21">
        <v>8327</v>
      </c>
      <c r="AZ198" s="21">
        <v>7784</v>
      </c>
      <c r="BA198" s="21">
        <v>6799</v>
      </c>
      <c r="BB198" s="21">
        <v>8191</v>
      </c>
      <c r="BC198" s="21">
        <v>7899</v>
      </c>
      <c r="BD198" s="21">
        <v>6965</v>
      </c>
      <c r="BE198" s="21">
        <v>5527</v>
      </c>
      <c r="BF198" s="21">
        <v>6498</v>
      </c>
      <c r="BG198" s="21">
        <v>6927</v>
      </c>
      <c r="BH198" s="21">
        <v>6570</v>
      </c>
      <c r="BI198" s="21">
        <v>5414</v>
      </c>
      <c r="BJ198" s="14"/>
      <c r="BK198" s="16"/>
      <c r="BL198" s="9"/>
      <c r="BM198" s="9"/>
      <c r="BN198" s="9"/>
      <c r="BO198" s="9" t="s">
        <v>30</v>
      </c>
      <c r="BP198" s="21">
        <f t="shared" si="300"/>
        <v>1</v>
      </c>
      <c r="BQ198" s="21">
        <f t="shared" si="301"/>
        <v>0</v>
      </c>
      <c r="BR198" s="21">
        <f t="shared" si="302"/>
        <v>0</v>
      </c>
      <c r="BS198" s="21">
        <f t="shared" si="303"/>
        <v>0</v>
      </c>
      <c r="BT198" s="21">
        <f t="shared" si="304"/>
        <v>23</v>
      </c>
      <c r="BU198" s="21">
        <f t="shared" si="305"/>
        <v>1</v>
      </c>
      <c r="BV198" s="21">
        <f t="shared" si="306"/>
        <v>43</v>
      </c>
      <c r="BW198" s="21">
        <f t="shared" si="307"/>
        <v>0</v>
      </c>
      <c r="BX198" s="21">
        <f t="shared" si="308"/>
        <v>9</v>
      </c>
      <c r="BY198" s="21">
        <f t="shared" si="309"/>
        <v>36</v>
      </c>
      <c r="BZ198" s="21">
        <f t="shared" si="310"/>
        <v>54</v>
      </c>
      <c r="CA198" s="21">
        <f t="shared" si="311"/>
        <v>41</v>
      </c>
      <c r="CB198" s="21">
        <f t="shared" si="312"/>
        <v>47</v>
      </c>
      <c r="CC198" s="21">
        <f t="shared" si="313"/>
        <v>93</v>
      </c>
      <c r="CD198" s="21">
        <f t="shared" si="314"/>
        <v>150</v>
      </c>
      <c r="CE198" s="21">
        <f t="shared" si="315"/>
        <v>214</v>
      </c>
      <c r="CF198" s="21">
        <f t="shared" si="316"/>
        <v>0</v>
      </c>
      <c r="CG198" s="21">
        <f t="shared" si="317"/>
        <v>0</v>
      </c>
      <c r="CH198" s="21">
        <f t="shared" si="318"/>
        <v>-12</v>
      </c>
      <c r="CI198" s="21">
        <f t="shared" si="319"/>
        <v>-28</v>
      </c>
      <c r="CJ198" s="21">
        <f t="shared" si="320"/>
        <v>8</v>
      </c>
      <c r="CK198" s="21">
        <f t="shared" si="321"/>
        <v>0</v>
      </c>
      <c r="CL198" s="21">
        <f t="shared" si="322"/>
        <v>0</v>
      </c>
      <c r="CM198" s="21">
        <f t="shared" si="323"/>
        <v>0</v>
      </c>
      <c r="CN198" s="21">
        <f t="shared" si="324"/>
        <v>0</v>
      </c>
      <c r="CO198" s="20"/>
    </row>
    <row r="199" spans="1:93" x14ac:dyDescent="0.7">
      <c r="A199" s="7"/>
      <c r="E199" s="8" t="s">
        <v>31</v>
      </c>
      <c r="F199" s="42">
        <v>6285</v>
      </c>
      <c r="G199" s="42">
        <v>6276</v>
      </c>
      <c r="H199" s="42">
        <v>6586</v>
      </c>
      <c r="I199" s="42">
        <v>6824</v>
      </c>
      <c r="J199" s="42">
        <v>5867</v>
      </c>
      <c r="K199" s="42">
        <v>7424</v>
      </c>
      <c r="L199" s="42">
        <v>6920</v>
      </c>
      <c r="M199" s="42">
        <v>6749</v>
      </c>
      <c r="N199" s="42">
        <v>6238</v>
      </c>
      <c r="O199" s="42">
        <v>7035</v>
      </c>
      <c r="P199" s="42">
        <v>7126</v>
      </c>
      <c r="Q199" s="42">
        <v>6755</v>
      </c>
      <c r="R199" s="42">
        <v>6468</v>
      </c>
      <c r="S199" s="42">
        <v>6942</v>
      </c>
      <c r="T199" s="42">
        <v>6787</v>
      </c>
      <c r="U199" s="42">
        <v>6373</v>
      </c>
      <c r="V199" s="42">
        <v>5930</v>
      </c>
      <c r="W199" s="42">
        <v>6493</v>
      </c>
      <c r="X199" s="42">
        <v>6449</v>
      </c>
      <c r="Y199" s="42">
        <v>6182</v>
      </c>
      <c r="Z199" s="42">
        <v>5864</v>
      </c>
      <c r="AA199" s="42">
        <v>6533</v>
      </c>
      <c r="AB199" s="42">
        <v>6603</v>
      </c>
      <c r="AC199" s="42">
        <v>6109</v>
      </c>
      <c r="AD199" s="42">
        <v>5634</v>
      </c>
      <c r="AE199" s="7"/>
      <c r="AF199" s="13"/>
      <c r="AG199" s="9"/>
      <c r="AH199" s="9"/>
      <c r="AI199" s="9"/>
      <c r="AJ199" s="9" t="s">
        <v>31</v>
      </c>
      <c r="AK199" s="21">
        <v>6285</v>
      </c>
      <c r="AL199" s="21">
        <v>6276</v>
      </c>
      <c r="AM199" s="21">
        <v>6586</v>
      </c>
      <c r="AN199" s="21">
        <v>6824</v>
      </c>
      <c r="AO199" s="21">
        <v>5871</v>
      </c>
      <c r="AP199" s="21">
        <v>7424</v>
      </c>
      <c r="AQ199" s="21">
        <v>6931</v>
      </c>
      <c r="AR199" s="21">
        <v>6749</v>
      </c>
      <c r="AS199" s="21">
        <v>6232</v>
      </c>
      <c r="AT199" s="21">
        <v>7010</v>
      </c>
      <c r="AU199" s="21">
        <v>7087</v>
      </c>
      <c r="AV199" s="21">
        <v>6704</v>
      </c>
      <c r="AW199" s="21">
        <v>6414</v>
      </c>
      <c r="AX199" s="21">
        <v>6855</v>
      </c>
      <c r="AY199" s="21">
        <v>6659</v>
      </c>
      <c r="AZ199" s="21">
        <v>6280</v>
      </c>
      <c r="BA199" s="21">
        <v>5930</v>
      </c>
      <c r="BB199" s="21">
        <v>6493</v>
      </c>
      <c r="BC199" s="21">
        <v>6450</v>
      </c>
      <c r="BD199" s="21">
        <v>6182</v>
      </c>
      <c r="BE199" s="21">
        <v>5864</v>
      </c>
      <c r="BF199" s="21">
        <v>6533</v>
      </c>
      <c r="BG199" s="21">
        <v>6603</v>
      </c>
      <c r="BH199" s="21">
        <v>6109</v>
      </c>
      <c r="BI199" s="21">
        <v>5634</v>
      </c>
      <c r="BJ199" s="14"/>
      <c r="BK199" s="16"/>
      <c r="BL199" s="9"/>
      <c r="BM199" s="9"/>
      <c r="BN199" s="9"/>
      <c r="BO199" s="9" t="s">
        <v>31</v>
      </c>
      <c r="BP199" s="21">
        <f t="shared" si="300"/>
        <v>0</v>
      </c>
      <c r="BQ199" s="21">
        <f t="shared" si="301"/>
        <v>0</v>
      </c>
      <c r="BR199" s="21">
        <f t="shared" si="302"/>
        <v>0</v>
      </c>
      <c r="BS199" s="21">
        <f t="shared" si="303"/>
        <v>0</v>
      </c>
      <c r="BT199" s="21">
        <f t="shared" si="304"/>
        <v>4</v>
      </c>
      <c r="BU199" s="21">
        <f t="shared" si="305"/>
        <v>0</v>
      </c>
      <c r="BV199" s="21">
        <f t="shared" si="306"/>
        <v>11</v>
      </c>
      <c r="BW199" s="21">
        <f t="shared" si="307"/>
        <v>0</v>
      </c>
      <c r="BX199" s="21">
        <f t="shared" si="308"/>
        <v>-6</v>
      </c>
      <c r="BY199" s="21">
        <f t="shared" si="309"/>
        <v>-25</v>
      </c>
      <c r="BZ199" s="21">
        <f t="shared" si="310"/>
        <v>-39</v>
      </c>
      <c r="CA199" s="21">
        <f t="shared" si="311"/>
        <v>-51</v>
      </c>
      <c r="CB199" s="21">
        <f t="shared" si="312"/>
        <v>-54</v>
      </c>
      <c r="CC199" s="21">
        <f t="shared" si="313"/>
        <v>-87</v>
      </c>
      <c r="CD199" s="21">
        <f t="shared" si="314"/>
        <v>-128</v>
      </c>
      <c r="CE199" s="21">
        <f t="shared" si="315"/>
        <v>-93</v>
      </c>
      <c r="CF199" s="21">
        <f t="shared" si="316"/>
        <v>0</v>
      </c>
      <c r="CG199" s="21">
        <f t="shared" si="317"/>
        <v>0</v>
      </c>
      <c r="CH199" s="21">
        <f t="shared" si="318"/>
        <v>1</v>
      </c>
      <c r="CI199" s="21">
        <f t="shared" si="319"/>
        <v>0</v>
      </c>
      <c r="CJ199" s="21">
        <f t="shared" si="320"/>
        <v>0</v>
      </c>
      <c r="CK199" s="21">
        <f t="shared" si="321"/>
        <v>0</v>
      </c>
      <c r="CL199" s="21">
        <f t="shared" si="322"/>
        <v>0</v>
      </c>
      <c r="CM199" s="21">
        <f t="shared" si="323"/>
        <v>0</v>
      </c>
      <c r="CN199" s="21">
        <f t="shared" si="324"/>
        <v>0</v>
      </c>
      <c r="CO199" s="20"/>
    </row>
    <row r="200" spans="1:93" x14ac:dyDescent="0.7">
      <c r="A200" s="7"/>
      <c r="E200" s="8" t="s">
        <v>32</v>
      </c>
      <c r="F200" s="42">
        <v>590</v>
      </c>
      <c r="G200" s="42">
        <v>342</v>
      </c>
      <c r="H200" s="42">
        <v>472</v>
      </c>
      <c r="I200" s="42">
        <v>351</v>
      </c>
      <c r="J200" s="42">
        <v>288</v>
      </c>
      <c r="K200" s="42">
        <v>346</v>
      </c>
      <c r="L200" s="42">
        <v>510</v>
      </c>
      <c r="M200" s="42">
        <v>439</v>
      </c>
      <c r="N200" s="42">
        <v>403</v>
      </c>
      <c r="O200" s="42">
        <v>500</v>
      </c>
      <c r="P200" s="42">
        <v>606</v>
      </c>
      <c r="Q200" s="42">
        <v>521</v>
      </c>
      <c r="R200" s="42">
        <v>501</v>
      </c>
      <c r="S200" s="42">
        <v>525</v>
      </c>
      <c r="T200" s="42">
        <v>614</v>
      </c>
      <c r="U200" s="42">
        <v>512</v>
      </c>
      <c r="V200" s="42">
        <v>491</v>
      </c>
      <c r="W200" s="42">
        <v>509</v>
      </c>
      <c r="X200" s="42">
        <v>596</v>
      </c>
      <c r="Y200" s="42">
        <v>494</v>
      </c>
      <c r="Z200" s="42">
        <v>491</v>
      </c>
      <c r="AA200" s="42">
        <v>495</v>
      </c>
      <c r="AB200" s="42">
        <v>532</v>
      </c>
      <c r="AC200" s="42">
        <v>481</v>
      </c>
      <c r="AD200" s="42">
        <v>468</v>
      </c>
      <c r="AE200" s="7"/>
      <c r="AF200" s="13"/>
      <c r="AG200" s="9"/>
      <c r="AH200" s="9"/>
      <c r="AI200" s="9"/>
      <c r="AJ200" s="9" t="s">
        <v>32</v>
      </c>
      <c r="AK200" s="21">
        <v>589</v>
      </c>
      <c r="AL200" s="21">
        <v>342</v>
      </c>
      <c r="AM200" s="21">
        <v>472</v>
      </c>
      <c r="AN200" s="21">
        <v>351</v>
      </c>
      <c r="AO200" s="21">
        <v>291</v>
      </c>
      <c r="AP200" s="21">
        <v>348</v>
      </c>
      <c r="AQ200" s="21">
        <v>514</v>
      </c>
      <c r="AR200" s="21">
        <v>439</v>
      </c>
      <c r="AS200" s="21">
        <v>403</v>
      </c>
      <c r="AT200" s="21">
        <v>499</v>
      </c>
      <c r="AU200" s="21">
        <v>605</v>
      </c>
      <c r="AV200" s="21">
        <v>520</v>
      </c>
      <c r="AW200" s="21">
        <v>500</v>
      </c>
      <c r="AX200" s="21">
        <v>524</v>
      </c>
      <c r="AY200" s="21">
        <v>614</v>
      </c>
      <c r="AZ200" s="21">
        <v>514</v>
      </c>
      <c r="BA200" s="21">
        <v>491</v>
      </c>
      <c r="BB200" s="21">
        <v>509</v>
      </c>
      <c r="BC200" s="21">
        <v>590</v>
      </c>
      <c r="BD200" s="21">
        <v>494</v>
      </c>
      <c r="BE200" s="21">
        <v>491</v>
      </c>
      <c r="BF200" s="21">
        <v>495</v>
      </c>
      <c r="BG200" s="21">
        <v>558</v>
      </c>
      <c r="BH200" s="21">
        <v>481</v>
      </c>
      <c r="BI200" s="21">
        <v>468</v>
      </c>
      <c r="BJ200" s="14"/>
      <c r="BK200" s="16"/>
      <c r="BL200" s="9"/>
      <c r="BM200" s="9"/>
      <c r="BN200" s="9"/>
      <c r="BO200" s="9" t="s">
        <v>32</v>
      </c>
      <c r="BP200" s="21">
        <f t="shared" si="300"/>
        <v>-1</v>
      </c>
      <c r="BQ200" s="21">
        <f t="shared" si="301"/>
        <v>0</v>
      </c>
      <c r="BR200" s="21">
        <f t="shared" si="302"/>
        <v>0</v>
      </c>
      <c r="BS200" s="21">
        <f t="shared" si="303"/>
        <v>0</v>
      </c>
      <c r="BT200" s="21">
        <f t="shared" si="304"/>
        <v>3</v>
      </c>
      <c r="BU200" s="21">
        <f t="shared" si="305"/>
        <v>2</v>
      </c>
      <c r="BV200" s="21">
        <f t="shared" si="306"/>
        <v>4</v>
      </c>
      <c r="BW200" s="21">
        <f t="shared" si="307"/>
        <v>0</v>
      </c>
      <c r="BX200" s="21">
        <f t="shared" si="308"/>
        <v>0</v>
      </c>
      <c r="BY200" s="21">
        <f t="shared" si="309"/>
        <v>-1</v>
      </c>
      <c r="BZ200" s="21">
        <f t="shared" si="310"/>
        <v>-1</v>
      </c>
      <c r="CA200" s="21">
        <f t="shared" si="311"/>
        <v>-1</v>
      </c>
      <c r="CB200" s="21">
        <f t="shared" si="312"/>
        <v>-1</v>
      </c>
      <c r="CC200" s="21">
        <f t="shared" si="313"/>
        <v>-1</v>
      </c>
      <c r="CD200" s="21">
        <f t="shared" si="314"/>
        <v>0</v>
      </c>
      <c r="CE200" s="21">
        <f t="shared" si="315"/>
        <v>2</v>
      </c>
      <c r="CF200" s="21">
        <f t="shared" si="316"/>
        <v>0</v>
      </c>
      <c r="CG200" s="21">
        <f t="shared" si="317"/>
        <v>0</v>
      </c>
      <c r="CH200" s="21">
        <f t="shared" si="318"/>
        <v>-6</v>
      </c>
      <c r="CI200" s="21">
        <f t="shared" si="319"/>
        <v>0</v>
      </c>
      <c r="CJ200" s="21">
        <f t="shared" si="320"/>
        <v>0</v>
      </c>
      <c r="CK200" s="21">
        <f t="shared" si="321"/>
        <v>0</v>
      </c>
      <c r="CL200" s="21">
        <f t="shared" si="322"/>
        <v>26</v>
      </c>
      <c r="CM200" s="21">
        <f t="shared" si="323"/>
        <v>0</v>
      </c>
      <c r="CN200" s="21">
        <f t="shared" si="324"/>
        <v>0</v>
      </c>
      <c r="CO200" s="20"/>
    </row>
    <row r="201" spans="1:93" x14ac:dyDescent="0.7">
      <c r="A201" s="7"/>
      <c r="E201" s="8" t="s">
        <v>33</v>
      </c>
      <c r="F201" s="42">
        <v>590</v>
      </c>
      <c r="G201" s="42">
        <v>342</v>
      </c>
      <c r="H201" s="42">
        <v>472</v>
      </c>
      <c r="I201" s="42">
        <v>351</v>
      </c>
      <c r="J201" s="42">
        <v>288</v>
      </c>
      <c r="K201" s="42">
        <v>346</v>
      </c>
      <c r="L201" s="42">
        <v>510</v>
      </c>
      <c r="M201" s="42">
        <v>439</v>
      </c>
      <c r="N201" s="42">
        <v>403</v>
      </c>
      <c r="O201" s="42">
        <v>500</v>
      </c>
      <c r="P201" s="42">
        <v>606</v>
      </c>
      <c r="Q201" s="42">
        <v>521</v>
      </c>
      <c r="R201" s="42">
        <v>501</v>
      </c>
      <c r="S201" s="42">
        <v>525</v>
      </c>
      <c r="T201" s="42">
        <v>614</v>
      </c>
      <c r="U201" s="42">
        <v>512</v>
      </c>
      <c r="V201" s="42">
        <v>491</v>
      </c>
      <c r="W201" s="42">
        <v>509</v>
      </c>
      <c r="X201" s="42">
        <v>596</v>
      </c>
      <c r="Y201" s="42">
        <v>494</v>
      </c>
      <c r="Z201" s="42">
        <v>491</v>
      </c>
      <c r="AA201" s="42">
        <v>495</v>
      </c>
      <c r="AB201" s="42">
        <v>532</v>
      </c>
      <c r="AC201" s="42">
        <v>481</v>
      </c>
      <c r="AD201" s="42">
        <v>468</v>
      </c>
      <c r="AE201" s="7"/>
      <c r="AF201" s="13"/>
      <c r="AG201" s="9"/>
      <c r="AH201" s="9"/>
      <c r="AI201" s="9"/>
      <c r="AJ201" s="9" t="s">
        <v>33</v>
      </c>
      <c r="AK201" s="21">
        <v>589</v>
      </c>
      <c r="AL201" s="21">
        <v>342</v>
      </c>
      <c r="AM201" s="21">
        <v>472</v>
      </c>
      <c r="AN201" s="21">
        <v>351</v>
      </c>
      <c r="AO201" s="21">
        <v>291</v>
      </c>
      <c r="AP201" s="21">
        <v>348</v>
      </c>
      <c r="AQ201" s="21">
        <v>514</v>
      </c>
      <c r="AR201" s="21">
        <v>439</v>
      </c>
      <c r="AS201" s="21">
        <v>403</v>
      </c>
      <c r="AT201" s="21">
        <v>499</v>
      </c>
      <c r="AU201" s="21">
        <v>605</v>
      </c>
      <c r="AV201" s="21">
        <v>520</v>
      </c>
      <c r="AW201" s="21">
        <v>500</v>
      </c>
      <c r="AX201" s="21">
        <v>524</v>
      </c>
      <c r="AY201" s="21">
        <v>614</v>
      </c>
      <c r="AZ201" s="21">
        <v>514</v>
      </c>
      <c r="BA201" s="21">
        <v>491</v>
      </c>
      <c r="BB201" s="21">
        <v>509</v>
      </c>
      <c r="BC201" s="21">
        <v>590</v>
      </c>
      <c r="BD201" s="21">
        <v>494</v>
      </c>
      <c r="BE201" s="21">
        <v>491</v>
      </c>
      <c r="BF201" s="21">
        <v>495</v>
      </c>
      <c r="BG201" s="21">
        <v>558</v>
      </c>
      <c r="BH201" s="21">
        <v>481</v>
      </c>
      <c r="BI201" s="21">
        <v>468</v>
      </c>
      <c r="BJ201" s="14"/>
      <c r="BK201" s="16"/>
      <c r="BL201" s="9"/>
      <c r="BM201" s="9"/>
      <c r="BN201" s="9"/>
      <c r="BO201" s="9" t="s">
        <v>33</v>
      </c>
      <c r="BP201" s="21">
        <f t="shared" si="300"/>
        <v>-1</v>
      </c>
      <c r="BQ201" s="21">
        <f t="shared" si="301"/>
        <v>0</v>
      </c>
      <c r="BR201" s="21">
        <f t="shared" si="302"/>
        <v>0</v>
      </c>
      <c r="BS201" s="21">
        <f t="shared" si="303"/>
        <v>0</v>
      </c>
      <c r="BT201" s="21">
        <f t="shared" si="304"/>
        <v>3</v>
      </c>
      <c r="BU201" s="21">
        <f t="shared" si="305"/>
        <v>2</v>
      </c>
      <c r="BV201" s="21">
        <f t="shared" si="306"/>
        <v>4</v>
      </c>
      <c r="BW201" s="21">
        <f t="shared" si="307"/>
        <v>0</v>
      </c>
      <c r="BX201" s="21">
        <f t="shared" si="308"/>
        <v>0</v>
      </c>
      <c r="BY201" s="21">
        <f t="shared" si="309"/>
        <v>-1</v>
      </c>
      <c r="BZ201" s="21">
        <f t="shared" si="310"/>
        <v>-1</v>
      </c>
      <c r="CA201" s="21">
        <f t="shared" si="311"/>
        <v>-1</v>
      </c>
      <c r="CB201" s="21">
        <f t="shared" si="312"/>
        <v>-1</v>
      </c>
      <c r="CC201" s="21">
        <f t="shared" si="313"/>
        <v>-1</v>
      </c>
      <c r="CD201" s="21">
        <f t="shared" si="314"/>
        <v>0</v>
      </c>
      <c r="CE201" s="21">
        <f t="shared" si="315"/>
        <v>2</v>
      </c>
      <c r="CF201" s="21">
        <f t="shared" si="316"/>
        <v>0</v>
      </c>
      <c r="CG201" s="21">
        <f t="shared" si="317"/>
        <v>0</v>
      </c>
      <c r="CH201" s="21">
        <f t="shared" si="318"/>
        <v>-6</v>
      </c>
      <c r="CI201" s="21">
        <f t="shared" si="319"/>
        <v>0</v>
      </c>
      <c r="CJ201" s="21">
        <f t="shared" si="320"/>
        <v>0</v>
      </c>
      <c r="CK201" s="21">
        <f t="shared" si="321"/>
        <v>0</v>
      </c>
      <c r="CL201" s="21">
        <f t="shared" si="322"/>
        <v>26</v>
      </c>
      <c r="CM201" s="21">
        <f t="shared" si="323"/>
        <v>0</v>
      </c>
      <c r="CN201" s="21">
        <f t="shared" si="324"/>
        <v>0</v>
      </c>
      <c r="CO201" s="20"/>
    </row>
    <row r="202" spans="1:93" x14ac:dyDescent="0.7">
      <c r="A202" s="7"/>
      <c r="E202" s="8" t="s">
        <v>34</v>
      </c>
      <c r="F202" s="42">
        <v>302</v>
      </c>
      <c r="G202" s="42">
        <v>255</v>
      </c>
      <c r="H202" s="42">
        <v>607</v>
      </c>
      <c r="I202" s="42">
        <v>277</v>
      </c>
      <c r="J202" s="42">
        <v>168</v>
      </c>
      <c r="K202" s="42">
        <v>252</v>
      </c>
      <c r="L202" s="42">
        <v>599</v>
      </c>
      <c r="M202" s="42">
        <v>372</v>
      </c>
      <c r="N202" s="42">
        <v>295</v>
      </c>
      <c r="O202" s="42">
        <v>444</v>
      </c>
      <c r="P202" s="42">
        <v>727</v>
      </c>
      <c r="Q202" s="42">
        <v>380</v>
      </c>
      <c r="R202" s="42">
        <v>273</v>
      </c>
      <c r="S202" s="42">
        <v>435</v>
      </c>
      <c r="T202" s="42">
        <v>572</v>
      </c>
      <c r="U202" s="42">
        <v>296</v>
      </c>
      <c r="V202" s="42">
        <v>230</v>
      </c>
      <c r="W202" s="42">
        <v>377</v>
      </c>
      <c r="X202" s="42">
        <v>496</v>
      </c>
      <c r="Y202" s="42">
        <v>273</v>
      </c>
      <c r="Z202" s="42">
        <v>208</v>
      </c>
      <c r="AA202" s="42">
        <v>314</v>
      </c>
      <c r="AB202" s="42">
        <v>337</v>
      </c>
      <c r="AC202" s="42">
        <v>177</v>
      </c>
      <c r="AD202" s="42">
        <v>127</v>
      </c>
      <c r="AE202" s="7"/>
      <c r="AF202" s="13"/>
      <c r="AG202" s="9"/>
      <c r="AH202" s="9"/>
      <c r="AI202" s="9"/>
      <c r="AJ202" s="9" t="s">
        <v>34</v>
      </c>
      <c r="AK202" s="21">
        <v>302</v>
      </c>
      <c r="AL202" s="21">
        <v>255</v>
      </c>
      <c r="AM202" s="21">
        <v>607</v>
      </c>
      <c r="AN202" s="21">
        <v>276</v>
      </c>
      <c r="AO202" s="21">
        <v>167</v>
      </c>
      <c r="AP202" s="21">
        <v>252</v>
      </c>
      <c r="AQ202" s="21">
        <v>598</v>
      </c>
      <c r="AR202" s="21">
        <v>372</v>
      </c>
      <c r="AS202" s="21">
        <v>296</v>
      </c>
      <c r="AT202" s="21">
        <v>444</v>
      </c>
      <c r="AU202" s="21">
        <v>727</v>
      </c>
      <c r="AV202" s="21">
        <v>379</v>
      </c>
      <c r="AW202" s="21">
        <v>273</v>
      </c>
      <c r="AX202" s="21">
        <v>435</v>
      </c>
      <c r="AY202" s="21">
        <v>571</v>
      </c>
      <c r="AZ202" s="21">
        <v>297</v>
      </c>
      <c r="BA202" s="21">
        <v>231</v>
      </c>
      <c r="BB202" s="21">
        <v>377</v>
      </c>
      <c r="BC202" s="21">
        <v>496</v>
      </c>
      <c r="BD202" s="21">
        <v>273</v>
      </c>
      <c r="BE202" s="21">
        <v>208</v>
      </c>
      <c r="BF202" s="21">
        <v>314</v>
      </c>
      <c r="BG202" s="21">
        <v>337</v>
      </c>
      <c r="BH202" s="21">
        <v>177</v>
      </c>
      <c r="BI202" s="21">
        <v>127</v>
      </c>
      <c r="BJ202" s="14"/>
      <c r="BK202" s="16"/>
      <c r="BL202" s="9"/>
      <c r="BM202" s="9"/>
      <c r="BN202" s="9"/>
      <c r="BO202" s="9" t="s">
        <v>34</v>
      </c>
      <c r="BP202" s="21">
        <f t="shared" si="300"/>
        <v>0</v>
      </c>
      <c r="BQ202" s="21">
        <f t="shared" si="301"/>
        <v>0</v>
      </c>
      <c r="BR202" s="21">
        <f t="shared" si="302"/>
        <v>0</v>
      </c>
      <c r="BS202" s="21">
        <f t="shared" si="303"/>
        <v>-1</v>
      </c>
      <c r="BT202" s="21">
        <f t="shared" si="304"/>
        <v>-1</v>
      </c>
      <c r="BU202" s="21">
        <f t="shared" si="305"/>
        <v>0</v>
      </c>
      <c r="BV202" s="21">
        <f t="shared" si="306"/>
        <v>-1</v>
      </c>
      <c r="BW202" s="21">
        <f t="shared" si="307"/>
        <v>0</v>
      </c>
      <c r="BX202" s="21">
        <f t="shared" si="308"/>
        <v>1</v>
      </c>
      <c r="BY202" s="21">
        <f t="shared" si="309"/>
        <v>0</v>
      </c>
      <c r="BZ202" s="21">
        <f t="shared" si="310"/>
        <v>0</v>
      </c>
      <c r="CA202" s="21">
        <f t="shared" si="311"/>
        <v>-1</v>
      </c>
      <c r="CB202" s="21">
        <f t="shared" si="312"/>
        <v>0</v>
      </c>
      <c r="CC202" s="21">
        <f t="shared" si="313"/>
        <v>0</v>
      </c>
      <c r="CD202" s="21">
        <f t="shared" si="314"/>
        <v>-1</v>
      </c>
      <c r="CE202" s="21">
        <f t="shared" si="315"/>
        <v>1</v>
      </c>
      <c r="CF202" s="21">
        <f t="shared" si="316"/>
        <v>1</v>
      </c>
      <c r="CG202" s="21">
        <f t="shared" si="317"/>
        <v>0</v>
      </c>
      <c r="CH202" s="21">
        <f t="shared" si="318"/>
        <v>0</v>
      </c>
      <c r="CI202" s="21">
        <f t="shared" si="319"/>
        <v>0</v>
      </c>
      <c r="CJ202" s="21">
        <f t="shared" si="320"/>
        <v>0</v>
      </c>
      <c r="CK202" s="21">
        <f t="shared" si="321"/>
        <v>0</v>
      </c>
      <c r="CL202" s="21">
        <f t="shared" si="322"/>
        <v>0</v>
      </c>
      <c r="CM202" s="21">
        <f t="shared" si="323"/>
        <v>0</v>
      </c>
      <c r="CN202" s="21">
        <f t="shared" si="324"/>
        <v>0</v>
      </c>
      <c r="CO202" s="20"/>
    </row>
    <row r="203" spans="1:93" x14ac:dyDescent="0.7">
      <c r="A203" s="7"/>
      <c r="E203" s="8" t="s">
        <v>35</v>
      </c>
      <c r="F203" s="42">
        <v>262</v>
      </c>
      <c r="G203" s="42">
        <v>224</v>
      </c>
      <c r="H203" s="42">
        <v>505</v>
      </c>
      <c r="I203" s="42">
        <v>243</v>
      </c>
      <c r="J203" s="42">
        <v>152</v>
      </c>
      <c r="K203" s="42">
        <v>221</v>
      </c>
      <c r="L203" s="42">
        <v>504</v>
      </c>
      <c r="M203" s="42">
        <v>324</v>
      </c>
      <c r="N203" s="42">
        <v>259</v>
      </c>
      <c r="O203" s="42">
        <v>382</v>
      </c>
      <c r="P203" s="42">
        <v>624</v>
      </c>
      <c r="Q203" s="42">
        <v>333</v>
      </c>
      <c r="R203" s="42">
        <v>242</v>
      </c>
      <c r="S203" s="42">
        <v>376</v>
      </c>
      <c r="T203" s="42">
        <v>489</v>
      </c>
      <c r="U203" s="42">
        <v>259</v>
      </c>
      <c r="V203" s="42">
        <v>202</v>
      </c>
      <c r="W203" s="42">
        <v>324</v>
      </c>
      <c r="X203" s="42">
        <v>423</v>
      </c>
      <c r="Y203" s="42">
        <v>238</v>
      </c>
      <c r="Z203" s="42">
        <v>183</v>
      </c>
      <c r="AA203" s="42">
        <v>270</v>
      </c>
      <c r="AB203" s="42">
        <v>285</v>
      </c>
      <c r="AC203" s="42">
        <v>154</v>
      </c>
      <c r="AD203" s="42">
        <v>111</v>
      </c>
      <c r="AE203" s="7"/>
      <c r="AF203" s="13"/>
      <c r="AG203" s="9"/>
      <c r="AH203" s="9"/>
      <c r="AI203" s="9"/>
      <c r="AJ203" s="9" t="s">
        <v>35</v>
      </c>
      <c r="AK203" s="21">
        <v>262</v>
      </c>
      <c r="AL203" s="21">
        <v>224</v>
      </c>
      <c r="AM203" s="21">
        <v>505</v>
      </c>
      <c r="AN203" s="21">
        <v>243</v>
      </c>
      <c r="AO203" s="21">
        <v>152</v>
      </c>
      <c r="AP203" s="21">
        <v>221</v>
      </c>
      <c r="AQ203" s="21">
        <v>504</v>
      </c>
      <c r="AR203" s="21">
        <v>324</v>
      </c>
      <c r="AS203" s="21">
        <v>259</v>
      </c>
      <c r="AT203" s="21">
        <v>382</v>
      </c>
      <c r="AU203" s="21">
        <v>624</v>
      </c>
      <c r="AV203" s="21">
        <v>333</v>
      </c>
      <c r="AW203" s="21">
        <v>242</v>
      </c>
      <c r="AX203" s="21">
        <v>376</v>
      </c>
      <c r="AY203" s="21">
        <v>489</v>
      </c>
      <c r="AZ203" s="21">
        <v>259</v>
      </c>
      <c r="BA203" s="21">
        <v>202</v>
      </c>
      <c r="BB203" s="21">
        <v>324</v>
      </c>
      <c r="BC203" s="21">
        <v>423</v>
      </c>
      <c r="BD203" s="21">
        <v>238</v>
      </c>
      <c r="BE203" s="21">
        <v>183</v>
      </c>
      <c r="BF203" s="21">
        <v>270</v>
      </c>
      <c r="BG203" s="21">
        <v>285</v>
      </c>
      <c r="BH203" s="21">
        <v>154</v>
      </c>
      <c r="BI203" s="21">
        <v>111</v>
      </c>
      <c r="BJ203" s="14"/>
      <c r="BK203" s="16"/>
      <c r="BL203" s="9"/>
      <c r="BM203" s="9"/>
      <c r="BN203" s="9"/>
      <c r="BO203" s="9" t="s">
        <v>35</v>
      </c>
      <c r="BP203" s="21">
        <f t="shared" si="300"/>
        <v>0</v>
      </c>
      <c r="BQ203" s="21">
        <f t="shared" si="301"/>
        <v>0</v>
      </c>
      <c r="BR203" s="21">
        <f t="shared" si="302"/>
        <v>0</v>
      </c>
      <c r="BS203" s="21">
        <f t="shared" si="303"/>
        <v>0</v>
      </c>
      <c r="BT203" s="21">
        <f t="shared" si="304"/>
        <v>0</v>
      </c>
      <c r="BU203" s="21">
        <f t="shared" si="305"/>
        <v>0</v>
      </c>
      <c r="BV203" s="21">
        <f t="shared" si="306"/>
        <v>0</v>
      </c>
      <c r="BW203" s="21">
        <f t="shared" si="307"/>
        <v>0</v>
      </c>
      <c r="BX203" s="21">
        <f t="shared" si="308"/>
        <v>0</v>
      </c>
      <c r="BY203" s="21">
        <f t="shared" si="309"/>
        <v>0</v>
      </c>
      <c r="BZ203" s="21">
        <f t="shared" si="310"/>
        <v>0</v>
      </c>
      <c r="CA203" s="21">
        <f t="shared" si="311"/>
        <v>0</v>
      </c>
      <c r="CB203" s="21">
        <f t="shared" si="312"/>
        <v>0</v>
      </c>
      <c r="CC203" s="21">
        <f t="shared" si="313"/>
        <v>0</v>
      </c>
      <c r="CD203" s="21">
        <f t="shared" si="314"/>
        <v>0</v>
      </c>
      <c r="CE203" s="21">
        <f t="shared" si="315"/>
        <v>0</v>
      </c>
      <c r="CF203" s="21">
        <f t="shared" si="316"/>
        <v>0</v>
      </c>
      <c r="CG203" s="21">
        <f t="shared" si="317"/>
        <v>0</v>
      </c>
      <c r="CH203" s="21">
        <f t="shared" si="318"/>
        <v>0</v>
      </c>
      <c r="CI203" s="21">
        <f t="shared" si="319"/>
        <v>0</v>
      </c>
      <c r="CJ203" s="21">
        <f t="shared" si="320"/>
        <v>0</v>
      </c>
      <c r="CK203" s="21">
        <f t="shared" si="321"/>
        <v>0</v>
      </c>
      <c r="CL203" s="21">
        <f t="shared" si="322"/>
        <v>0</v>
      </c>
      <c r="CM203" s="21">
        <f t="shared" si="323"/>
        <v>0</v>
      </c>
      <c r="CN203" s="21">
        <f t="shared" si="324"/>
        <v>0</v>
      </c>
      <c r="CO203" s="20"/>
    </row>
    <row r="204" spans="1:93" x14ac:dyDescent="0.7">
      <c r="A204" s="7"/>
      <c r="E204" s="8" t="s">
        <v>36</v>
      </c>
      <c r="F204" s="42">
        <v>40</v>
      </c>
      <c r="G204" s="42">
        <v>31</v>
      </c>
      <c r="H204" s="42">
        <v>102</v>
      </c>
      <c r="I204" s="42">
        <v>34</v>
      </c>
      <c r="J204" s="42">
        <v>16</v>
      </c>
      <c r="K204" s="42">
        <v>31</v>
      </c>
      <c r="L204" s="42">
        <v>95</v>
      </c>
      <c r="M204" s="42">
        <v>48</v>
      </c>
      <c r="N204" s="42">
        <v>36</v>
      </c>
      <c r="O204" s="42">
        <v>62</v>
      </c>
      <c r="P204" s="42">
        <v>103</v>
      </c>
      <c r="Q204" s="42">
        <v>47</v>
      </c>
      <c r="R204" s="42">
        <v>31</v>
      </c>
      <c r="S204" s="42">
        <v>59</v>
      </c>
      <c r="T204" s="42">
        <v>83</v>
      </c>
      <c r="U204" s="42">
        <v>37</v>
      </c>
      <c r="V204" s="42">
        <v>28</v>
      </c>
      <c r="W204" s="42">
        <v>53</v>
      </c>
      <c r="X204" s="42">
        <v>73</v>
      </c>
      <c r="Y204" s="42">
        <v>35</v>
      </c>
      <c r="Z204" s="42">
        <v>25</v>
      </c>
      <c r="AA204" s="42">
        <v>44</v>
      </c>
      <c r="AB204" s="42">
        <v>52</v>
      </c>
      <c r="AC204" s="42">
        <v>23</v>
      </c>
      <c r="AD204" s="42">
        <v>16</v>
      </c>
      <c r="AE204" s="7"/>
      <c r="AF204" s="13"/>
      <c r="AG204" s="9"/>
      <c r="AH204" s="9"/>
      <c r="AI204" s="9"/>
      <c r="AJ204" s="9" t="s">
        <v>36</v>
      </c>
      <c r="AK204" s="21">
        <v>40</v>
      </c>
      <c r="AL204" s="21">
        <v>31</v>
      </c>
      <c r="AM204" s="21">
        <v>102</v>
      </c>
      <c r="AN204" s="21">
        <v>34</v>
      </c>
      <c r="AO204" s="21">
        <v>16</v>
      </c>
      <c r="AP204" s="21">
        <v>31</v>
      </c>
      <c r="AQ204" s="21">
        <v>95</v>
      </c>
      <c r="AR204" s="21">
        <v>48</v>
      </c>
      <c r="AS204" s="21">
        <v>36</v>
      </c>
      <c r="AT204" s="21">
        <v>62</v>
      </c>
      <c r="AU204" s="21">
        <v>103</v>
      </c>
      <c r="AV204" s="21">
        <v>47</v>
      </c>
      <c r="AW204" s="21">
        <v>31</v>
      </c>
      <c r="AX204" s="21">
        <v>59</v>
      </c>
      <c r="AY204" s="21">
        <v>83</v>
      </c>
      <c r="AZ204" s="21">
        <v>37</v>
      </c>
      <c r="BA204" s="21">
        <v>28</v>
      </c>
      <c r="BB204" s="21">
        <v>53</v>
      </c>
      <c r="BC204" s="21">
        <v>73</v>
      </c>
      <c r="BD204" s="21">
        <v>35</v>
      </c>
      <c r="BE204" s="21">
        <v>25</v>
      </c>
      <c r="BF204" s="21">
        <v>44</v>
      </c>
      <c r="BG204" s="21">
        <v>52</v>
      </c>
      <c r="BH204" s="21">
        <v>23</v>
      </c>
      <c r="BI204" s="21">
        <v>16</v>
      </c>
      <c r="BJ204" s="14"/>
      <c r="BK204" s="16"/>
      <c r="BL204" s="9"/>
      <c r="BM204" s="9"/>
      <c r="BN204" s="9"/>
      <c r="BO204" s="9" t="s">
        <v>36</v>
      </c>
      <c r="BP204" s="21">
        <f t="shared" si="300"/>
        <v>0</v>
      </c>
      <c r="BQ204" s="21">
        <f t="shared" si="301"/>
        <v>0</v>
      </c>
      <c r="BR204" s="21">
        <f t="shared" si="302"/>
        <v>0</v>
      </c>
      <c r="BS204" s="21">
        <f t="shared" si="303"/>
        <v>0</v>
      </c>
      <c r="BT204" s="21">
        <f t="shared" si="304"/>
        <v>0</v>
      </c>
      <c r="BU204" s="21">
        <f t="shared" si="305"/>
        <v>0</v>
      </c>
      <c r="BV204" s="21">
        <f t="shared" si="306"/>
        <v>0</v>
      </c>
      <c r="BW204" s="21">
        <f t="shared" si="307"/>
        <v>0</v>
      </c>
      <c r="BX204" s="21">
        <f t="shared" si="308"/>
        <v>0</v>
      </c>
      <c r="BY204" s="21">
        <f t="shared" si="309"/>
        <v>0</v>
      </c>
      <c r="BZ204" s="21">
        <f t="shared" si="310"/>
        <v>0</v>
      </c>
      <c r="CA204" s="21">
        <f t="shared" si="311"/>
        <v>0</v>
      </c>
      <c r="CB204" s="21">
        <f t="shared" si="312"/>
        <v>0</v>
      </c>
      <c r="CC204" s="21">
        <f t="shared" si="313"/>
        <v>0</v>
      </c>
      <c r="CD204" s="21">
        <f t="shared" si="314"/>
        <v>0</v>
      </c>
      <c r="CE204" s="21">
        <f t="shared" si="315"/>
        <v>0</v>
      </c>
      <c r="CF204" s="21">
        <f t="shared" si="316"/>
        <v>0</v>
      </c>
      <c r="CG204" s="21">
        <f t="shared" si="317"/>
        <v>0</v>
      </c>
      <c r="CH204" s="21">
        <f t="shared" si="318"/>
        <v>0</v>
      </c>
      <c r="CI204" s="21">
        <f t="shared" si="319"/>
        <v>0</v>
      </c>
      <c r="CJ204" s="21">
        <f t="shared" si="320"/>
        <v>0</v>
      </c>
      <c r="CK204" s="21">
        <f t="shared" si="321"/>
        <v>0</v>
      </c>
      <c r="CL204" s="21">
        <f t="shared" si="322"/>
        <v>0</v>
      </c>
      <c r="CM204" s="21">
        <f t="shared" si="323"/>
        <v>0</v>
      </c>
      <c r="CN204" s="21">
        <f t="shared" si="324"/>
        <v>0</v>
      </c>
      <c r="CO204" s="20"/>
    </row>
    <row r="205" spans="1:93" x14ac:dyDescent="0.7">
      <c r="A205" s="7"/>
      <c r="C205" s="8" t="s">
        <v>42</v>
      </c>
      <c r="D205" s="8" t="s">
        <v>26</v>
      </c>
      <c r="E205" s="8" t="s">
        <v>27</v>
      </c>
      <c r="F205" s="42">
        <v>131442</v>
      </c>
      <c r="G205" s="42">
        <v>143650</v>
      </c>
      <c r="H205" s="42">
        <v>152283</v>
      </c>
      <c r="I205" s="42">
        <v>161170</v>
      </c>
      <c r="J205" s="42">
        <v>128560</v>
      </c>
      <c r="K205" s="42">
        <v>166117</v>
      </c>
      <c r="L205" s="42">
        <v>165761</v>
      </c>
      <c r="M205" s="42">
        <v>168743</v>
      </c>
      <c r="N205" s="42">
        <v>151631</v>
      </c>
      <c r="O205" s="42">
        <v>174451</v>
      </c>
      <c r="P205" s="42">
        <v>165821</v>
      </c>
      <c r="Q205" s="42">
        <v>170409</v>
      </c>
      <c r="R205" s="42">
        <v>155063</v>
      </c>
      <c r="S205" s="42">
        <v>170975</v>
      </c>
      <c r="T205" s="42">
        <v>161018</v>
      </c>
      <c r="U205" s="42">
        <v>169089</v>
      </c>
      <c r="V205" s="42">
        <v>153808</v>
      </c>
      <c r="W205" s="42">
        <v>174665</v>
      </c>
      <c r="X205" s="42">
        <v>166382</v>
      </c>
      <c r="Y205" s="42">
        <v>174114</v>
      </c>
      <c r="Z205" s="42">
        <v>159028</v>
      </c>
      <c r="AA205" s="42">
        <v>177711</v>
      </c>
      <c r="AB205" s="42">
        <v>170592</v>
      </c>
      <c r="AC205" s="42">
        <v>182496</v>
      </c>
      <c r="AD205" s="42">
        <v>160370</v>
      </c>
      <c r="AE205" s="7"/>
      <c r="AF205" s="13"/>
      <c r="AG205" s="9"/>
      <c r="AH205" s="9" t="s">
        <v>42</v>
      </c>
      <c r="AI205" s="9" t="s">
        <v>26</v>
      </c>
      <c r="AJ205" s="9" t="s">
        <v>27</v>
      </c>
      <c r="AK205" s="21">
        <v>131444</v>
      </c>
      <c r="AL205" s="21">
        <v>143651</v>
      </c>
      <c r="AM205" s="21">
        <v>152283</v>
      </c>
      <c r="AN205" s="21">
        <v>161169</v>
      </c>
      <c r="AO205" s="21">
        <v>128667</v>
      </c>
      <c r="AP205" s="21">
        <v>166044</v>
      </c>
      <c r="AQ205" s="21">
        <v>166755</v>
      </c>
      <c r="AR205" s="21">
        <v>168743</v>
      </c>
      <c r="AS205" s="21">
        <v>151302</v>
      </c>
      <c r="AT205" s="21">
        <v>174447</v>
      </c>
      <c r="AU205" s="21">
        <v>165817</v>
      </c>
      <c r="AV205" s="21">
        <v>170024</v>
      </c>
      <c r="AW205" s="21">
        <v>154714</v>
      </c>
      <c r="AX205" s="21">
        <v>170565</v>
      </c>
      <c r="AY205" s="21">
        <v>160626</v>
      </c>
      <c r="AZ205" s="21">
        <v>169128</v>
      </c>
      <c r="BA205" s="21">
        <v>153805</v>
      </c>
      <c r="BB205" s="21">
        <v>174664</v>
      </c>
      <c r="BC205" s="21">
        <v>165691</v>
      </c>
      <c r="BD205" s="21">
        <v>175453</v>
      </c>
      <c r="BE205" s="21">
        <v>156793</v>
      </c>
      <c r="BF205" s="21">
        <v>177711</v>
      </c>
      <c r="BG205" s="21">
        <v>170618</v>
      </c>
      <c r="BH205" s="21">
        <v>181405</v>
      </c>
      <c r="BI205" s="21">
        <v>160180</v>
      </c>
      <c r="BJ205" s="14"/>
      <c r="BK205" s="16"/>
      <c r="BL205" s="9"/>
      <c r="BM205" s="9" t="s">
        <v>42</v>
      </c>
      <c r="BN205" s="9" t="s">
        <v>26</v>
      </c>
      <c r="BO205" s="9" t="s">
        <v>27</v>
      </c>
      <c r="BP205" s="21">
        <f t="shared" si="300"/>
        <v>2</v>
      </c>
      <c r="BQ205" s="21">
        <f t="shared" si="301"/>
        <v>1</v>
      </c>
      <c r="BR205" s="21">
        <f t="shared" si="302"/>
        <v>0</v>
      </c>
      <c r="BS205" s="21">
        <f t="shared" si="303"/>
        <v>-1</v>
      </c>
      <c r="BT205" s="21">
        <f t="shared" si="304"/>
        <v>107</v>
      </c>
      <c r="BU205" s="21">
        <f t="shared" si="305"/>
        <v>-73</v>
      </c>
      <c r="BV205" s="21">
        <f t="shared" si="306"/>
        <v>994</v>
      </c>
      <c r="BW205" s="21">
        <f t="shared" si="307"/>
        <v>0</v>
      </c>
      <c r="BX205" s="21">
        <f t="shared" si="308"/>
        <v>-329</v>
      </c>
      <c r="BY205" s="21">
        <f t="shared" si="309"/>
        <v>-4</v>
      </c>
      <c r="BZ205" s="21">
        <f t="shared" si="310"/>
        <v>-4</v>
      </c>
      <c r="CA205" s="21">
        <f t="shared" si="311"/>
        <v>-385</v>
      </c>
      <c r="CB205" s="21">
        <f t="shared" si="312"/>
        <v>-349</v>
      </c>
      <c r="CC205" s="21">
        <f t="shared" si="313"/>
        <v>-410</v>
      </c>
      <c r="CD205" s="21">
        <f t="shared" si="314"/>
        <v>-392</v>
      </c>
      <c r="CE205" s="21">
        <f t="shared" si="315"/>
        <v>39</v>
      </c>
      <c r="CF205" s="21">
        <f t="shared" si="316"/>
        <v>-3</v>
      </c>
      <c r="CG205" s="21">
        <f t="shared" si="317"/>
        <v>-1</v>
      </c>
      <c r="CH205" s="21">
        <f t="shared" si="318"/>
        <v>-691</v>
      </c>
      <c r="CI205" s="21">
        <f t="shared" si="319"/>
        <v>1339</v>
      </c>
      <c r="CJ205" s="21">
        <f t="shared" si="320"/>
        <v>-2235</v>
      </c>
      <c r="CK205" s="21">
        <f t="shared" si="321"/>
        <v>0</v>
      </c>
      <c r="CL205" s="21">
        <f t="shared" si="322"/>
        <v>26</v>
      </c>
      <c r="CM205" s="21">
        <f t="shared" si="323"/>
        <v>-1091</v>
      </c>
      <c r="CN205" s="21">
        <f t="shared" si="324"/>
        <v>-190</v>
      </c>
      <c r="CO205" s="20"/>
    </row>
    <row r="206" spans="1:93" x14ac:dyDescent="0.7">
      <c r="A206" s="7"/>
      <c r="E206" s="8" t="s">
        <v>28</v>
      </c>
      <c r="F206" s="42">
        <v>124161</v>
      </c>
      <c r="G206" s="42">
        <v>137621</v>
      </c>
      <c r="H206" s="42">
        <v>145512</v>
      </c>
      <c r="I206" s="42">
        <v>154469</v>
      </c>
      <c r="J206" s="42">
        <v>123279</v>
      </c>
      <c r="K206" s="42">
        <v>159208</v>
      </c>
      <c r="L206" s="42">
        <v>158295</v>
      </c>
      <c r="M206" s="42">
        <v>160564</v>
      </c>
      <c r="N206" s="42">
        <v>143905</v>
      </c>
      <c r="O206" s="42">
        <v>165321</v>
      </c>
      <c r="P206" s="42">
        <v>157120</v>
      </c>
      <c r="Q206" s="42">
        <v>161037</v>
      </c>
      <c r="R206" s="42">
        <v>146035</v>
      </c>
      <c r="S206" s="42">
        <v>161300</v>
      </c>
      <c r="T206" s="42">
        <v>151765</v>
      </c>
      <c r="U206" s="42">
        <v>158893</v>
      </c>
      <c r="V206" s="42">
        <v>144179</v>
      </c>
      <c r="W206" s="42">
        <v>164178</v>
      </c>
      <c r="X206" s="42">
        <v>156491</v>
      </c>
      <c r="Y206" s="42">
        <v>163035</v>
      </c>
      <c r="Z206" s="42">
        <v>148673</v>
      </c>
      <c r="AA206" s="42">
        <v>166760</v>
      </c>
      <c r="AB206" s="42">
        <v>159987</v>
      </c>
      <c r="AC206" s="42">
        <v>170579</v>
      </c>
      <c r="AD206" s="42">
        <v>148950</v>
      </c>
      <c r="AE206" s="7"/>
      <c r="AF206" s="13"/>
      <c r="AG206" s="9"/>
      <c r="AH206" s="9"/>
      <c r="AI206" s="9"/>
      <c r="AJ206" s="9" t="s">
        <v>28</v>
      </c>
      <c r="AK206" s="21">
        <v>124163</v>
      </c>
      <c r="AL206" s="21">
        <v>137622</v>
      </c>
      <c r="AM206" s="21">
        <v>145512</v>
      </c>
      <c r="AN206" s="21">
        <v>154468</v>
      </c>
      <c r="AO206" s="21">
        <v>123372</v>
      </c>
      <c r="AP206" s="21">
        <v>159131</v>
      </c>
      <c r="AQ206" s="21">
        <v>159240</v>
      </c>
      <c r="AR206" s="21">
        <v>160563</v>
      </c>
      <c r="AS206" s="21">
        <v>143576</v>
      </c>
      <c r="AT206" s="21">
        <v>165318</v>
      </c>
      <c r="AU206" s="21">
        <v>157116</v>
      </c>
      <c r="AV206" s="21">
        <v>160658</v>
      </c>
      <c r="AW206" s="21">
        <v>145691</v>
      </c>
      <c r="AX206" s="21">
        <v>160896</v>
      </c>
      <c r="AY206" s="21">
        <v>151378</v>
      </c>
      <c r="AZ206" s="21">
        <v>158930</v>
      </c>
      <c r="BA206" s="21">
        <v>144176</v>
      </c>
      <c r="BB206" s="21">
        <v>164177</v>
      </c>
      <c r="BC206" s="21">
        <v>155761</v>
      </c>
      <c r="BD206" s="21">
        <v>164374</v>
      </c>
      <c r="BE206" s="21">
        <v>146438</v>
      </c>
      <c r="BF206" s="21">
        <v>166760</v>
      </c>
      <c r="BG206" s="21">
        <v>159987</v>
      </c>
      <c r="BH206" s="21">
        <v>169488</v>
      </c>
      <c r="BI206" s="21">
        <v>148906</v>
      </c>
      <c r="BJ206" s="14"/>
      <c r="BK206" s="16"/>
      <c r="BL206" s="9"/>
      <c r="BM206" s="9"/>
      <c r="BN206" s="9"/>
      <c r="BO206" s="9" t="s">
        <v>28</v>
      </c>
      <c r="BP206" s="21">
        <f t="shared" si="300"/>
        <v>2</v>
      </c>
      <c r="BQ206" s="21">
        <f t="shared" si="301"/>
        <v>1</v>
      </c>
      <c r="BR206" s="21">
        <f t="shared" si="302"/>
        <v>0</v>
      </c>
      <c r="BS206" s="21">
        <f t="shared" si="303"/>
        <v>-1</v>
      </c>
      <c r="BT206" s="21">
        <f t="shared" si="304"/>
        <v>93</v>
      </c>
      <c r="BU206" s="21">
        <f t="shared" si="305"/>
        <v>-77</v>
      </c>
      <c r="BV206" s="21">
        <f t="shared" si="306"/>
        <v>945</v>
      </c>
      <c r="BW206" s="21">
        <f t="shared" si="307"/>
        <v>-1</v>
      </c>
      <c r="BX206" s="21">
        <f t="shared" si="308"/>
        <v>-329</v>
      </c>
      <c r="BY206" s="21">
        <f t="shared" si="309"/>
        <v>-3</v>
      </c>
      <c r="BZ206" s="21">
        <f t="shared" si="310"/>
        <v>-4</v>
      </c>
      <c r="CA206" s="21">
        <f t="shared" si="311"/>
        <v>-379</v>
      </c>
      <c r="CB206" s="21">
        <f t="shared" si="312"/>
        <v>-344</v>
      </c>
      <c r="CC206" s="21">
        <f t="shared" si="313"/>
        <v>-404</v>
      </c>
      <c r="CD206" s="21">
        <f t="shared" si="314"/>
        <v>-387</v>
      </c>
      <c r="CE206" s="21">
        <f t="shared" si="315"/>
        <v>37</v>
      </c>
      <c r="CF206" s="21">
        <f t="shared" si="316"/>
        <v>-3</v>
      </c>
      <c r="CG206" s="21">
        <f t="shared" si="317"/>
        <v>-1</v>
      </c>
      <c r="CH206" s="21">
        <f t="shared" si="318"/>
        <v>-730</v>
      </c>
      <c r="CI206" s="21">
        <f t="shared" si="319"/>
        <v>1339</v>
      </c>
      <c r="CJ206" s="21">
        <f t="shared" si="320"/>
        <v>-2235</v>
      </c>
      <c r="CK206" s="21">
        <f t="shared" si="321"/>
        <v>0</v>
      </c>
      <c r="CL206" s="21">
        <f t="shared" si="322"/>
        <v>0</v>
      </c>
      <c r="CM206" s="21">
        <f t="shared" si="323"/>
        <v>-1091</v>
      </c>
      <c r="CN206" s="21">
        <f t="shared" si="324"/>
        <v>-44</v>
      </c>
      <c r="CO206" s="20"/>
    </row>
    <row r="207" spans="1:93" x14ac:dyDescent="0.7">
      <c r="A207" s="7"/>
      <c r="E207" s="8" t="s">
        <v>29</v>
      </c>
      <c r="F207" s="42">
        <v>3293</v>
      </c>
      <c r="G207" s="42">
        <v>3377</v>
      </c>
      <c r="H207" s="42">
        <v>3396</v>
      </c>
      <c r="I207" s="42">
        <v>3468</v>
      </c>
      <c r="J207" s="42">
        <v>2656</v>
      </c>
      <c r="K207" s="42">
        <v>3048</v>
      </c>
      <c r="L207" s="42">
        <v>2857</v>
      </c>
      <c r="M207" s="42">
        <v>2666</v>
      </c>
      <c r="N207" s="42">
        <v>2345</v>
      </c>
      <c r="O207" s="42">
        <v>2620</v>
      </c>
      <c r="P207" s="42">
        <v>2425</v>
      </c>
      <c r="Q207" s="42">
        <v>2513</v>
      </c>
      <c r="R207" s="42">
        <v>2203</v>
      </c>
      <c r="S207" s="42">
        <v>2604</v>
      </c>
      <c r="T207" s="42">
        <v>2705</v>
      </c>
      <c r="U207" s="42">
        <v>3022</v>
      </c>
      <c r="V207" s="42">
        <v>1320</v>
      </c>
      <c r="W207" s="42">
        <v>1372</v>
      </c>
      <c r="X207" s="42">
        <v>1232</v>
      </c>
      <c r="Y207" s="42">
        <v>1180</v>
      </c>
      <c r="Z207" s="42">
        <v>1026</v>
      </c>
      <c r="AA207" s="42">
        <v>1047</v>
      </c>
      <c r="AB207" s="42">
        <v>909</v>
      </c>
      <c r="AC207" s="42">
        <v>897</v>
      </c>
      <c r="AD207" s="42">
        <v>743</v>
      </c>
      <c r="AE207" s="7"/>
      <c r="AF207" s="13"/>
      <c r="AG207" s="9"/>
      <c r="AH207" s="9"/>
      <c r="AI207" s="9"/>
      <c r="AJ207" s="9" t="s">
        <v>29</v>
      </c>
      <c r="AK207" s="21">
        <v>3293</v>
      </c>
      <c r="AL207" s="21">
        <v>3378</v>
      </c>
      <c r="AM207" s="21">
        <v>3397</v>
      </c>
      <c r="AN207" s="21">
        <v>3468</v>
      </c>
      <c r="AO207" s="21">
        <v>2669</v>
      </c>
      <c r="AP207" s="21">
        <v>3056</v>
      </c>
      <c r="AQ207" s="21">
        <v>2887</v>
      </c>
      <c r="AR207" s="21">
        <v>2665</v>
      </c>
      <c r="AS207" s="21">
        <v>2292</v>
      </c>
      <c r="AT207" s="21">
        <v>2421</v>
      </c>
      <c r="AU207" s="21">
        <v>2151</v>
      </c>
      <c r="AV207" s="21">
        <v>2122</v>
      </c>
      <c r="AW207" s="21">
        <v>1779</v>
      </c>
      <c r="AX207" s="21">
        <v>1817</v>
      </c>
      <c r="AY207" s="21">
        <v>1571</v>
      </c>
      <c r="AZ207" s="21">
        <v>1601</v>
      </c>
      <c r="BA207" s="21">
        <v>1319</v>
      </c>
      <c r="BB207" s="21">
        <v>1372</v>
      </c>
      <c r="BC207" s="21">
        <v>1211</v>
      </c>
      <c r="BD207" s="21">
        <v>1180</v>
      </c>
      <c r="BE207" s="21">
        <v>1026</v>
      </c>
      <c r="BF207" s="21">
        <v>1047</v>
      </c>
      <c r="BG207" s="21">
        <v>909</v>
      </c>
      <c r="BH207" s="21">
        <v>897</v>
      </c>
      <c r="BI207" s="21">
        <v>743</v>
      </c>
      <c r="BJ207" s="14"/>
      <c r="BK207" s="16"/>
      <c r="BL207" s="9"/>
      <c r="BM207" s="9"/>
      <c r="BN207" s="9"/>
      <c r="BO207" s="9" t="s">
        <v>29</v>
      </c>
      <c r="BP207" s="21">
        <f t="shared" si="300"/>
        <v>0</v>
      </c>
      <c r="BQ207" s="21">
        <f t="shared" si="301"/>
        <v>1</v>
      </c>
      <c r="BR207" s="21">
        <f t="shared" si="302"/>
        <v>1</v>
      </c>
      <c r="BS207" s="21">
        <f t="shared" si="303"/>
        <v>0</v>
      </c>
      <c r="BT207" s="21">
        <f t="shared" si="304"/>
        <v>13</v>
      </c>
      <c r="BU207" s="21">
        <f t="shared" si="305"/>
        <v>8</v>
      </c>
      <c r="BV207" s="21">
        <f t="shared" si="306"/>
        <v>30</v>
      </c>
      <c r="BW207" s="21">
        <f t="shared" si="307"/>
        <v>-1</v>
      </c>
      <c r="BX207" s="21">
        <f t="shared" si="308"/>
        <v>-53</v>
      </c>
      <c r="BY207" s="21">
        <f t="shared" si="309"/>
        <v>-199</v>
      </c>
      <c r="BZ207" s="21">
        <f t="shared" si="310"/>
        <v>-274</v>
      </c>
      <c r="CA207" s="21">
        <f t="shared" si="311"/>
        <v>-391</v>
      </c>
      <c r="CB207" s="21">
        <f t="shared" si="312"/>
        <v>-424</v>
      </c>
      <c r="CC207" s="21">
        <f t="shared" si="313"/>
        <v>-787</v>
      </c>
      <c r="CD207" s="21">
        <f t="shared" si="314"/>
        <v>-1134</v>
      </c>
      <c r="CE207" s="21">
        <f t="shared" si="315"/>
        <v>-1421</v>
      </c>
      <c r="CF207" s="21">
        <f t="shared" si="316"/>
        <v>-1</v>
      </c>
      <c r="CG207" s="21">
        <f t="shared" si="317"/>
        <v>0</v>
      </c>
      <c r="CH207" s="21">
        <f t="shared" si="318"/>
        <v>-21</v>
      </c>
      <c r="CI207" s="21">
        <f t="shared" si="319"/>
        <v>0</v>
      </c>
      <c r="CJ207" s="21">
        <f t="shared" si="320"/>
        <v>0</v>
      </c>
      <c r="CK207" s="21">
        <f t="shared" si="321"/>
        <v>0</v>
      </c>
      <c r="CL207" s="21">
        <f t="shared" si="322"/>
        <v>0</v>
      </c>
      <c r="CM207" s="21">
        <f t="shared" si="323"/>
        <v>0</v>
      </c>
      <c r="CN207" s="21">
        <f t="shared" si="324"/>
        <v>0</v>
      </c>
      <c r="CO207" s="20"/>
    </row>
    <row r="208" spans="1:93" x14ac:dyDescent="0.7">
      <c r="A208" s="7"/>
      <c r="E208" s="8" t="s">
        <v>30</v>
      </c>
      <c r="F208" s="42">
        <v>95405</v>
      </c>
      <c r="G208" s="42">
        <v>105305</v>
      </c>
      <c r="H208" s="42">
        <v>111454</v>
      </c>
      <c r="I208" s="42">
        <v>117899</v>
      </c>
      <c r="J208" s="42">
        <v>92468</v>
      </c>
      <c r="K208" s="42">
        <v>120351</v>
      </c>
      <c r="L208" s="42">
        <v>119863</v>
      </c>
      <c r="M208" s="42">
        <v>122142</v>
      </c>
      <c r="N208" s="42">
        <v>107877</v>
      </c>
      <c r="O208" s="42">
        <v>124443</v>
      </c>
      <c r="P208" s="42">
        <v>116605</v>
      </c>
      <c r="Q208" s="42">
        <v>118658</v>
      </c>
      <c r="R208" s="42">
        <v>103901</v>
      </c>
      <c r="S208" s="42">
        <v>112616</v>
      </c>
      <c r="T208" s="42">
        <v>103387</v>
      </c>
      <c r="U208" s="42">
        <v>108154</v>
      </c>
      <c r="V208" s="42">
        <v>98530</v>
      </c>
      <c r="W208" s="42">
        <v>111653</v>
      </c>
      <c r="X208" s="42">
        <v>104297</v>
      </c>
      <c r="Y208" s="42">
        <v>107872</v>
      </c>
      <c r="Z208" s="42">
        <v>97615</v>
      </c>
      <c r="AA208" s="42">
        <v>108384</v>
      </c>
      <c r="AB208" s="42">
        <v>101781</v>
      </c>
      <c r="AC208" s="42">
        <v>107768</v>
      </c>
      <c r="AD208" s="42">
        <v>95437</v>
      </c>
      <c r="AE208" s="7"/>
      <c r="AF208" s="13"/>
      <c r="AG208" s="9"/>
      <c r="AH208" s="9"/>
      <c r="AI208" s="9"/>
      <c r="AJ208" s="9" t="s">
        <v>30</v>
      </c>
      <c r="AK208" s="21">
        <v>95406</v>
      </c>
      <c r="AL208" s="21">
        <v>105304</v>
      </c>
      <c r="AM208" s="21">
        <v>111454</v>
      </c>
      <c r="AN208" s="21">
        <v>117898</v>
      </c>
      <c r="AO208" s="21">
        <v>92552</v>
      </c>
      <c r="AP208" s="21">
        <v>120289</v>
      </c>
      <c r="AQ208" s="21">
        <v>120684</v>
      </c>
      <c r="AR208" s="21">
        <v>122143</v>
      </c>
      <c r="AS208" s="21">
        <v>107659</v>
      </c>
      <c r="AT208" s="21">
        <v>124857</v>
      </c>
      <c r="AU208" s="21">
        <v>117172</v>
      </c>
      <c r="AV208" s="21">
        <v>119142</v>
      </c>
      <c r="AW208" s="21">
        <v>104471</v>
      </c>
      <c r="AX208" s="21">
        <v>113770</v>
      </c>
      <c r="AY208" s="21">
        <v>105241</v>
      </c>
      <c r="AZ208" s="21">
        <v>110666</v>
      </c>
      <c r="BA208" s="21">
        <v>98529</v>
      </c>
      <c r="BB208" s="21">
        <v>111652</v>
      </c>
      <c r="BC208" s="21">
        <v>103579</v>
      </c>
      <c r="BD208" s="21">
        <v>109211</v>
      </c>
      <c r="BE208" s="21">
        <v>95380</v>
      </c>
      <c r="BF208" s="21">
        <v>108384</v>
      </c>
      <c r="BG208" s="21">
        <v>101781</v>
      </c>
      <c r="BH208" s="21">
        <v>107768</v>
      </c>
      <c r="BI208" s="21">
        <v>95393</v>
      </c>
      <c r="BJ208" s="14"/>
      <c r="BK208" s="16"/>
      <c r="BL208" s="9"/>
      <c r="BM208" s="9"/>
      <c r="BN208" s="9"/>
      <c r="BO208" s="9" t="s">
        <v>30</v>
      </c>
      <c r="BP208" s="21">
        <f t="shared" si="300"/>
        <v>1</v>
      </c>
      <c r="BQ208" s="21">
        <f t="shared" si="301"/>
        <v>-1</v>
      </c>
      <c r="BR208" s="21">
        <f t="shared" si="302"/>
        <v>0</v>
      </c>
      <c r="BS208" s="21">
        <f t="shared" si="303"/>
        <v>-1</v>
      </c>
      <c r="BT208" s="21">
        <f t="shared" si="304"/>
        <v>84</v>
      </c>
      <c r="BU208" s="21">
        <f t="shared" si="305"/>
        <v>-62</v>
      </c>
      <c r="BV208" s="21">
        <f t="shared" si="306"/>
        <v>821</v>
      </c>
      <c r="BW208" s="21">
        <f t="shared" si="307"/>
        <v>1</v>
      </c>
      <c r="BX208" s="21">
        <f t="shared" si="308"/>
        <v>-218</v>
      </c>
      <c r="BY208" s="21">
        <f t="shared" si="309"/>
        <v>414</v>
      </c>
      <c r="BZ208" s="21">
        <f t="shared" si="310"/>
        <v>567</v>
      </c>
      <c r="CA208" s="21">
        <f t="shared" si="311"/>
        <v>484</v>
      </c>
      <c r="CB208" s="21">
        <f t="shared" si="312"/>
        <v>570</v>
      </c>
      <c r="CC208" s="21">
        <f t="shared" si="313"/>
        <v>1154</v>
      </c>
      <c r="CD208" s="21">
        <f t="shared" si="314"/>
        <v>1854</v>
      </c>
      <c r="CE208" s="21">
        <f t="shared" si="315"/>
        <v>2512</v>
      </c>
      <c r="CF208" s="21">
        <f t="shared" si="316"/>
        <v>-1</v>
      </c>
      <c r="CG208" s="21">
        <f t="shared" si="317"/>
        <v>-1</v>
      </c>
      <c r="CH208" s="21">
        <f t="shared" si="318"/>
        <v>-718</v>
      </c>
      <c r="CI208" s="21">
        <f t="shared" si="319"/>
        <v>1339</v>
      </c>
      <c r="CJ208" s="21">
        <f t="shared" si="320"/>
        <v>-2235</v>
      </c>
      <c r="CK208" s="21">
        <f t="shared" si="321"/>
        <v>0</v>
      </c>
      <c r="CL208" s="21">
        <f t="shared" si="322"/>
        <v>0</v>
      </c>
      <c r="CM208" s="21">
        <f t="shared" si="323"/>
        <v>0</v>
      </c>
      <c r="CN208" s="21">
        <f t="shared" si="324"/>
        <v>-44</v>
      </c>
      <c r="CO208" s="20"/>
    </row>
    <row r="209" spans="1:93" x14ac:dyDescent="0.7">
      <c r="A209" s="7"/>
      <c r="E209" s="8" t="s">
        <v>31</v>
      </c>
      <c r="F209" s="42">
        <v>25463</v>
      </c>
      <c r="G209" s="42">
        <v>28939</v>
      </c>
      <c r="H209" s="42">
        <v>30662</v>
      </c>
      <c r="I209" s="42">
        <v>33102</v>
      </c>
      <c r="J209" s="42">
        <v>28155</v>
      </c>
      <c r="K209" s="42">
        <v>35809</v>
      </c>
      <c r="L209" s="42">
        <v>35575</v>
      </c>
      <c r="M209" s="42">
        <v>35756</v>
      </c>
      <c r="N209" s="42">
        <v>33683</v>
      </c>
      <c r="O209" s="42">
        <v>38258</v>
      </c>
      <c r="P209" s="42">
        <v>38090</v>
      </c>
      <c r="Q209" s="42">
        <v>39866</v>
      </c>
      <c r="R209" s="42">
        <v>39931</v>
      </c>
      <c r="S209" s="42">
        <v>46080</v>
      </c>
      <c r="T209" s="42">
        <v>45673</v>
      </c>
      <c r="U209" s="42">
        <v>47717</v>
      </c>
      <c r="V209" s="42">
        <v>44329</v>
      </c>
      <c r="W209" s="42">
        <v>51153</v>
      </c>
      <c r="X209" s="42">
        <v>50961</v>
      </c>
      <c r="Y209" s="42">
        <v>53983</v>
      </c>
      <c r="Z209" s="42">
        <v>50032</v>
      </c>
      <c r="AA209" s="42">
        <v>57329</v>
      </c>
      <c r="AB209" s="42">
        <v>57298</v>
      </c>
      <c r="AC209" s="42">
        <v>61913</v>
      </c>
      <c r="AD209" s="42">
        <v>52770</v>
      </c>
      <c r="AE209" s="7"/>
      <c r="AF209" s="13"/>
      <c r="AG209" s="9"/>
      <c r="AH209" s="9"/>
      <c r="AI209" s="9"/>
      <c r="AJ209" s="9" t="s">
        <v>31</v>
      </c>
      <c r="AK209" s="21">
        <v>25464</v>
      </c>
      <c r="AL209" s="21">
        <v>28940</v>
      </c>
      <c r="AM209" s="21">
        <v>30661</v>
      </c>
      <c r="AN209" s="21">
        <v>33102</v>
      </c>
      <c r="AO209" s="21">
        <v>28151</v>
      </c>
      <c r="AP209" s="21">
        <v>35786</v>
      </c>
      <c r="AQ209" s="21">
        <v>35669</v>
      </c>
      <c r="AR209" s="21">
        <v>35755</v>
      </c>
      <c r="AS209" s="21">
        <v>33625</v>
      </c>
      <c r="AT209" s="21">
        <v>38040</v>
      </c>
      <c r="AU209" s="21">
        <v>37793</v>
      </c>
      <c r="AV209" s="21">
        <v>39394</v>
      </c>
      <c r="AW209" s="21">
        <v>39440</v>
      </c>
      <c r="AX209" s="21">
        <v>45309</v>
      </c>
      <c r="AY209" s="21">
        <v>44567</v>
      </c>
      <c r="AZ209" s="21">
        <v>46663</v>
      </c>
      <c r="BA209" s="21">
        <v>44328</v>
      </c>
      <c r="BB209" s="21">
        <v>51153</v>
      </c>
      <c r="BC209" s="21">
        <v>50971</v>
      </c>
      <c r="BD209" s="21">
        <v>53983</v>
      </c>
      <c r="BE209" s="21">
        <v>50032</v>
      </c>
      <c r="BF209" s="21">
        <v>57329</v>
      </c>
      <c r="BG209" s="21">
        <v>57298</v>
      </c>
      <c r="BH209" s="21">
        <v>60822</v>
      </c>
      <c r="BI209" s="21">
        <v>52770</v>
      </c>
      <c r="BJ209" s="14"/>
      <c r="BK209" s="16"/>
      <c r="BL209" s="9"/>
      <c r="BM209" s="9"/>
      <c r="BN209" s="9"/>
      <c r="BO209" s="9" t="s">
        <v>31</v>
      </c>
      <c r="BP209" s="21">
        <f t="shared" si="300"/>
        <v>1</v>
      </c>
      <c r="BQ209" s="21">
        <f t="shared" si="301"/>
        <v>1</v>
      </c>
      <c r="BR209" s="21">
        <f t="shared" si="302"/>
        <v>-1</v>
      </c>
      <c r="BS209" s="21">
        <f t="shared" si="303"/>
        <v>0</v>
      </c>
      <c r="BT209" s="21">
        <f t="shared" si="304"/>
        <v>-4</v>
      </c>
      <c r="BU209" s="21">
        <f t="shared" si="305"/>
        <v>-23</v>
      </c>
      <c r="BV209" s="21">
        <f t="shared" si="306"/>
        <v>94</v>
      </c>
      <c r="BW209" s="21">
        <f t="shared" si="307"/>
        <v>-1</v>
      </c>
      <c r="BX209" s="21">
        <f t="shared" si="308"/>
        <v>-58</v>
      </c>
      <c r="BY209" s="21">
        <f t="shared" si="309"/>
        <v>-218</v>
      </c>
      <c r="BZ209" s="21">
        <f t="shared" si="310"/>
        <v>-297</v>
      </c>
      <c r="CA209" s="21">
        <f t="shared" si="311"/>
        <v>-472</v>
      </c>
      <c r="CB209" s="21">
        <f t="shared" si="312"/>
        <v>-491</v>
      </c>
      <c r="CC209" s="21">
        <f t="shared" si="313"/>
        <v>-771</v>
      </c>
      <c r="CD209" s="21">
        <f t="shared" si="314"/>
        <v>-1106</v>
      </c>
      <c r="CE209" s="21">
        <f t="shared" si="315"/>
        <v>-1054</v>
      </c>
      <c r="CF209" s="21">
        <f t="shared" si="316"/>
        <v>-1</v>
      </c>
      <c r="CG209" s="21">
        <f t="shared" si="317"/>
        <v>0</v>
      </c>
      <c r="CH209" s="21">
        <f t="shared" si="318"/>
        <v>10</v>
      </c>
      <c r="CI209" s="21">
        <f t="shared" si="319"/>
        <v>0</v>
      </c>
      <c r="CJ209" s="21">
        <f t="shared" si="320"/>
        <v>0</v>
      </c>
      <c r="CK209" s="21">
        <f t="shared" si="321"/>
        <v>0</v>
      </c>
      <c r="CL209" s="21">
        <f t="shared" si="322"/>
        <v>0</v>
      </c>
      <c r="CM209" s="21">
        <f t="shared" si="323"/>
        <v>-1091</v>
      </c>
      <c r="CN209" s="21">
        <f t="shared" si="324"/>
        <v>0</v>
      </c>
      <c r="CO209" s="20"/>
    </row>
    <row r="210" spans="1:93" x14ac:dyDescent="0.7">
      <c r="A210" s="7"/>
      <c r="E210" s="8" t="s">
        <v>32</v>
      </c>
      <c r="F210" s="42">
        <v>7281</v>
      </c>
      <c r="G210" s="42">
        <v>6029</v>
      </c>
      <c r="H210" s="42">
        <v>6771</v>
      </c>
      <c r="I210" s="42">
        <v>6701</v>
      </c>
      <c r="J210" s="42">
        <v>5281</v>
      </c>
      <c r="K210" s="42">
        <v>6909</v>
      </c>
      <c r="L210" s="42">
        <v>7466</v>
      </c>
      <c r="M210" s="42">
        <v>8179</v>
      </c>
      <c r="N210" s="42">
        <v>7726</v>
      </c>
      <c r="O210" s="42">
        <v>9130</v>
      </c>
      <c r="P210" s="42">
        <v>8701</v>
      </c>
      <c r="Q210" s="42">
        <v>9372</v>
      </c>
      <c r="R210" s="42">
        <v>9028</v>
      </c>
      <c r="S210" s="42">
        <v>9675</v>
      </c>
      <c r="T210" s="42">
        <v>9253</v>
      </c>
      <c r="U210" s="42">
        <v>10196</v>
      </c>
      <c r="V210" s="42">
        <v>9629</v>
      </c>
      <c r="W210" s="42">
        <v>10487</v>
      </c>
      <c r="X210" s="42">
        <v>9891</v>
      </c>
      <c r="Y210" s="42">
        <v>11078</v>
      </c>
      <c r="Z210" s="42">
        <v>10355</v>
      </c>
      <c r="AA210" s="42">
        <v>10952</v>
      </c>
      <c r="AB210" s="42">
        <v>10605</v>
      </c>
      <c r="AC210" s="42">
        <v>11917</v>
      </c>
      <c r="AD210" s="42">
        <v>11420</v>
      </c>
      <c r="AE210" s="7"/>
      <c r="AF210" s="13"/>
      <c r="AG210" s="9"/>
      <c r="AH210" s="9"/>
      <c r="AI210" s="9"/>
      <c r="AJ210" s="9" t="s">
        <v>32</v>
      </c>
      <c r="AK210" s="21">
        <v>7281</v>
      </c>
      <c r="AL210" s="21">
        <v>6029</v>
      </c>
      <c r="AM210" s="21">
        <v>6770</v>
      </c>
      <c r="AN210" s="21">
        <v>6701</v>
      </c>
      <c r="AO210" s="21">
        <v>5295</v>
      </c>
      <c r="AP210" s="21">
        <v>6913</v>
      </c>
      <c r="AQ210" s="21">
        <v>7515</v>
      </c>
      <c r="AR210" s="21">
        <v>8180</v>
      </c>
      <c r="AS210" s="21">
        <v>7726</v>
      </c>
      <c r="AT210" s="21">
        <v>9129</v>
      </c>
      <c r="AU210" s="21">
        <v>8701</v>
      </c>
      <c r="AV210" s="21">
        <v>9367</v>
      </c>
      <c r="AW210" s="21">
        <v>9023</v>
      </c>
      <c r="AX210" s="21">
        <v>9670</v>
      </c>
      <c r="AY210" s="21">
        <v>9248</v>
      </c>
      <c r="AZ210" s="21">
        <v>10198</v>
      </c>
      <c r="BA210" s="21">
        <v>9629</v>
      </c>
      <c r="BB210" s="21">
        <v>10487</v>
      </c>
      <c r="BC210" s="21">
        <v>9930</v>
      </c>
      <c r="BD210" s="21">
        <v>11078</v>
      </c>
      <c r="BE210" s="21">
        <v>10355</v>
      </c>
      <c r="BF210" s="21">
        <v>10952</v>
      </c>
      <c r="BG210" s="21">
        <v>10631</v>
      </c>
      <c r="BH210" s="21">
        <v>11917</v>
      </c>
      <c r="BI210" s="21">
        <v>11274</v>
      </c>
      <c r="BJ210" s="14"/>
      <c r="BK210" s="16"/>
      <c r="BL210" s="9"/>
      <c r="BM210" s="9"/>
      <c r="BN210" s="9"/>
      <c r="BO210" s="9" t="s">
        <v>32</v>
      </c>
      <c r="BP210" s="21">
        <f t="shared" si="300"/>
        <v>0</v>
      </c>
      <c r="BQ210" s="21">
        <f t="shared" si="301"/>
        <v>0</v>
      </c>
      <c r="BR210" s="21">
        <f t="shared" si="302"/>
        <v>-1</v>
      </c>
      <c r="BS210" s="21">
        <f t="shared" si="303"/>
        <v>0</v>
      </c>
      <c r="BT210" s="21">
        <f t="shared" si="304"/>
        <v>14</v>
      </c>
      <c r="BU210" s="21">
        <f t="shared" si="305"/>
        <v>4</v>
      </c>
      <c r="BV210" s="21">
        <f t="shared" si="306"/>
        <v>49</v>
      </c>
      <c r="BW210" s="21">
        <f t="shared" si="307"/>
        <v>1</v>
      </c>
      <c r="BX210" s="21">
        <f t="shared" si="308"/>
        <v>0</v>
      </c>
      <c r="BY210" s="21">
        <f t="shared" si="309"/>
        <v>-1</v>
      </c>
      <c r="BZ210" s="21">
        <f t="shared" si="310"/>
        <v>0</v>
      </c>
      <c r="CA210" s="21">
        <f t="shared" si="311"/>
        <v>-5</v>
      </c>
      <c r="CB210" s="21">
        <f t="shared" si="312"/>
        <v>-5</v>
      </c>
      <c r="CC210" s="21">
        <f t="shared" si="313"/>
        <v>-5</v>
      </c>
      <c r="CD210" s="21">
        <f t="shared" si="314"/>
        <v>-5</v>
      </c>
      <c r="CE210" s="21">
        <f t="shared" si="315"/>
        <v>2</v>
      </c>
      <c r="CF210" s="21">
        <f t="shared" si="316"/>
        <v>0</v>
      </c>
      <c r="CG210" s="21">
        <f t="shared" si="317"/>
        <v>0</v>
      </c>
      <c r="CH210" s="21">
        <f t="shared" si="318"/>
        <v>39</v>
      </c>
      <c r="CI210" s="21">
        <f t="shared" si="319"/>
        <v>0</v>
      </c>
      <c r="CJ210" s="21">
        <f t="shared" si="320"/>
        <v>0</v>
      </c>
      <c r="CK210" s="21">
        <f t="shared" si="321"/>
        <v>0</v>
      </c>
      <c r="CL210" s="21">
        <f t="shared" si="322"/>
        <v>26</v>
      </c>
      <c r="CM210" s="21">
        <f t="shared" si="323"/>
        <v>0</v>
      </c>
      <c r="CN210" s="21">
        <f t="shared" si="324"/>
        <v>-146</v>
      </c>
      <c r="CO210" s="20"/>
    </row>
    <row r="211" spans="1:93" x14ac:dyDescent="0.7">
      <c r="A211" s="7"/>
      <c r="E211" s="8" t="s">
        <v>33</v>
      </c>
      <c r="F211" s="42">
        <v>7281</v>
      </c>
      <c r="G211" s="42">
        <v>6029</v>
      </c>
      <c r="H211" s="42">
        <v>6771</v>
      </c>
      <c r="I211" s="42">
        <v>6701</v>
      </c>
      <c r="J211" s="42">
        <v>5281</v>
      </c>
      <c r="K211" s="42">
        <v>6909</v>
      </c>
      <c r="L211" s="42">
        <v>7466</v>
      </c>
      <c r="M211" s="42">
        <v>8179</v>
      </c>
      <c r="N211" s="42">
        <v>7726</v>
      </c>
      <c r="O211" s="42">
        <v>9130</v>
      </c>
      <c r="P211" s="42">
        <v>8701</v>
      </c>
      <c r="Q211" s="42">
        <v>9372</v>
      </c>
      <c r="R211" s="42">
        <v>9028</v>
      </c>
      <c r="S211" s="42">
        <v>9675</v>
      </c>
      <c r="T211" s="42">
        <v>9253</v>
      </c>
      <c r="U211" s="42">
        <v>10196</v>
      </c>
      <c r="V211" s="42">
        <v>9629</v>
      </c>
      <c r="W211" s="42">
        <v>10487</v>
      </c>
      <c r="X211" s="42">
        <v>9891</v>
      </c>
      <c r="Y211" s="42">
        <v>11078</v>
      </c>
      <c r="Z211" s="42">
        <v>10355</v>
      </c>
      <c r="AA211" s="42">
        <v>10952</v>
      </c>
      <c r="AB211" s="42">
        <v>10605</v>
      </c>
      <c r="AC211" s="42">
        <v>11917</v>
      </c>
      <c r="AD211" s="42">
        <v>11420</v>
      </c>
      <c r="AE211" s="7"/>
      <c r="AF211" s="13"/>
      <c r="AG211" s="9"/>
      <c r="AH211" s="9"/>
      <c r="AI211" s="9"/>
      <c r="AJ211" s="9" t="s">
        <v>33</v>
      </c>
      <c r="AK211" s="21">
        <v>7281</v>
      </c>
      <c r="AL211" s="21">
        <v>6029</v>
      </c>
      <c r="AM211" s="21">
        <v>6770</v>
      </c>
      <c r="AN211" s="21">
        <v>6701</v>
      </c>
      <c r="AO211" s="21">
        <v>5295</v>
      </c>
      <c r="AP211" s="21">
        <v>6913</v>
      </c>
      <c r="AQ211" s="21">
        <v>7515</v>
      </c>
      <c r="AR211" s="21">
        <v>8180</v>
      </c>
      <c r="AS211" s="21">
        <v>7726</v>
      </c>
      <c r="AT211" s="21">
        <v>9129</v>
      </c>
      <c r="AU211" s="21">
        <v>8701</v>
      </c>
      <c r="AV211" s="21">
        <v>9367</v>
      </c>
      <c r="AW211" s="21">
        <v>9023</v>
      </c>
      <c r="AX211" s="21">
        <v>9670</v>
      </c>
      <c r="AY211" s="21">
        <v>9248</v>
      </c>
      <c r="AZ211" s="21">
        <v>10198</v>
      </c>
      <c r="BA211" s="21">
        <v>9629</v>
      </c>
      <c r="BB211" s="21">
        <v>10487</v>
      </c>
      <c r="BC211" s="21">
        <v>9930</v>
      </c>
      <c r="BD211" s="21">
        <v>11078</v>
      </c>
      <c r="BE211" s="21">
        <v>10355</v>
      </c>
      <c r="BF211" s="21">
        <v>10952</v>
      </c>
      <c r="BG211" s="21">
        <v>10631</v>
      </c>
      <c r="BH211" s="21">
        <v>11917</v>
      </c>
      <c r="BI211" s="21">
        <v>11274</v>
      </c>
      <c r="BJ211" s="14"/>
      <c r="BK211" s="16"/>
      <c r="BL211" s="9"/>
      <c r="BM211" s="9"/>
      <c r="BN211" s="9"/>
      <c r="BO211" s="9" t="s">
        <v>33</v>
      </c>
      <c r="BP211" s="21">
        <f t="shared" si="300"/>
        <v>0</v>
      </c>
      <c r="BQ211" s="21">
        <f t="shared" si="301"/>
        <v>0</v>
      </c>
      <c r="BR211" s="21">
        <f t="shared" si="302"/>
        <v>-1</v>
      </c>
      <c r="BS211" s="21">
        <f t="shared" si="303"/>
        <v>0</v>
      </c>
      <c r="BT211" s="21">
        <f t="shared" si="304"/>
        <v>14</v>
      </c>
      <c r="BU211" s="21">
        <f t="shared" si="305"/>
        <v>4</v>
      </c>
      <c r="BV211" s="21">
        <f t="shared" si="306"/>
        <v>49</v>
      </c>
      <c r="BW211" s="21">
        <f t="shared" si="307"/>
        <v>1</v>
      </c>
      <c r="BX211" s="21">
        <f t="shared" si="308"/>
        <v>0</v>
      </c>
      <c r="BY211" s="21">
        <f t="shared" si="309"/>
        <v>-1</v>
      </c>
      <c r="BZ211" s="21">
        <f t="shared" si="310"/>
        <v>0</v>
      </c>
      <c r="CA211" s="21">
        <f t="shared" si="311"/>
        <v>-5</v>
      </c>
      <c r="CB211" s="21">
        <f t="shared" si="312"/>
        <v>-5</v>
      </c>
      <c r="CC211" s="21">
        <f t="shared" si="313"/>
        <v>-5</v>
      </c>
      <c r="CD211" s="21">
        <f t="shared" si="314"/>
        <v>-5</v>
      </c>
      <c r="CE211" s="21">
        <f t="shared" si="315"/>
        <v>2</v>
      </c>
      <c r="CF211" s="21">
        <f t="shared" si="316"/>
        <v>0</v>
      </c>
      <c r="CG211" s="21">
        <f t="shared" si="317"/>
        <v>0</v>
      </c>
      <c r="CH211" s="21">
        <f t="shared" si="318"/>
        <v>39</v>
      </c>
      <c r="CI211" s="21">
        <f t="shared" si="319"/>
        <v>0</v>
      </c>
      <c r="CJ211" s="21">
        <f t="shared" si="320"/>
        <v>0</v>
      </c>
      <c r="CK211" s="21">
        <f t="shared" si="321"/>
        <v>0</v>
      </c>
      <c r="CL211" s="21">
        <f t="shared" si="322"/>
        <v>26</v>
      </c>
      <c r="CM211" s="21">
        <f t="shared" si="323"/>
        <v>0</v>
      </c>
      <c r="CN211" s="21">
        <f t="shared" si="324"/>
        <v>-146</v>
      </c>
      <c r="CO211" s="20"/>
    </row>
    <row r="212" spans="1:93" x14ac:dyDescent="0.7">
      <c r="A212" s="7"/>
      <c r="E212" s="8" t="s">
        <v>34</v>
      </c>
      <c r="F212" s="42">
        <v>5929</v>
      </c>
      <c r="G212" s="42">
        <v>3649</v>
      </c>
      <c r="H212" s="42">
        <v>7656</v>
      </c>
      <c r="I212" s="42">
        <v>4124</v>
      </c>
      <c r="J212" s="42">
        <v>2955</v>
      </c>
      <c r="K212" s="42">
        <v>4816</v>
      </c>
      <c r="L212" s="42">
        <v>9574</v>
      </c>
      <c r="M212" s="42">
        <v>7958</v>
      </c>
      <c r="N212" s="42">
        <v>6152</v>
      </c>
      <c r="O212" s="42">
        <v>11330</v>
      </c>
      <c r="P212" s="42">
        <v>16413</v>
      </c>
      <c r="Q212" s="42">
        <v>9109</v>
      </c>
      <c r="R212" s="42">
        <v>7237</v>
      </c>
      <c r="S212" s="42">
        <v>11998</v>
      </c>
      <c r="T212" s="42">
        <v>14742</v>
      </c>
      <c r="U212" s="42">
        <v>8701</v>
      </c>
      <c r="V212" s="42">
        <v>7233</v>
      </c>
      <c r="W212" s="42">
        <v>11588</v>
      </c>
      <c r="X212" s="42">
        <v>16919</v>
      </c>
      <c r="Y212" s="42">
        <v>10910</v>
      </c>
      <c r="Z212" s="42">
        <v>8972</v>
      </c>
      <c r="AA212" s="42">
        <v>13968</v>
      </c>
      <c r="AB212" s="42">
        <v>17255</v>
      </c>
      <c r="AC212" s="42">
        <v>11215</v>
      </c>
      <c r="AD212" s="42">
        <v>8907</v>
      </c>
      <c r="AE212" s="7"/>
      <c r="AF212" s="13"/>
      <c r="AG212" s="9"/>
      <c r="AH212" s="9"/>
      <c r="AI212" s="9"/>
      <c r="AJ212" s="9" t="s">
        <v>34</v>
      </c>
      <c r="AK212" s="21">
        <v>5929</v>
      </c>
      <c r="AL212" s="21">
        <v>3649</v>
      </c>
      <c r="AM212" s="21">
        <v>7657</v>
      </c>
      <c r="AN212" s="21">
        <v>4123</v>
      </c>
      <c r="AO212" s="21">
        <v>2954</v>
      </c>
      <c r="AP212" s="21">
        <v>4816</v>
      </c>
      <c r="AQ212" s="21">
        <v>9573</v>
      </c>
      <c r="AR212" s="21">
        <v>7959</v>
      </c>
      <c r="AS212" s="21">
        <v>6153</v>
      </c>
      <c r="AT212" s="21">
        <v>11330</v>
      </c>
      <c r="AU212" s="21">
        <v>16413</v>
      </c>
      <c r="AV212" s="21">
        <v>9108</v>
      </c>
      <c r="AW212" s="21">
        <v>7237</v>
      </c>
      <c r="AX212" s="21">
        <v>11999</v>
      </c>
      <c r="AY212" s="21">
        <v>14741</v>
      </c>
      <c r="AZ212" s="21">
        <v>8703</v>
      </c>
      <c r="BA212" s="21">
        <v>7233</v>
      </c>
      <c r="BB212" s="21">
        <v>11588</v>
      </c>
      <c r="BC212" s="21">
        <v>16919</v>
      </c>
      <c r="BD212" s="21">
        <v>10910</v>
      </c>
      <c r="BE212" s="21">
        <v>8972</v>
      </c>
      <c r="BF212" s="21">
        <v>13968</v>
      </c>
      <c r="BG212" s="21">
        <v>17255</v>
      </c>
      <c r="BH212" s="21">
        <v>11215</v>
      </c>
      <c r="BI212" s="21">
        <v>8907</v>
      </c>
      <c r="BJ212" s="14"/>
      <c r="BK212" s="16"/>
      <c r="BL212" s="9"/>
      <c r="BM212" s="9"/>
      <c r="BN212" s="9"/>
      <c r="BO212" s="9" t="s">
        <v>34</v>
      </c>
      <c r="BP212" s="21">
        <f t="shared" si="300"/>
        <v>0</v>
      </c>
      <c r="BQ212" s="21">
        <f t="shared" si="301"/>
        <v>0</v>
      </c>
      <c r="BR212" s="21">
        <f t="shared" si="302"/>
        <v>1</v>
      </c>
      <c r="BS212" s="21">
        <f t="shared" si="303"/>
        <v>-1</v>
      </c>
      <c r="BT212" s="21">
        <f t="shared" si="304"/>
        <v>-1</v>
      </c>
      <c r="BU212" s="21">
        <f t="shared" si="305"/>
        <v>0</v>
      </c>
      <c r="BV212" s="21">
        <f t="shared" si="306"/>
        <v>-1</v>
      </c>
      <c r="BW212" s="21">
        <f t="shared" si="307"/>
        <v>1</v>
      </c>
      <c r="BX212" s="21">
        <f t="shared" si="308"/>
        <v>1</v>
      </c>
      <c r="BY212" s="21">
        <f t="shared" si="309"/>
        <v>0</v>
      </c>
      <c r="BZ212" s="21">
        <f t="shared" si="310"/>
        <v>0</v>
      </c>
      <c r="CA212" s="21">
        <f t="shared" si="311"/>
        <v>-1</v>
      </c>
      <c r="CB212" s="21">
        <f t="shared" si="312"/>
        <v>0</v>
      </c>
      <c r="CC212" s="21">
        <f t="shared" si="313"/>
        <v>1</v>
      </c>
      <c r="CD212" s="21">
        <f t="shared" si="314"/>
        <v>-1</v>
      </c>
      <c r="CE212" s="21">
        <f t="shared" si="315"/>
        <v>2</v>
      </c>
      <c r="CF212" s="21">
        <f t="shared" si="316"/>
        <v>0</v>
      </c>
      <c r="CG212" s="21">
        <f t="shared" si="317"/>
        <v>0</v>
      </c>
      <c r="CH212" s="21">
        <f t="shared" si="318"/>
        <v>0</v>
      </c>
      <c r="CI212" s="21">
        <f t="shared" si="319"/>
        <v>0</v>
      </c>
      <c r="CJ212" s="21">
        <f t="shared" si="320"/>
        <v>0</v>
      </c>
      <c r="CK212" s="21">
        <f t="shared" si="321"/>
        <v>0</v>
      </c>
      <c r="CL212" s="21">
        <f t="shared" si="322"/>
        <v>0</v>
      </c>
      <c r="CM212" s="21">
        <f t="shared" si="323"/>
        <v>0</v>
      </c>
      <c r="CN212" s="21">
        <f t="shared" si="324"/>
        <v>0</v>
      </c>
      <c r="CO212" s="20"/>
    </row>
    <row r="213" spans="1:93" x14ac:dyDescent="0.7">
      <c r="A213" s="7"/>
      <c r="E213" s="8" t="s">
        <v>35</v>
      </c>
      <c r="F213" s="42">
        <v>2778</v>
      </c>
      <c r="G213" s="42">
        <v>1872</v>
      </c>
      <c r="H213" s="42">
        <v>4285</v>
      </c>
      <c r="I213" s="42">
        <v>2247</v>
      </c>
      <c r="J213" s="42">
        <v>1637</v>
      </c>
      <c r="K213" s="42">
        <v>2500</v>
      </c>
      <c r="L213" s="42">
        <v>5331</v>
      </c>
      <c r="M213" s="42">
        <v>4339</v>
      </c>
      <c r="N213" s="42">
        <v>3250</v>
      </c>
      <c r="O213" s="42">
        <v>5893</v>
      </c>
      <c r="P213" s="42">
        <v>9250</v>
      </c>
      <c r="Q213" s="42">
        <v>4912</v>
      </c>
      <c r="R213" s="42">
        <v>3709</v>
      </c>
      <c r="S213" s="42">
        <v>6222</v>
      </c>
      <c r="T213" s="42">
        <v>8147</v>
      </c>
      <c r="U213" s="42">
        <v>4613</v>
      </c>
      <c r="V213" s="42">
        <v>3751</v>
      </c>
      <c r="W213" s="42">
        <v>6057</v>
      </c>
      <c r="X213" s="42">
        <v>9332</v>
      </c>
      <c r="Y213" s="42">
        <v>5871</v>
      </c>
      <c r="Z213" s="42">
        <v>4659</v>
      </c>
      <c r="AA213" s="42">
        <v>7482</v>
      </c>
      <c r="AB213" s="42">
        <v>9691</v>
      </c>
      <c r="AC213" s="42">
        <v>6286</v>
      </c>
      <c r="AD213" s="42">
        <v>4813</v>
      </c>
      <c r="AE213" s="7"/>
      <c r="AF213" s="13"/>
      <c r="AG213" s="9"/>
      <c r="AH213" s="9"/>
      <c r="AI213" s="9"/>
      <c r="AJ213" s="9" t="s">
        <v>35</v>
      </c>
      <c r="AK213" s="21">
        <v>2778</v>
      </c>
      <c r="AL213" s="21">
        <v>1872</v>
      </c>
      <c r="AM213" s="21">
        <v>4285</v>
      </c>
      <c r="AN213" s="21">
        <v>2246</v>
      </c>
      <c r="AO213" s="21">
        <v>1637</v>
      </c>
      <c r="AP213" s="21">
        <v>2500</v>
      </c>
      <c r="AQ213" s="21">
        <v>5331</v>
      </c>
      <c r="AR213" s="21">
        <v>4340</v>
      </c>
      <c r="AS213" s="21">
        <v>3250</v>
      </c>
      <c r="AT213" s="21">
        <v>5892</v>
      </c>
      <c r="AU213" s="21">
        <v>9250</v>
      </c>
      <c r="AV213" s="21">
        <v>4912</v>
      </c>
      <c r="AW213" s="21">
        <v>3709</v>
      </c>
      <c r="AX213" s="21">
        <v>6222</v>
      </c>
      <c r="AY213" s="21">
        <v>8147</v>
      </c>
      <c r="AZ213" s="21">
        <v>4614</v>
      </c>
      <c r="BA213" s="21">
        <v>3751</v>
      </c>
      <c r="BB213" s="21">
        <v>6057</v>
      </c>
      <c r="BC213" s="21">
        <v>9332</v>
      </c>
      <c r="BD213" s="21">
        <v>5871</v>
      </c>
      <c r="BE213" s="21">
        <v>4659</v>
      </c>
      <c r="BF213" s="21">
        <v>7482</v>
      </c>
      <c r="BG213" s="21">
        <v>9691</v>
      </c>
      <c r="BH213" s="21">
        <v>6286</v>
      </c>
      <c r="BI213" s="21">
        <v>4813</v>
      </c>
      <c r="BJ213" s="14"/>
      <c r="BK213" s="16"/>
      <c r="BL213" s="9"/>
      <c r="BM213" s="9"/>
      <c r="BN213" s="9"/>
      <c r="BO213" s="9" t="s">
        <v>35</v>
      </c>
      <c r="BP213" s="21">
        <f t="shared" si="300"/>
        <v>0</v>
      </c>
      <c r="BQ213" s="21">
        <f t="shared" si="301"/>
        <v>0</v>
      </c>
      <c r="BR213" s="21">
        <f t="shared" si="302"/>
        <v>0</v>
      </c>
      <c r="BS213" s="21">
        <f t="shared" si="303"/>
        <v>-1</v>
      </c>
      <c r="BT213" s="21">
        <f t="shared" si="304"/>
        <v>0</v>
      </c>
      <c r="BU213" s="21">
        <f t="shared" si="305"/>
        <v>0</v>
      </c>
      <c r="BV213" s="21">
        <f t="shared" si="306"/>
        <v>0</v>
      </c>
      <c r="BW213" s="21">
        <f t="shared" si="307"/>
        <v>1</v>
      </c>
      <c r="BX213" s="21">
        <f t="shared" si="308"/>
        <v>0</v>
      </c>
      <c r="BY213" s="21">
        <f t="shared" si="309"/>
        <v>-1</v>
      </c>
      <c r="BZ213" s="21">
        <f t="shared" si="310"/>
        <v>0</v>
      </c>
      <c r="CA213" s="21">
        <f t="shared" si="311"/>
        <v>0</v>
      </c>
      <c r="CB213" s="21">
        <f t="shared" si="312"/>
        <v>0</v>
      </c>
      <c r="CC213" s="21">
        <f t="shared" si="313"/>
        <v>0</v>
      </c>
      <c r="CD213" s="21">
        <f t="shared" si="314"/>
        <v>0</v>
      </c>
      <c r="CE213" s="21">
        <f t="shared" si="315"/>
        <v>1</v>
      </c>
      <c r="CF213" s="21">
        <f t="shared" si="316"/>
        <v>0</v>
      </c>
      <c r="CG213" s="21">
        <f t="shared" si="317"/>
        <v>0</v>
      </c>
      <c r="CH213" s="21">
        <f t="shared" si="318"/>
        <v>0</v>
      </c>
      <c r="CI213" s="21">
        <f t="shared" si="319"/>
        <v>0</v>
      </c>
      <c r="CJ213" s="21">
        <f t="shared" si="320"/>
        <v>0</v>
      </c>
      <c r="CK213" s="21">
        <f t="shared" si="321"/>
        <v>0</v>
      </c>
      <c r="CL213" s="21">
        <f t="shared" si="322"/>
        <v>0</v>
      </c>
      <c r="CM213" s="21">
        <f t="shared" si="323"/>
        <v>0</v>
      </c>
      <c r="CN213" s="21">
        <f t="shared" si="324"/>
        <v>0</v>
      </c>
      <c r="CO213" s="20"/>
    </row>
    <row r="214" spans="1:93" x14ac:dyDescent="0.7">
      <c r="A214" s="7"/>
      <c r="E214" s="8" t="s">
        <v>36</v>
      </c>
      <c r="F214" s="42">
        <v>3151</v>
      </c>
      <c r="G214" s="42">
        <v>1777</v>
      </c>
      <c r="H214" s="42">
        <v>3371</v>
      </c>
      <c r="I214" s="42">
        <v>1877</v>
      </c>
      <c r="J214" s="42">
        <v>1318</v>
      </c>
      <c r="K214" s="42">
        <v>2316</v>
      </c>
      <c r="L214" s="42">
        <v>4243</v>
      </c>
      <c r="M214" s="42">
        <v>3619</v>
      </c>
      <c r="N214" s="42">
        <v>2902</v>
      </c>
      <c r="O214" s="42">
        <v>5437</v>
      </c>
      <c r="P214" s="42">
        <v>7163</v>
      </c>
      <c r="Q214" s="42">
        <v>4197</v>
      </c>
      <c r="R214" s="42">
        <v>3528</v>
      </c>
      <c r="S214" s="42">
        <v>5776</v>
      </c>
      <c r="T214" s="42">
        <v>6595</v>
      </c>
      <c r="U214" s="42">
        <v>4088</v>
      </c>
      <c r="V214" s="42">
        <v>3482</v>
      </c>
      <c r="W214" s="42">
        <v>5531</v>
      </c>
      <c r="X214" s="42">
        <v>7587</v>
      </c>
      <c r="Y214" s="42">
        <v>5039</v>
      </c>
      <c r="Z214" s="42">
        <v>4313</v>
      </c>
      <c r="AA214" s="42">
        <v>6486</v>
      </c>
      <c r="AB214" s="42">
        <v>7564</v>
      </c>
      <c r="AC214" s="42">
        <v>4929</v>
      </c>
      <c r="AD214" s="42">
        <v>4094</v>
      </c>
      <c r="AE214" s="7"/>
      <c r="AF214" s="13"/>
      <c r="AG214" s="9"/>
      <c r="AH214" s="9"/>
      <c r="AI214" s="9"/>
      <c r="AJ214" s="9" t="s">
        <v>36</v>
      </c>
      <c r="AK214" s="21">
        <v>3151</v>
      </c>
      <c r="AL214" s="21">
        <v>1777</v>
      </c>
      <c r="AM214" s="21">
        <v>3372</v>
      </c>
      <c r="AN214" s="21">
        <v>1877</v>
      </c>
      <c r="AO214" s="21">
        <v>1317</v>
      </c>
      <c r="AP214" s="21">
        <v>2315</v>
      </c>
      <c r="AQ214" s="21">
        <v>4243</v>
      </c>
      <c r="AR214" s="21">
        <v>3619</v>
      </c>
      <c r="AS214" s="21">
        <v>2903</v>
      </c>
      <c r="AT214" s="21">
        <v>5437</v>
      </c>
      <c r="AU214" s="21">
        <v>7163</v>
      </c>
      <c r="AV214" s="21">
        <v>4196</v>
      </c>
      <c r="AW214" s="21">
        <v>3528</v>
      </c>
      <c r="AX214" s="21">
        <v>5776</v>
      </c>
      <c r="AY214" s="21">
        <v>6595</v>
      </c>
      <c r="AZ214" s="21">
        <v>4088</v>
      </c>
      <c r="BA214" s="21">
        <v>3482</v>
      </c>
      <c r="BB214" s="21">
        <v>5531</v>
      </c>
      <c r="BC214" s="21">
        <v>7587</v>
      </c>
      <c r="BD214" s="21">
        <v>5039</v>
      </c>
      <c r="BE214" s="21">
        <v>4313</v>
      </c>
      <c r="BF214" s="21">
        <v>6486</v>
      </c>
      <c r="BG214" s="21">
        <v>7564</v>
      </c>
      <c r="BH214" s="21">
        <v>4929</v>
      </c>
      <c r="BI214" s="21">
        <v>4094</v>
      </c>
      <c r="BJ214" s="14"/>
      <c r="BK214" s="16"/>
      <c r="BL214" s="9"/>
      <c r="BM214" s="9"/>
      <c r="BN214" s="9"/>
      <c r="BO214" s="9" t="s">
        <v>36</v>
      </c>
      <c r="BP214" s="21">
        <f t="shared" si="300"/>
        <v>0</v>
      </c>
      <c r="BQ214" s="21">
        <f t="shared" si="301"/>
        <v>0</v>
      </c>
      <c r="BR214" s="21">
        <f t="shared" si="302"/>
        <v>1</v>
      </c>
      <c r="BS214" s="21">
        <f t="shared" si="303"/>
        <v>0</v>
      </c>
      <c r="BT214" s="21">
        <f t="shared" si="304"/>
        <v>-1</v>
      </c>
      <c r="BU214" s="21">
        <f t="shared" si="305"/>
        <v>-1</v>
      </c>
      <c r="BV214" s="21">
        <f t="shared" si="306"/>
        <v>0</v>
      </c>
      <c r="BW214" s="21">
        <f t="shared" si="307"/>
        <v>0</v>
      </c>
      <c r="BX214" s="21">
        <f t="shared" si="308"/>
        <v>1</v>
      </c>
      <c r="BY214" s="21">
        <f t="shared" si="309"/>
        <v>0</v>
      </c>
      <c r="BZ214" s="21">
        <f t="shared" si="310"/>
        <v>0</v>
      </c>
      <c r="CA214" s="21">
        <f t="shared" si="311"/>
        <v>-1</v>
      </c>
      <c r="CB214" s="21">
        <f t="shared" si="312"/>
        <v>0</v>
      </c>
      <c r="CC214" s="21">
        <f t="shared" si="313"/>
        <v>0</v>
      </c>
      <c r="CD214" s="21">
        <f t="shared" si="314"/>
        <v>0</v>
      </c>
      <c r="CE214" s="21">
        <f t="shared" si="315"/>
        <v>0</v>
      </c>
      <c r="CF214" s="21">
        <f t="shared" si="316"/>
        <v>0</v>
      </c>
      <c r="CG214" s="21">
        <f t="shared" si="317"/>
        <v>0</v>
      </c>
      <c r="CH214" s="21">
        <f t="shared" si="318"/>
        <v>0</v>
      </c>
      <c r="CI214" s="21">
        <f t="shared" si="319"/>
        <v>0</v>
      </c>
      <c r="CJ214" s="21">
        <f t="shared" si="320"/>
        <v>0</v>
      </c>
      <c r="CK214" s="21">
        <f t="shared" si="321"/>
        <v>0</v>
      </c>
      <c r="CL214" s="21">
        <f t="shared" si="322"/>
        <v>0</v>
      </c>
      <c r="CM214" s="21">
        <f t="shared" si="323"/>
        <v>0</v>
      </c>
      <c r="CN214" s="21">
        <f t="shared" si="324"/>
        <v>0</v>
      </c>
      <c r="CO214" s="20"/>
    </row>
    <row r="215" spans="1:93" x14ac:dyDescent="0.7">
      <c r="A215" s="7"/>
      <c r="D215" s="8" t="s">
        <v>37</v>
      </c>
      <c r="E215" s="8" t="s">
        <v>27</v>
      </c>
      <c r="F215" s="42">
        <v>78830</v>
      </c>
      <c r="G215" s="42">
        <v>88387</v>
      </c>
      <c r="H215" s="42">
        <v>96504</v>
      </c>
      <c r="I215" s="42">
        <v>97307</v>
      </c>
      <c r="J215" s="42">
        <v>66869</v>
      </c>
      <c r="K215" s="42">
        <v>99012</v>
      </c>
      <c r="L215" s="42">
        <v>100596</v>
      </c>
      <c r="M215" s="42">
        <v>100375</v>
      </c>
      <c r="N215" s="42">
        <v>86633</v>
      </c>
      <c r="O215" s="42">
        <v>103061</v>
      </c>
      <c r="P215" s="42">
        <v>99242</v>
      </c>
      <c r="Q215" s="42">
        <v>101398</v>
      </c>
      <c r="R215" s="42">
        <v>87259</v>
      </c>
      <c r="S215" s="42">
        <v>96386</v>
      </c>
      <c r="T215" s="42">
        <v>91033</v>
      </c>
      <c r="U215" s="42">
        <v>96466</v>
      </c>
      <c r="V215" s="42">
        <v>88016</v>
      </c>
      <c r="W215" s="42">
        <v>99892</v>
      </c>
      <c r="X215" s="42">
        <v>95418</v>
      </c>
      <c r="Y215" s="42">
        <v>100444</v>
      </c>
      <c r="Z215" s="42">
        <v>90041</v>
      </c>
      <c r="AA215" s="42">
        <v>112090</v>
      </c>
      <c r="AB215" s="42">
        <v>109187</v>
      </c>
      <c r="AC215" s="42">
        <v>116581</v>
      </c>
      <c r="AD215" s="42">
        <v>101086</v>
      </c>
      <c r="AE215" s="7"/>
      <c r="AF215" s="13"/>
      <c r="AG215" s="9"/>
      <c r="AH215" s="9"/>
      <c r="AI215" s="9" t="s">
        <v>37</v>
      </c>
      <c r="AJ215" s="9" t="s">
        <v>27</v>
      </c>
      <c r="AK215" s="21">
        <v>79461</v>
      </c>
      <c r="AL215" s="21">
        <v>89325</v>
      </c>
      <c r="AM215" s="21">
        <v>97739</v>
      </c>
      <c r="AN215" s="21">
        <v>98652</v>
      </c>
      <c r="AO215" s="21">
        <v>68029</v>
      </c>
      <c r="AP215" s="21">
        <v>100775</v>
      </c>
      <c r="AQ215" s="21">
        <v>103611</v>
      </c>
      <c r="AR215" s="21">
        <v>103135</v>
      </c>
      <c r="AS215" s="21">
        <v>89193</v>
      </c>
      <c r="AT215" s="21">
        <v>106488</v>
      </c>
      <c r="AU215" s="21">
        <v>102799</v>
      </c>
      <c r="AV215" s="21">
        <v>105105</v>
      </c>
      <c r="AW215" s="21">
        <v>95738</v>
      </c>
      <c r="AX215" s="21">
        <v>105552</v>
      </c>
      <c r="AY215" s="21">
        <v>99515</v>
      </c>
      <c r="AZ215" s="21">
        <v>105517</v>
      </c>
      <c r="BA215" s="21">
        <v>96124</v>
      </c>
      <c r="BB215" s="21">
        <v>108909</v>
      </c>
      <c r="BC215" s="21">
        <v>103393</v>
      </c>
      <c r="BD215" s="21">
        <v>109058</v>
      </c>
      <c r="BE215" s="21">
        <v>95599</v>
      </c>
      <c r="BF215" s="21">
        <v>112116</v>
      </c>
      <c r="BG215" s="21">
        <v>109210</v>
      </c>
      <c r="BH215" s="21">
        <v>115904</v>
      </c>
      <c r="BI215" s="21">
        <v>100466</v>
      </c>
      <c r="BJ215" s="14"/>
      <c r="BK215" s="16"/>
      <c r="BL215" s="9"/>
      <c r="BM215" s="9"/>
      <c r="BN215" s="9" t="s">
        <v>37</v>
      </c>
      <c r="BO215" s="9" t="s">
        <v>27</v>
      </c>
      <c r="BP215" s="21">
        <f t="shared" si="300"/>
        <v>631</v>
      </c>
      <c r="BQ215" s="21">
        <f t="shared" si="301"/>
        <v>938</v>
      </c>
      <c r="BR215" s="21">
        <f t="shared" si="302"/>
        <v>1235</v>
      </c>
      <c r="BS215" s="21">
        <f t="shared" si="303"/>
        <v>1345</v>
      </c>
      <c r="BT215" s="21">
        <f t="shared" si="304"/>
        <v>1160</v>
      </c>
      <c r="BU215" s="21">
        <f t="shared" si="305"/>
        <v>1763</v>
      </c>
      <c r="BV215" s="21">
        <f t="shared" si="306"/>
        <v>3015</v>
      </c>
      <c r="BW215" s="21">
        <f t="shared" si="307"/>
        <v>2760</v>
      </c>
      <c r="BX215" s="21">
        <f t="shared" si="308"/>
        <v>2560</v>
      </c>
      <c r="BY215" s="21">
        <f t="shared" si="309"/>
        <v>3427</v>
      </c>
      <c r="BZ215" s="21">
        <f t="shared" si="310"/>
        <v>3557</v>
      </c>
      <c r="CA215" s="21">
        <f t="shared" si="311"/>
        <v>3707</v>
      </c>
      <c r="CB215" s="21">
        <f t="shared" si="312"/>
        <v>8479</v>
      </c>
      <c r="CC215" s="21">
        <f t="shared" si="313"/>
        <v>9166</v>
      </c>
      <c r="CD215" s="21">
        <f t="shared" si="314"/>
        <v>8482</v>
      </c>
      <c r="CE215" s="21">
        <f t="shared" si="315"/>
        <v>9051</v>
      </c>
      <c r="CF215" s="21">
        <f t="shared" si="316"/>
        <v>8108</v>
      </c>
      <c r="CG215" s="21">
        <f t="shared" si="317"/>
        <v>9017</v>
      </c>
      <c r="CH215" s="21">
        <f t="shared" si="318"/>
        <v>7975</v>
      </c>
      <c r="CI215" s="21">
        <f t="shared" si="319"/>
        <v>8614</v>
      </c>
      <c r="CJ215" s="21">
        <f t="shared" si="320"/>
        <v>5558</v>
      </c>
      <c r="CK215" s="21">
        <f t="shared" si="321"/>
        <v>26</v>
      </c>
      <c r="CL215" s="21">
        <f t="shared" si="322"/>
        <v>23</v>
      </c>
      <c r="CM215" s="21">
        <f t="shared" si="323"/>
        <v>-677</v>
      </c>
      <c r="CN215" s="21">
        <f t="shared" si="324"/>
        <v>-620</v>
      </c>
      <c r="CO215" s="20"/>
    </row>
    <row r="216" spans="1:93" x14ac:dyDescent="0.7">
      <c r="A216" s="7"/>
      <c r="E216" s="8" t="s">
        <v>28</v>
      </c>
      <c r="F216" s="42">
        <v>75930</v>
      </c>
      <c r="G216" s="42">
        <v>85684</v>
      </c>
      <c r="H216" s="42">
        <v>93056</v>
      </c>
      <c r="I216" s="42">
        <v>94110</v>
      </c>
      <c r="J216" s="42">
        <v>65177</v>
      </c>
      <c r="K216" s="42">
        <v>96033</v>
      </c>
      <c r="L216" s="42">
        <v>97242</v>
      </c>
      <c r="M216" s="42">
        <v>96708</v>
      </c>
      <c r="N216" s="42">
        <v>83642</v>
      </c>
      <c r="O216" s="42">
        <v>99376</v>
      </c>
      <c r="P216" s="42">
        <v>95660</v>
      </c>
      <c r="Q216" s="42">
        <v>97275</v>
      </c>
      <c r="R216" s="42">
        <v>83768</v>
      </c>
      <c r="S216" s="42">
        <v>92652</v>
      </c>
      <c r="T216" s="42">
        <v>87389</v>
      </c>
      <c r="U216" s="42">
        <v>92258</v>
      </c>
      <c r="V216" s="42">
        <v>83897</v>
      </c>
      <c r="W216" s="42">
        <v>95433</v>
      </c>
      <c r="X216" s="42">
        <v>91187</v>
      </c>
      <c r="Y216" s="42">
        <v>95635</v>
      </c>
      <c r="Z216" s="42">
        <v>85988</v>
      </c>
      <c r="AA216" s="42">
        <v>107086</v>
      </c>
      <c r="AB216" s="42">
        <v>104292</v>
      </c>
      <c r="AC216" s="42">
        <v>110958</v>
      </c>
      <c r="AD216" s="42">
        <v>95824</v>
      </c>
      <c r="AE216" s="7"/>
      <c r="AF216" s="13"/>
      <c r="AG216" s="9"/>
      <c r="AH216" s="9"/>
      <c r="AI216" s="9"/>
      <c r="AJ216" s="9" t="s">
        <v>28</v>
      </c>
      <c r="AK216" s="21">
        <v>76555</v>
      </c>
      <c r="AL216" s="21">
        <v>86612</v>
      </c>
      <c r="AM216" s="21">
        <v>94275</v>
      </c>
      <c r="AN216" s="21">
        <v>95437</v>
      </c>
      <c r="AO216" s="21">
        <v>66316</v>
      </c>
      <c r="AP216" s="21">
        <v>97772</v>
      </c>
      <c r="AQ216" s="21">
        <v>100197</v>
      </c>
      <c r="AR216" s="21">
        <v>99410</v>
      </c>
      <c r="AS216" s="21">
        <v>86112</v>
      </c>
      <c r="AT216" s="21">
        <v>102675</v>
      </c>
      <c r="AU216" s="21">
        <v>99080</v>
      </c>
      <c r="AV216" s="21">
        <v>100819</v>
      </c>
      <c r="AW216" s="21">
        <v>91507</v>
      </c>
      <c r="AX216" s="21">
        <v>101114</v>
      </c>
      <c r="AY216" s="21">
        <v>95289</v>
      </c>
      <c r="AZ216" s="21">
        <v>100759</v>
      </c>
      <c r="BA216" s="21">
        <v>91570</v>
      </c>
      <c r="BB216" s="21">
        <v>104078</v>
      </c>
      <c r="BC216" s="21">
        <v>98868</v>
      </c>
      <c r="BD216" s="21">
        <v>103883</v>
      </c>
      <c r="BE216" s="21">
        <v>91224</v>
      </c>
      <c r="BF216" s="21">
        <v>107047</v>
      </c>
      <c r="BG216" s="21">
        <v>104255</v>
      </c>
      <c r="BH216" s="21">
        <v>110212</v>
      </c>
      <c r="BI216" s="21">
        <v>95538</v>
      </c>
      <c r="BJ216" s="14"/>
      <c r="BK216" s="16"/>
      <c r="BL216" s="9"/>
      <c r="BM216" s="9"/>
      <c r="BN216" s="9"/>
      <c r="BO216" s="9" t="s">
        <v>28</v>
      </c>
      <c r="BP216" s="21">
        <f t="shared" si="300"/>
        <v>625</v>
      </c>
      <c r="BQ216" s="21">
        <f t="shared" si="301"/>
        <v>928</v>
      </c>
      <c r="BR216" s="21">
        <f t="shared" si="302"/>
        <v>1219</v>
      </c>
      <c r="BS216" s="21">
        <f t="shared" si="303"/>
        <v>1327</v>
      </c>
      <c r="BT216" s="21">
        <f t="shared" si="304"/>
        <v>1139</v>
      </c>
      <c r="BU216" s="21">
        <f t="shared" si="305"/>
        <v>1739</v>
      </c>
      <c r="BV216" s="21">
        <f t="shared" si="306"/>
        <v>2955</v>
      </c>
      <c r="BW216" s="21">
        <f t="shared" si="307"/>
        <v>2702</v>
      </c>
      <c r="BX216" s="21">
        <f t="shared" si="308"/>
        <v>2470</v>
      </c>
      <c r="BY216" s="21">
        <f t="shared" si="309"/>
        <v>3299</v>
      </c>
      <c r="BZ216" s="21">
        <f t="shared" si="310"/>
        <v>3420</v>
      </c>
      <c r="CA216" s="21">
        <f t="shared" si="311"/>
        <v>3544</v>
      </c>
      <c r="CB216" s="21">
        <f t="shared" si="312"/>
        <v>7739</v>
      </c>
      <c r="CC216" s="21">
        <f t="shared" si="313"/>
        <v>8462</v>
      </c>
      <c r="CD216" s="21">
        <f t="shared" si="314"/>
        <v>7900</v>
      </c>
      <c r="CE216" s="21">
        <f t="shared" si="315"/>
        <v>8501</v>
      </c>
      <c r="CF216" s="21">
        <f t="shared" si="316"/>
        <v>7673</v>
      </c>
      <c r="CG216" s="21">
        <f t="shared" si="317"/>
        <v>8645</v>
      </c>
      <c r="CH216" s="21">
        <f t="shared" si="318"/>
        <v>7681</v>
      </c>
      <c r="CI216" s="21">
        <f t="shared" si="319"/>
        <v>8248</v>
      </c>
      <c r="CJ216" s="21">
        <f t="shared" si="320"/>
        <v>5236</v>
      </c>
      <c r="CK216" s="21">
        <f t="shared" si="321"/>
        <v>-39</v>
      </c>
      <c r="CL216" s="21">
        <f t="shared" si="322"/>
        <v>-37</v>
      </c>
      <c r="CM216" s="21">
        <f t="shared" si="323"/>
        <v>-746</v>
      </c>
      <c r="CN216" s="21">
        <f t="shared" si="324"/>
        <v>-286</v>
      </c>
      <c r="CO216" s="20"/>
    </row>
    <row r="217" spans="1:93" x14ac:dyDescent="0.7">
      <c r="A217" s="7"/>
      <c r="E217" s="8" t="s">
        <v>29</v>
      </c>
      <c r="F217" s="42">
        <v>2075</v>
      </c>
      <c r="G217" s="42">
        <v>2190</v>
      </c>
      <c r="H217" s="42">
        <v>2201</v>
      </c>
      <c r="I217" s="42">
        <v>2135</v>
      </c>
      <c r="J217" s="42">
        <v>1555</v>
      </c>
      <c r="K217" s="42">
        <v>1911</v>
      </c>
      <c r="L217" s="42">
        <v>1802</v>
      </c>
      <c r="M217" s="42">
        <v>1622</v>
      </c>
      <c r="N217" s="42">
        <v>1418</v>
      </c>
      <c r="O217" s="42">
        <v>1624</v>
      </c>
      <c r="P217" s="42">
        <v>1507</v>
      </c>
      <c r="Q217" s="42">
        <v>1557</v>
      </c>
      <c r="R217" s="42">
        <v>1371</v>
      </c>
      <c r="S217" s="42">
        <v>1645</v>
      </c>
      <c r="T217" s="42">
        <v>1742</v>
      </c>
      <c r="U217" s="42">
        <v>1960</v>
      </c>
      <c r="V217" s="42">
        <v>820</v>
      </c>
      <c r="W217" s="42">
        <v>849</v>
      </c>
      <c r="X217" s="42">
        <v>760</v>
      </c>
      <c r="Y217" s="42">
        <v>714</v>
      </c>
      <c r="Z217" s="42">
        <v>614</v>
      </c>
      <c r="AA217" s="42">
        <v>633</v>
      </c>
      <c r="AB217" s="42">
        <v>557</v>
      </c>
      <c r="AC217" s="42">
        <v>539</v>
      </c>
      <c r="AD217" s="42">
        <v>445</v>
      </c>
      <c r="AE217" s="7"/>
      <c r="AF217" s="13"/>
      <c r="AG217" s="9"/>
      <c r="AH217" s="9"/>
      <c r="AI217" s="9"/>
      <c r="AJ217" s="9" t="s">
        <v>29</v>
      </c>
      <c r="AK217" s="21">
        <v>2075</v>
      </c>
      <c r="AL217" s="21">
        <v>2191</v>
      </c>
      <c r="AM217" s="21">
        <v>2202</v>
      </c>
      <c r="AN217" s="21">
        <v>2136</v>
      </c>
      <c r="AO217" s="21">
        <v>1565</v>
      </c>
      <c r="AP217" s="21">
        <v>1920</v>
      </c>
      <c r="AQ217" s="21">
        <v>1822</v>
      </c>
      <c r="AR217" s="21">
        <v>1623</v>
      </c>
      <c r="AS217" s="21">
        <v>1390</v>
      </c>
      <c r="AT217" s="21">
        <v>1505</v>
      </c>
      <c r="AU217" s="21">
        <v>1333</v>
      </c>
      <c r="AV217" s="21">
        <v>1301</v>
      </c>
      <c r="AW217" s="21">
        <v>1114</v>
      </c>
      <c r="AX217" s="21">
        <v>1131</v>
      </c>
      <c r="AY217" s="21">
        <v>976</v>
      </c>
      <c r="AZ217" s="21">
        <v>982</v>
      </c>
      <c r="BA217" s="21">
        <v>827</v>
      </c>
      <c r="BB217" s="21">
        <v>852</v>
      </c>
      <c r="BC217" s="21">
        <v>745</v>
      </c>
      <c r="BD217" s="21">
        <v>714</v>
      </c>
      <c r="BE217" s="21">
        <v>614</v>
      </c>
      <c r="BF217" s="21">
        <v>633</v>
      </c>
      <c r="BG217" s="21">
        <v>557</v>
      </c>
      <c r="BH217" s="21">
        <v>539</v>
      </c>
      <c r="BI217" s="21">
        <v>445</v>
      </c>
      <c r="BJ217" s="14"/>
      <c r="BK217" s="16"/>
      <c r="BL217" s="9"/>
      <c r="BM217" s="9"/>
      <c r="BN217" s="9"/>
      <c r="BO217" s="9" t="s">
        <v>29</v>
      </c>
      <c r="BP217" s="21">
        <f t="shared" si="300"/>
        <v>0</v>
      </c>
      <c r="BQ217" s="21">
        <f t="shared" si="301"/>
        <v>1</v>
      </c>
      <c r="BR217" s="21">
        <f t="shared" si="302"/>
        <v>1</v>
      </c>
      <c r="BS217" s="21">
        <f t="shared" si="303"/>
        <v>1</v>
      </c>
      <c r="BT217" s="21">
        <f t="shared" si="304"/>
        <v>10</v>
      </c>
      <c r="BU217" s="21">
        <f t="shared" si="305"/>
        <v>9</v>
      </c>
      <c r="BV217" s="21">
        <f t="shared" si="306"/>
        <v>20</v>
      </c>
      <c r="BW217" s="21">
        <f t="shared" si="307"/>
        <v>1</v>
      </c>
      <c r="BX217" s="21">
        <f t="shared" si="308"/>
        <v>-28</v>
      </c>
      <c r="BY217" s="21">
        <f t="shared" si="309"/>
        <v>-119</v>
      </c>
      <c r="BZ217" s="21">
        <f t="shared" si="310"/>
        <v>-174</v>
      </c>
      <c r="CA217" s="21">
        <f t="shared" si="311"/>
        <v>-256</v>
      </c>
      <c r="CB217" s="21">
        <f t="shared" si="312"/>
        <v>-257</v>
      </c>
      <c r="CC217" s="21">
        <f t="shared" si="313"/>
        <v>-514</v>
      </c>
      <c r="CD217" s="21">
        <f t="shared" si="314"/>
        <v>-766</v>
      </c>
      <c r="CE217" s="21">
        <f t="shared" si="315"/>
        <v>-978</v>
      </c>
      <c r="CF217" s="21">
        <f t="shared" si="316"/>
        <v>7</v>
      </c>
      <c r="CG217" s="21">
        <f t="shared" si="317"/>
        <v>3</v>
      </c>
      <c r="CH217" s="21">
        <f t="shared" si="318"/>
        <v>-15</v>
      </c>
      <c r="CI217" s="21">
        <f t="shared" si="319"/>
        <v>0</v>
      </c>
      <c r="CJ217" s="21">
        <f t="shared" si="320"/>
        <v>0</v>
      </c>
      <c r="CK217" s="21">
        <f t="shared" si="321"/>
        <v>0</v>
      </c>
      <c r="CL217" s="21">
        <f t="shared" si="322"/>
        <v>0</v>
      </c>
      <c r="CM217" s="21">
        <f t="shared" si="323"/>
        <v>0</v>
      </c>
      <c r="CN217" s="21">
        <f t="shared" si="324"/>
        <v>0</v>
      </c>
      <c r="CO217" s="20"/>
    </row>
    <row r="218" spans="1:93" x14ac:dyDescent="0.7">
      <c r="A218" s="7"/>
      <c r="E218" s="8" t="s">
        <v>30</v>
      </c>
      <c r="F218" s="42">
        <v>60568</v>
      </c>
      <c r="G218" s="42">
        <v>67939</v>
      </c>
      <c r="H218" s="42">
        <v>74155</v>
      </c>
      <c r="I218" s="42">
        <v>74519</v>
      </c>
      <c r="J218" s="42">
        <v>50661</v>
      </c>
      <c r="K218" s="42">
        <v>75702</v>
      </c>
      <c r="L218" s="42">
        <v>76559</v>
      </c>
      <c r="M218" s="42">
        <v>75716</v>
      </c>
      <c r="N218" s="42">
        <v>64330</v>
      </c>
      <c r="O218" s="42">
        <v>76609</v>
      </c>
      <c r="P218" s="42">
        <v>72738</v>
      </c>
      <c r="Q218" s="42">
        <v>73151</v>
      </c>
      <c r="R218" s="42">
        <v>60884</v>
      </c>
      <c r="S218" s="42">
        <v>65602</v>
      </c>
      <c r="T218" s="42">
        <v>60044</v>
      </c>
      <c r="U218" s="42">
        <v>63002</v>
      </c>
      <c r="V218" s="42">
        <v>57317</v>
      </c>
      <c r="W218" s="42">
        <v>64405</v>
      </c>
      <c r="X218" s="42">
        <v>60003</v>
      </c>
      <c r="Y218" s="42">
        <v>62705</v>
      </c>
      <c r="Z218" s="42">
        <v>55962</v>
      </c>
      <c r="AA218" s="42">
        <v>68459</v>
      </c>
      <c r="AB218" s="42">
        <v>65657</v>
      </c>
      <c r="AC218" s="42">
        <v>69108</v>
      </c>
      <c r="AD218" s="42">
        <v>60524</v>
      </c>
      <c r="AE218" s="7"/>
      <c r="AF218" s="13"/>
      <c r="AG218" s="9"/>
      <c r="AH218" s="9"/>
      <c r="AI218" s="9"/>
      <c r="AJ218" s="9" t="s">
        <v>30</v>
      </c>
      <c r="AK218" s="21">
        <v>60952</v>
      </c>
      <c r="AL218" s="21">
        <v>68507</v>
      </c>
      <c r="AM218" s="21">
        <v>74889</v>
      </c>
      <c r="AN218" s="21">
        <v>75303</v>
      </c>
      <c r="AO218" s="21">
        <v>51374</v>
      </c>
      <c r="AP218" s="21">
        <v>76729</v>
      </c>
      <c r="AQ218" s="21">
        <v>78530</v>
      </c>
      <c r="AR218" s="21">
        <v>77325</v>
      </c>
      <c r="AS218" s="21">
        <v>65808</v>
      </c>
      <c r="AT218" s="21">
        <v>78712</v>
      </c>
      <c r="AU218" s="21">
        <v>74926</v>
      </c>
      <c r="AV218" s="21">
        <v>75470</v>
      </c>
      <c r="AW218" s="21">
        <v>66089</v>
      </c>
      <c r="AX218" s="21">
        <v>71684</v>
      </c>
      <c r="AY218" s="21">
        <v>66240</v>
      </c>
      <c r="AZ218" s="21">
        <v>69975</v>
      </c>
      <c r="BA218" s="21">
        <v>62358</v>
      </c>
      <c r="BB218" s="21">
        <v>70205</v>
      </c>
      <c r="BC218" s="21">
        <v>65054</v>
      </c>
      <c r="BD218" s="21">
        <v>67872</v>
      </c>
      <c r="BE218" s="21">
        <v>58296</v>
      </c>
      <c r="BF218" s="21">
        <v>68433</v>
      </c>
      <c r="BG218" s="21">
        <v>65633</v>
      </c>
      <c r="BH218" s="21">
        <v>69078</v>
      </c>
      <c r="BI218" s="21">
        <v>60501</v>
      </c>
      <c r="BJ218" s="14"/>
      <c r="BK218" s="16"/>
      <c r="BL218" s="9"/>
      <c r="BM218" s="9"/>
      <c r="BN218" s="9"/>
      <c r="BO218" s="9" t="s">
        <v>30</v>
      </c>
      <c r="BP218" s="21">
        <f t="shared" si="300"/>
        <v>384</v>
      </c>
      <c r="BQ218" s="21">
        <f t="shared" si="301"/>
        <v>568</v>
      </c>
      <c r="BR218" s="21">
        <f t="shared" si="302"/>
        <v>734</v>
      </c>
      <c r="BS218" s="21">
        <f t="shared" si="303"/>
        <v>784</v>
      </c>
      <c r="BT218" s="21">
        <f t="shared" si="304"/>
        <v>713</v>
      </c>
      <c r="BU218" s="21">
        <f t="shared" si="305"/>
        <v>1027</v>
      </c>
      <c r="BV218" s="21">
        <f t="shared" si="306"/>
        <v>1971</v>
      </c>
      <c r="BW218" s="21">
        <f t="shared" si="307"/>
        <v>1609</v>
      </c>
      <c r="BX218" s="21">
        <f t="shared" si="308"/>
        <v>1478</v>
      </c>
      <c r="BY218" s="21">
        <f t="shared" si="309"/>
        <v>2103</v>
      </c>
      <c r="BZ218" s="21">
        <f t="shared" si="310"/>
        <v>2188</v>
      </c>
      <c r="CA218" s="21">
        <f t="shared" si="311"/>
        <v>2319</v>
      </c>
      <c r="CB218" s="21">
        <f t="shared" si="312"/>
        <v>5205</v>
      </c>
      <c r="CC218" s="21">
        <f t="shared" si="313"/>
        <v>6082</v>
      </c>
      <c r="CD218" s="21">
        <f t="shared" si="314"/>
        <v>6196</v>
      </c>
      <c r="CE218" s="21">
        <f t="shared" si="315"/>
        <v>6973</v>
      </c>
      <c r="CF218" s="21">
        <f t="shared" si="316"/>
        <v>5041</v>
      </c>
      <c r="CG218" s="21">
        <f t="shared" si="317"/>
        <v>5800</v>
      </c>
      <c r="CH218" s="21">
        <f t="shared" si="318"/>
        <v>5051</v>
      </c>
      <c r="CI218" s="21">
        <f t="shared" si="319"/>
        <v>5167</v>
      </c>
      <c r="CJ218" s="21">
        <f t="shared" si="320"/>
        <v>2334</v>
      </c>
      <c r="CK218" s="21">
        <f t="shared" si="321"/>
        <v>-26</v>
      </c>
      <c r="CL218" s="21">
        <f t="shared" si="322"/>
        <v>-24</v>
      </c>
      <c r="CM218" s="21">
        <f t="shared" si="323"/>
        <v>-30</v>
      </c>
      <c r="CN218" s="21">
        <f t="shared" si="324"/>
        <v>-23</v>
      </c>
      <c r="CO218" s="20"/>
    </row>
    <row r="219" spans="1:93" x14ac:dyDescent="0.7">
      <c r="A219" s="7"/>
      <c r="E219" s="8" t="s">
        <v>31</v>
      </c>
      <c r="F219" s="42">
        <v>13287</v>
      </c>
      <c r="G219" s="42">
        <v>15555</v>
      </c>
      <c r="H219" s="42">
        <v>16700</v>
      </c>
      <c r="I219" s="42">
        <v>17456</v>
      </c>
      <c r="J219" s="42">
        <v>12961</v>
      </c>
      <c r="K219" s="42">
        <v>18420</v>
      </c>
      <c r="L219" s="42">
        <v>18881</v>
      </c>
      <c r="M219" s="42">
        <v>19370</v>
      </c>
      <c r="N219" s="42">
        <v>17894</v>
      </c>
      <c r="O219" s="42">
        <v>21143</v>
      </c>
      <c r="P219" s="42">
        <v>21415</v>
      </c>
      <c r="Q219" s="42">
        <v>22567</v>
      </c>
      <c r="R219" s="42">
        <v>21513</v>
      </c>
      <c r="S219" s="42">
        <v>25388</v>
      </c>
      <c r="T219" s="42">
        <v>25621</v>
      </c>
      <c r="U219" s="42">
        <v>27315</v>
      </c>
      <c r="V219" s="42">
        <v>25654</v>
      </c>
      <c r="W219" s="42">
        <v>30076</v>
      </c>
      <c r="X219" s="42">
        <v>30424</v>
      </c>
      <c r="Y219" s="42">
        <v>32216</v>
      </c>
      <c r="Z219" s="42">
        <v>29412</v>
      </c>
      <c r="AA219" s="42">
        <v>37994</v>
      </c>
      <c r="AB219" s="42">
        <v>38077</v>
      </c>
      <c r="AC219" s="42">
        <v>41311</v>
      </c>
      <c r="AD219" s="42">
        <v>34855</v>
      </c>
      <c r="AE219" s="7"/>
      <c r="AF219" s="13"/>
      <c r="AG219" s="9"/>
      <c r="AH219" s="9"/>
      <c r="AI219" s="9"/>
      <c r="AJ219" s="9" t="s">
        <v>31</v>
      </c>
      <c r="AK219" s="21">
        <v>13528</v>
      </c>
      <c r="AL219" s="21">
        <v>15914</v>
      </c>
      <c r="AM219" s="21">
        <v>17185</v>
      </c>
      <c r="AN219" s="21">
        <v>17999</v>
      </c>
      <c r="AO219" s="21">
        <v>13377</v>
      </c>
      <c r="AP219" s="21">
        <v>19123</v>
      </c>
      <c r="AQ219" s="21">
        <v>19845</v>
      </c>
      <c r="AR219" s="21">
        <v>20463</v>
      </c>
      <c r="AS219" s="21">
        <v>18913</v>
      </c>
      <c r="AT219" s="21">
        <v>22458</v>
      </c>
      <c r="AU219" s="21">
        <v>22821</v>
      </c>
      <c r="AV219" s="21">
        <v>24047</v>
      </c>
      <c r="AW219" s="21">
        <v>24370</v>
      </c>
      <c r="AX219" s="21">
        <v>28365</v>
      </c>
      <c r="AY219" s="21">
        <v>28138</v>
      </c>
      <c r="AZ219" s="21">
        <v>29783</v>
      </c>
      <c r="BA219" s="21">
        <v>28377</v>
      </c>
      <c r="BB219" s="21">
        <v>32972</v>
      </c>
      <c r="BC219" s="21">
        <v>33069</v>
      </c>
      <c r="BD219" s="21">
        <v>35297</v>
      </c>
      <c r="BE219" s="21">
        <v>32313</v>
      </c>
      <c r="BF219" s="21">
        <v>37981</v>
      </c>
      <c r="BG219" s="21">
        <v>38065</v>
      </c>
      <c r="BH219" s="21">
        <v>40595</v>
      </c>
      <c r="BI219" s="21">
        <v>34592</v>
      </c>
      <c r="BJ219" s="14"/>
      <c r="BK219" s="16"/>
      <c r="BL219" s="9"/>
      <c r="BM219" s="9"/>
      <c r="BN219" s="9"/>
      <c r="BO219" s="9" t="s">
        <v>31</v>
      </c>
      <c r="BP219" s="21">
        <f t="shared" si="300"/>
        <v>241</v>
      </c>
      <c r="BQ219" s="21">
        <f t="shared" si="301"/>
        <v>359</v>
      </c>
      <c r="BR219" s="21">
        <f t="shared" si="302"/>
        <v>485</v>
      </c>
      <c r="BS219" s="21">
        <f t="shared" si="303"/>
        <v>543</v>
      </c>
      <c r="BT219" s="21">
        <f t="shared" si="304"/>
        <v>416</v>
      </c>
      <c r="BU219" s="21">
        <f t="shared" si="305"/>
        <v>703</v>
      </c>
      <c r="BV219" s="21">
        <f t="shared" si="306"/>
        <v>964</v>
      </c>
      <c r="BW219" s="21">
        <f t="shared" si="307"/>
        <v>1093</v>
      </c>
      <c r="BX219" s="21">
        <f t="shared" si="308"/>
        <v>1019</v>
      </c>
      <c r="BY219" s="21">
        <f t="shared" si="309"/>
        <v>1315</v>
      </c>
      <c r="BZ219" s="21">
        <f t="shared" si="310"/>
        <v>1406</v>
      </c>
      <c r="CA219" s="21">
        <f t="shared" si="311"/>
        <v>1480</v>
      </c>
      <c r="CB219" s="21">
        <f t="shared" si="312"/>
        <v>2857</v>
      </c>
      <c r="CC219" s="21">
        <f t="shared" si="313"/>
        <v>2977</v>
      </c>
      <c r="CD219" s="21">
        <f t="shared" si="314"/>
        <v>2517</v>
      </c>
      <c r="CE219" s="21">
        <f t="shared" si="315"/>
        <v>2468</v>
      </c>
      <c r="CF219" s="21">
        <f t="shared" si="316"/>
        <v>2723</v>
      </c>
      <c r="CG219" s="21">
        <f t="shared" si="317"/>
        <v>2896</v>
      </c>
      <c r="CH219" s="21">
        <f t="shared" si="318"/>
        <v>2645</v>
      </c>
      <c r="CI219" s="21">
        <f t="shared" si="319"/>
        <v>3081</v>
      </c>
      <c r="CJ219" s="21">
        <f t="shared" si="320"/>
        <v>2901</v>
      </c>
      <c r="CK219" s="21">
        <f t="shared" si="321"/>
        <v>-13</v>
      </c>
      <c r="CL219" s="21">
        <f t="shared" si="322"/>
        <v>-12</v>
      </c>
      <c r="CM219" s="21">
        <f t="shared" si="323"/>
        <v>-716</v>
      </c>
      <c r="CN219" s="21">
        <f t="shared" si="324"/>
        <v>-263</v>
      </c>
      <c r="CO219" s="20"/>
    </row>
    <row r="220" spans="1:93" x14ac:dyDescent="0.7">
      <c r="A220" s="7"/>
      <c r="E220" s="8" t="s">
        <v>32</v>
      </c>
      <c r="F220" s="42">
        <v>2900</v>
      </c>
      <c r="G220" s="42">
        <v>2703</v>
      </c>
      <c r="H220" s="42">
        <v>3448</v>
      </c>
      <c r="I220" s="42">
        <v>3197</v>
      </c>
      <c r="J220" s="42">
        <v>1692</v>
      </c>
      <c r="K220" s="42">
        <v>2979</v>
      </c>
      <c r="L220" s="42">
        <v>3354</v>
      </c>
      <c r="M220" s="42">
        <v>3667</v>
      </c>
      <c r="N220" s="42">
        <v>2991</v>
      </c>
      <c r="O220" s="42">
        <v>3685</v>
      </c>
      <c r="P220" s="42">
        <v>3582</v>
      </c>
      <c r="Q220" s="42">
        <v>4123</v>
      </c>
      <c r="R220" s="42">
        <v>3491</v>
      </c>
      <c r="S220" s="42">
        <v>3801</v>
      </c>
      <c r="T220" s="42">
        <v>3688</v>
      </c>
      <c r="U220" s="42">
        <v>4161</v>
      </c>
      <c r="V220" s="42">
        <v>4008</v>
      </c>
      <c r="W220" s="42">
        <v>4427</v>
      </c>
      <c r="X220" s="42">
        <v>4231</v>
      </c>
      <c r="Y220" s="42">
        <v>4809</v>
      </c>
      <c r="Z220" s="42">
        <v>4053</v>
      </c>
      <c r="AA220" s="42">
        <v>5004</v>
      </c>
      <c r="AB220" s="42">
        <v>4895</v>
      </c>
      <c r="AC220" s="42">
        <v>5623</v>
      </c>
      <c r="AD220" s="42">
        <v>5262</v>
      </c>
      <c r="AE220" s="7"/>
      <c r="AF220" s="13"/>
      <c r="AG220" s="9"/>
      <c r="AH220" s="9"/>
      <c r="AI220" s="9"/>
      <c r="AJ220" s="9" t="s">
        <v>32</v>
      </c>
      <c r="AK220" s="21">
        <v>2906</v>
      </c>
      <c r="AL220" s="21">
        <v>2713</v>
      </c>
      <c r="AM220" s="21">
        <v>3464</v>
      </c>
      <c r="AN220" s="21">
        <v>3214</v>
      </c>
      <c r="AO220" s="21">
        <v>1713</v>
      </c>
      <c r="AP220" s="21">
        <v>3004</v>
      </c>
      <c r="AQ220" s="21">
        <v>3414</v>
      </c>
      <c r="AR220" s="21">
        <v>3724</v>
      </c>
      <c r="AS220" s="21">
        <v>3081</v>
      </c>
      <c r="AT220" s="21">
        <v>3813</v>
      </c>
      <c r="AU220" s="21">
        <v>3719</v>
      </c>
      <c r="AV220" s="21">
        <v>4286</v>
      </c>
      <c r="AW220" s="21">
        <v>4141</v>
      </c>
      <c r="AX220" s="21">
        <v>4424</v>
      </c>
      <c r="AY220" s="21">
        <v>4213</v>
      </c>
      <c r="AZ220" s="21">
        <v>4671</v>
      </c>
      <c r="BA220" s="21">
        <v>4419</v>
      </c>
      <c r="BB220" s="21">
        <v>4796</v>
      </c>
      <c r="BC220" s="21">
        <v>4525</v>
      </c>
      <c r="BD220" s="21">
        <v>5176</v>
      </c>
      <c r="BE220" s="21">
        <v>4375</v>
      </c>
      <c r="BF220" s="21">
        <v>5070</v>
      </c>
      <c r="BG220" s="21">
        <v>4955</v>
      </c>
      <c r="BH220" s="21">
        <v>5692</v>
      </c>
      <c r="BI220" s="21">
        <v>4928</v>
      </c>
      <c r="BJ220" s="14"/>
      <c r="BK220" s="16"/>
      <c r="BL220" s="9"/>
      <c r="BM220" s="9"/>
      <c r="BN220" s="9"/>
      <c r="BO220" s="9" t="s">
        <v>32</v>
      </c>
      <c r="BP220" s="21">
        <f t="shared" si="300"/>
        <v>6</v>
      </c>
      <c r="BQ220" s="21">
        <f t="shared" si="301"/>
        <v>10</v>
      </c>
      <c r="BR220" s="21">
        <f t="shared" si="302"/>
        <v>16</v>
      </c>
      <c r="BS220" s="21">
        <f t="shared" si="303"/>
        <v>17</v>
      </c>
      <c r="BT220" s="21">
        <f t="shared" si="304"/>
        <v>21</v>
      </c>
      <c r="BU220" s="21">
        <f t="shared" si="305"/>
        <v>25</v>
      </c>
      <c r="BV220" s="21">
        <f t="shared" si="306"/>
        <v>60</v>
      </c>
      <c r="BW220" s="21">
        <f t="shared" si="307"/>
        <v>57</v>
      </c>
      <c r="BX220" s="21">
        <f t="shared" si="308"/>
        <v>90</v>
      </c>
      <c r="BY220" s="21">
        <f t="shared" si="309"/>
        <v>128</v>
      </c>
      <c r="BZ220" s="21">
        <f t="shared" si="310"/>
        <v>137</v>
      </c>
      <c r="CA220" s="21">
        <f t="shared" si="311"/>
        <v>163</v>
      </c>
      <c r="CB220" s="21">
        <f t="shared" si="312"/>
        <v>650</v>
      </c>
      <c r="CC220" s="21">
        <f t="shared" si="313"/>
        <v>623</v>
      </c>
      <c r="CD220" s="21">
        <f t="shared" si="314"/>
        <v>525</v>
      </c>
      <c r="CE220" s="21">
        <f t="shared" si="315"/>
        <v>510</v>
      </c>
      <c r="CF220" s="21">
        <f t="shared" si="316"/>
        <v>411</v>
      </c>
      <c r="CG220" s="21">
        <f t="shared" si="317"/>
        <v>369</v>
      </c>
      <c r="CH220" s="21">
        <f t="shared" si="318"/>
        <v>294</v>
      </c>
      <c r="CI220" s="21">
        <f t="shared" si="319"/>
        <v>367</v>
      </c>
      <c r="CJ220" s="21">
        <f t="shared" si="320"/>
        <v>322</v>
      </c>
      <c r="CK220" s="21">
        <f t="shared" si="321"/>
        <v>66</v>
      </c>
      <c r="CL220" s="21">
        <f t="shared" si="322"/>
        <v>60</v>
      </c>
      <c r="CM220" s="21">
        <f t="shared" si="323"/>
        <v>69</v>
      </c>
      <c r="CN220" s="21">
        <f t="shared" si="324"/>
        <v>-334</v>
      </c>
      <c r="CO220" s="20"/>
    </row>
    <row r="221" spans="1:93" x14ac:dyDescent="0.7">
      <c r="A221" s="7"/>
      <c r="E221" s="8" t="s">
        <v>33</v>
      </c>
      <c r="F221" s="42">
        <v>2900</v>
      </c>
      <c r="G221" s="42">
        <v>2703</v>
      </c>
      <c r="H221" s="42">
        <v>3448</v>
      </c>
      <c r="I221" s="42">
        <v>3197</v>
      </c>
      <c r="J221" s="42">
        <v>1692</v>
      </c>
      <c r="K221" s="42">
        <v>2979</v>
      </c>
      <c r="L221" s="42">
        <v>3354</v>
      </c>
      <c r="M221" s="42">
        <v>3667</v>
      </c>
      <c r="N221" s="42">
        <v>2991</v>
      </c>
      <c r="O221" s="42">
        <v>3685</v>
      </c>
      <c r="P221" s="42">
        <v>3582</v>
      </c>
      <c r="Q221" s="42">
        <v>4123</v>
      </c>
      <c r="R221" s="42">
        <v>3491</v>
      </c>
      <c r="S221" s="42">
        <v>3801</v>
      </c>
      <c r="T221" s="42">
        <v>3688</v>
      </c>
      <c r="U221" s="42">
        <v>4161</v>
      </c>
      <c r="V221" s="42">
        <v>4008</v>
      </c>
      <c r="W221" s="42">
        <v>4427</v>
      </c>
      <c r="X221" s="42">
        <v>4231</v>
      </c>
      <c r="Y221" s="42">
        <v>4809</v>
      </c>
      <c r="Z221" s="42">
        <v>4053</v>
      </c>
      <c r="AA221" s="42">
        <v>5004</v>
      </c>
      <c r="AB221" s="42">
        <v>4895</v>
      </c>
      <c r="AC221" s="42">
        <v>5623</v>
      </c>
      <c r="AD221" s="42">
        <v>5262</v>
      </c>
      <c r="AE221" s="7"/>
      <c r="AF221" s="13"/>
      <c r="AG221" s="9"/>
      <c r="AH221" s="9"/>
      <c r="AI221" s="9"/>
      <c r="AJ221" s="9" t="s">
        <v>33</v>
      </c>
      <c r="AK221" s="21">
        <v>2906</v>
      </c>
      <c r="AL221" s="21">
        <v>2713</v>
      </c>
      <c r="AM221" s="21">
        <v>3464</v>
      </c>
      <c r="AN221" s="21">
        <v>3214</v>
      </c>
      <c r="AO221" s="21">
        <v>1713</v>
      </c>
      <c r="AP221" s="21">
        <v>3004</v>
      </c>
      <c r="AQ221" s="21">
        <v>3414</v>
      </c>
      <c r="AR221" s="21">
        <v>3724</v>
      </c>
      <c r="AS221" s="21">
        <v>3081</v>
      </c>
      <c r="AT221" s="21">
        <v>3813</v>
      </c>
      <c r="AU221" s="21">
        <v>3719</v>
      </c>
      <c r="AV221" s="21">
        <v>4286</v>
      </c>
      <c r="AW221" s="21">
        <v>4141</v>
      </c>
      <c r="AX221" s="21">
        <v>4424</v>
      </c>
      <c r="AY221" s="21">
        <v>4213</v>
      </c>
      <c r="AZ221" s="21">
        <v>4671</v>
      </c>
      <c r="BA221" s="21">
        <v>4419</v>
      </c>
      <c r="BB221" s="21">
        <v>4796</v>
      </c>
      <c r="BC221" s="21">
        <v>4525</v>
      </c>
      <c r="BD221" s="21">
        <v>5176</v>
      </c>
      <c r="BE221" s="21">
        <v>4375</v>
      </c>
      <c r="BF221" s="21">
        <v>5070</v>
      </c>
      <c r="BG221" s="21">
        <v>4955</v>
      </c>
      <c r="BH221" s="21">
        <v>5692</v>
      </c>
      <c r="BI221" s="21">
        <v>4928</v>
      </c>
      <c r="BJ221" s="14"/>
      <c r="BK221" s="16"/>
      <c r="BL221" s="9"/>
      <c r="BM221" s="9"/>
      <c r="BN221" s="9"/>
      <c r="BO221" s="9" t="s">
        <v>33</v>
      </c>
      <c r="BP221" s="21">
        <f t="shared" si="300"/>
        <v>6</v>
      </c>
      <c r="BQ221" s="21">
        <f t="shared" si="301"/>
        <v>10</v>
      </c>
      <c r="BR221" s="21">
        <f t="shared" si="302"/>
        <v>16</v>
      </c>
      <c r="BS221" s="21">
        <f t="shared" si="303"/>
        <v>17</v>
      </c>
      <c r="BT221" s="21">
        <f t="shared" si="304"/>
        <v>21</v>
      </c>
      <c r="BU221" s="21">
        <f t="shared" si="305"/>
        <v>25</v>
      </c>
      <c r="BV221" s="21">
        <f t="shared" si="306"/>
        <v>60</v>
      </c>
      <c r="BW221" s="21">
        <f t="shared" si="307"/>
        <v>57</v>
      </c>
      <c r="BX221" s="21">
        <f t="shared" si="308"/>
        <v>90</v>
      </c>
      <c r="BY221" s="21">
        <f t="shared" si="309"/>
        <v>128</v>
      </c>
      <c r="BZ221" s="21">
        <f t="shared" si="310"/>
        <v>137</v>
      </c>
      <c r="CA221" s="21">
        <f t="shared" si="311"/>
        <v>163</v>
      </c>
      <c r="CB221" s="21">
        <f t="shared" si="312"/>
        <v>650</v>
      </c>
      <c r="CC221" s="21">
        <f t="shared" si="313"/>
        <v>623</v>
      </c>
      <c r="CD221" s="21">
        <f t="shared" si="314"/>
        <v>525</v>
      </c>
      <c r="CE221" s="21">
        <f t="shared" si="315"/>
        <v>510</v>
      </c>
      <c r="CF221" s="21">
        <f t="shared" si="316"/>
        <v>411</v>
      </c>
      <c r="CG221" s="21">
        <f t="shared" si="317"/>
        <v>369</v>
      </c>
      <c r="CH221" s="21">
        <f t="shared" si="318"/>
        <v>294</v>
      </c>
      <c r="CI221" s="21">
        <f t="shared" si="319"/>
        <v>367</v>
      </c>
      <c r="CJ221" s="21">
        <f t="shared" si="320"/>
        <v>322</v>
      </c>
      <c r="CK221" s="21">
        <f t="shared" si="321"/>
        <v>66</v>
      </c>
      <c r="CL221" s="21">
        <f t="shared" si="322"/>
        <v>60</v>
      </c>
      <c r="CM221" s="21">
        <f t="shared" si="323"/>
        <v>69</v>
      </c>
      <c r="CN221" s="21">
        <f t="shared" si="324"/>
        <v>-334</v>
      </c>
      <c r="CO221" s="20"/>
    </row>
    <row r="222" spans="1:93" x14ac:dyDescent="0.7">
      <c r="A222" s="7"/>
      <c r="E222" s="8" t="s">
        <v>34</v>
      </c>
      <c r="F222" s="42">
        <v>3101</v>
      </c>
      <c r="G222" s="42">
        <v>1370</v>
      </c>
      <c r="H222" s="42">
        <v>4624</v>
      </c>
      <c r="I222" s="42">
        <v>1609</v>
      </c>
      <c r="J222" s="42">
        <v>1077</v>
      </c>
      <c r="K222" s="42">
        <v>2294</v>
      </c>
      <c r="L222" s="42">
        <v>6415</v>
      </c>
      <c r="M222" s="42">
        <v>4800</v>
      </c>
      <c r="N222" s="42">
        <v>3201</v>
      </c>
      <c r="O222" s="42">
        <v>7337</v>
      </c>
      <c r="P222" s="42">
        <v>11588</v>
      </c>
      <c r="Q222" s="42">
        <v>5507</v>
      </c>
      <c r="R222" s="42">
        <v>3837</v>
      </c>
      <c r="S222" s="42">
        <v>6644</v>
      </c>
      <c r="T222" s="42">
        <v>8478</v>
      </c>
      <c r="U222" s="42">
        <v>5227</v>
      </c>
      <c r="V222" s="42">
        <v>4521</v>
      </c>
      <c r="W222" s="42">
        <v>7503</v>
      </c>
      <c r="X222" s="42">
        <v>11379</v>
      </c>
      <c r="Y222" s="42">
        <v>6115</v>
      </c>
      <c r="Z222" s="42">
        <v>4296</v>
      </c>
      <c r="AA222" s="42">
        <v>8259</v>
      </c>
      <c r="AB222" s="42">
        <v>11718</v>
      </c>
      <c r="AC222" s="42">
        <v>6706</v>
      </c>
      <c r="AD222" s="42">
        <v>4644</v>
      </c>
      <c r="AE222" s="7"/>
      <c r="AF222" s="13"/>
      <c r="AG222" s="9"/>
      <c r="AH222" s="9"/>
      <c r="AI222" s="9"/>
      <c r="AJ222" s="9" t="s">
        <v>34</v>
      </c>
      <c r="AK222" s="21">
        <v>3101</v>
      </c>
      <c r="AL222" s="21">
        <v>1370</v>
      </c>
      <c r="AM222" s="21">
        <v>4624</v>
      </c>
      <c r="AN222" s="21">
        <v>1609</v>
      </c>
      <c r="AO222" s="21">
        <v>1077</v>
      </c>
      <c r="AP222" s="21">
        <v>2294</v>
      </c>
      <c r="AQ222" s="21">
        <v>6416</v>
      </c>
      <c r="AR222" s="21">
        <v>4800</v>
      </c>
      <c r="AS222" s="21">
        <v>3201</v>
      </c>
      <c r="AT222" s="21">
        <v>7337</v>
      </c>
      <c r="AU222" s="21">
        <v>11588</v>
      </c>
      <c r="AV222" s="21">
        <v>5506</v>
      </c>
      <c r="AW222" s="21">
        <v>4454</v>
      </c>
      <c r="AX222" s="21">
        <v>7499</v>
      </c>
      <c r="AY222" s="21">
        <v>9315</v>
      </c>
      <c r="AZ222" s="21">
        <v>5601</v>
      </c>
      <c r="BA222" s="21">
        <v>4727</v>
      </c>
      <c r="BB222" s="21">
        <v>7668</v>
      </c>
      <c r="BC222" s="21">
        <v>11379</v>
      </c>
      <c r="BD222" s="21">
        <v>6115</v>
      </c>
      <c r="BE222" s="21">
        <v>4296</v>
      </c>
      <c r="BF222" s="21">
        <v>8259</v>
      </c>
      <c r="BG222" s="21">
        <v>11718</v>
      </c>
      <c r="BH222" s="21">
        <v>6706</v>
      </c>
      <c r="BI222" s="21">
        <v>4644</v>
      </c>
      <c r="BJ222" s="14"/>
      <c r="BK222" s="16"/>
      <c r="BL222" s="9"/>
      <c r="BM222" s="9"/>
      <c r="BN222" s="9"/>
      <c r="BO222" s="9" t="s">
        <v>34</v>
      </c>
      <c r="BP222" s="21">
        <f t="shared" si="300"/>
        <v>0</v>
      </c>
      <c r="BQ222" s="21">
        <f t="shared" si="301"/>
        <v>0</v>
      </c>
      <c r="BR222" s="21">
        <f t="shared" si="302"/>
        <v>0</v>
      </c>
      <c r="BS222" s="21">
        <f t="shared" si="303"/>
        <v>0</v>
      </c>
      <c r="BT222" s="21">
        <f t="shared" si="304"/>
        <v>0</v>
      </c>
      <c r="BU222" s="21">
        <f t="shared" si="305"/>
        <v>0</v>
      </c>
      <c r="BV222" s="21">
        <f t="shared" si="306"/>
        <v>1</v>
      </c>
      <c r="BW222" s="21">
        <f t="shared" si="307"/>
        <v>0</v>
      </c>
      <c r="BX222" s="21">
        <f t="shared" si="308"/>
        <v>0</v>
      </c>
      <c r="BY222" s="21">
        <f t="shared" si="309"/>
        <v>0</v>
      </c>
      <c r="BZ222" s="21">
        <f t="shared" si="310"/>
        <v>0</v>
      </c>
      <c r="CA222" s="21">
        <f t="shared" si="311"/>
        <v>-1</v>
      </c>
      <c r="CB222" s="21">
        <f t="shared" si="312"/>
        <v>617</v>
      </c>
      <c r="CC222" s="21">
        <f t="shared" si="313"/>
        <v>855</v>
      </c>
      <c r="CD222" s="21">
        <f t="shared" si="314"/>
        <v>837</v>
      </c>
      <c r="CE222" s="21">
        <f t="shared" si="315"/>
        <v>374</v>
      </c>
      <c r="CF222" s="21">
        <f t="shared" si="316"/>
        <v>206</v>
      </c>
      <c r="CG222" s="21">
        <f t="shared" si="317"/>
        <v>165</v>
      </c>
      <c r="CH222" s="21">
        <f t="shared" si="318"/>
        <v>0</v>
      </c>
      <c r="CI222" s="21">
        <f t="shared" si="319"/>
        <v>0</v>
      </c>
      <c r="CJ222" s="21">
        <f t="shared" si="320"/>
        <v>0</v>
      </c>
      <c r="CK222" s="21">
        <f t="shared" si="321"/>
        <v>0</v>
      </c>
      <c r="CL222" s="21">
        <f t="shared" si="322"/>
        <v>0</v>
      </c>
      <c r="CM222" s="21">
        <f t="shared" si="323"/>
        <v>0</v>
      </c>
      <c r="CN222" s="21">
        <f t="shared" si="324"/>
        <v>0</v>
      </c>
      <c r="CO222" s="20"/>
    </row>
    <row r="223" spans="1:93" x14ac:dyDescent="0.7">
      <c r="A223" s="7"/>
      <c r="E223" s="8" t="s">
        <v>35</v>
      </c>
      <c r="F223" s="42">
        <v>1546</v>
      </c>
      <c r="G223" s="42">
        <v>749</v>
      </c>
      <c r="H223" s="42">
        <v>2746</v>
      </c>
      <c r="I223" s="42">
        <v>981</v>
      </c>
      <c r="J223" s="42">
        <v>781</v>
      </c>
      <c r="K223" s="42">
        <v>1386</v>
      </c>
      <c r="L223" s="42">
        <v>3863</v>
      </c>
      <c r="M223" s="42">
        <v>2813</v>
      </c>
      <c r="N223" s="42">
        <v>1863</v>
      </c>
      <c r="O223" s="42">
        <v>4090</v>
      </c>
      <c r="P223" s="42">
        <v>7011</v>
      </c>
      <c r="Q223" s="42">
        <v>3263</v>
      </c>
      <c r="R223" s="42">
        <v>2258</v>
      </c>
      <c r="S223" s="42">
        <v>3938</v>
      </c>
      <c r="T223" s="42">
        <v>5328</v>
      </c>
      <c r="U223" s="42">
        <v>3126</v>
      </c>
      <c r="V223" s="42">
        <v>2627</v>
      </c>
      <c r="W223" s="42">
        <v>4372</v>
      </c>
      <c r="X223" s="42">
        <v>6992</v>
      </c>
      <c r="Y223" s="42">
        <v>3758</v>
      </c>
      <c r="Z223" s="42">
        <v>2658</v>
      </c>
      <c r="AA223" s="42">
        <v>5020</v>
      </c>
      <c r="AB223" s="42">
        <v>7355</v>
      </c>
      <c r="AC223" s="42">
        <v>4275</v>
      </c>
      <c r="AD223" s="42">
        <v>2957</v>
      </c>
      <c r="AE223" s="7"/>
      <c r="AF223" s="13"/>
      <c r="AG223" s="9"/>
      <c r="AH223" s="9"/>
      <c r="AI223" s="9"/>
      <c r="AJ223" s="9" t="s">
        <v>35</v>
      </c>
      <c r="AK223" s="21">
        <v>1546</v>
      </c>
      <c r="AL223" s="21">
        <v>749</v>
      </c>
      <c r="AM223" s="21">
        <v>2746</v>
      </c>
      <c r="AN223" s="21">
        <v>981</v>
      </c>
      <c r="AO223" s="21">
        <v>781</v>
      </c>
      <c r="AP223" s="21">
        <v>1386</v>
      </c>
      <c r="AQ223" s="21">
        <v>3863</v>
      </c>
      <c r="AR223" s="21">
        <v>2813</v>
      </c>
      <c r="AS223" s="21">
        <v>1863</v>
      </c>
      <c r="AT223" s="21">
        <v>4090</v>
      </c>
      <c r="AU223" s="21">
        <v>7011</v>
      </c>
      <c r="AV223" s="21">
        <v>3263</v>
      </c>
      <c r="AW223" s="21">
        <v>2506</v>
      </c>
      <c r="AX223" s="21">
        <v>4286</v>
      </c>
      <c r="AY223" s="21">
        <v>5694</v>
      </c>
      <c r="AZ223" s="21">
        <v>3283</v>
      </c>
      <c r="BA223" s="21">
        <v>2712</v>
      </c>
      <c r="BB223" s="21">
        <v>4440</v>
      </c>
      <c r="BC223" s="21">
        <v>6992</v>
      </c>
      <c r="BD223" s="21">
        <v>3758</v>
      </c>
      <c r="BE223" s="21">
        <v>2658</v>
      </c>
      <c r="BF223" s="21">
        <v>5020</v>
      </c>
      <c r="BG223" s="21">
        <v>7355</v>
      </c>
      <c r="BH223" s="21">
        <v>4275</v>
      </c>
      <c r="BI223" s="21">
        <v>2957</v>
      </c>
      <c r="BJ223" s="14"/>
      <c r="BK223" s="16"/>
      <c r="BL223" s="9"/>
      <c r="BM223" s="9"/>
      <c r="BN223" s="9"/>
      <c r="BO223" s="9" t="s">
        <v>35</v>
      </c>
      <c r="BP223" s="21">
        <f t="shared" si="300"/>
        <v>0</v>
      </c>
      <c r="BQ223" s="21">
        <f t="shared" si="301"/>
        <v>0</v>
      </c>
      <c r="BR223" s="21">
        <f t="shared" si="302"/>
        <v>0</v>
      </c>
      <c r="BS223" s="21">
        <f t="shared" si="303"/>
        <v>0</v>
      </c>
      <c r="BT223" s="21">
        <f t="shared" si="304"/>
        <v>0</v>
      </c>
      <c r="BU223" s="21">
        <f t="shared" si="305"/>
        <v>0</v>
      </c>
      <c r="BV223" s="21">
        <f t="shared" si="306"/>
        <v>0</v>
      </c>
      <c r="BW223" s="21">
        <f t="shared" si="307"/>
        <v>0</v>
      </c>
      <c r="BX223" s="21">
        <f t="shared" si="308"/>
        <v>0</v>
      </c>
      <c r="BY223" s="21">
        <f t="shared" si="309"/>
        <v>0</v>
      </c>
      <c r="BZ223" s="21">
        <f t="shared" si="310"/>
        <v>0</v>
      </c>
      <c r="CA223" s="21">
        <f t="shared" si="311"/>
        <v>0</v>
      </c>
      <c r="CB223" s="21">
        <f t="shared" si="312"/>
        <v>248</v>
      </c>
      <c r="CC223" s="21">
        <f t="shared" si="313"/>
        <v>348</v>
      </c>
      <c r="CD223" s="21">
        <f t="shared" si="314"/>
        <v>366</v>
      </c>
      <c r="CE223" s="21">
        <f t="shared" si="315"/>
        <v>157</v>
      </c>
      <c r="CF223" s="21">
        <f t="shared" si="316"/>
        <v>85</v>
      </c>
      <c r="CG223" s="21">
        <f t="shared" si="317"/>
        <v>68</v>
      </c>
      <c r="CH223" s="21">
        <f t="shared" si="318"/>
        <v>0</v>
      </c>
      <c r="CI223" s="21">
        <f t="shared" si="319"/>
        <v>0</v>
      </c>
      <c r="CJ223" s="21">
        <f t="shared" si="320"/>
        <v>0</v>
      </c>
      <c r="CK223" s="21">
        <f t="shared" si="321"/>
        <v>0</v>
      </c>
      <c r="CL223" s="21">
        <f t="shared" si="322"/>
        <v>0</v>
      </c>
      <c r="CM223" s="21">
        <f t="shared" si="323"/>
        <v>0</v>
      </c>
      <c r="CN223" s="21">
        <f t="shared" si="324"/>
        <v>0</v>
      </c>
      <c r="CO223" s="20"/>
    </row>
    <row r="224" spans="1:93" x14ac:dyDescent="0.7">
      <c r="A224" s="7"/>
      <c r="E224" s="8" t="s">
        <v>36</v>
      </c>
      <c r="F224" s="42">
        <v>1555</v>
      </c>
      <c r="G224" s="42">
        <v>621</v>
      </c>
      <c r="H224" s="42">
        <v>1878</v>
      </c>
      <c r="I224" s="42">
        <v>628</v>
      </c>
      <c r="J224" s="42">
        <v>296</v>
      </c>
      <c r="K224" s="42">
        <v>908</v>
      </c>
      <c r="L224" s="42">
        <v>2552</v>
      </c>
      <c r="M224" s="42">
        <v>1987</v>
      </c>
      <c r="N224" s="42">
        <v>1338</v>
      </c>
      <c r="O224" s="42">
        <v>3247</v>
      </c>
      <c r="P224" s="42">
        <v>4577</v>
      </c>
      <c r="Q224" s="42">
        <v>2244</v>
      </c>
      <c r="R224" s="42">
        <v>1579</v>
      </c>
      <c r="S224" s="42">
        <v>2708</v>
      </c>
      <c r="T224" s="42">
        <v>3228</v>
      </c>
      <c r="U224" s="42">
        <v>2097</v>
      </c>
      <c r="V224" s="42">
        <v>1865</v>
      </c>
      <c r="W224" s="42">
        <v>3078</v>
      </c>
      <c r="X224" s="42">
        <v>4388</v>
      </c>
      <c r="Y224" s="42">
        <v>2357</v>
      </c>
      <c r="Z224" s="42">
        <v>1638</v>
      </c>
      <c r="AA224" s="42">
        <v>3239</v>
      </c>
      <c r="AB224" s="42">
        <v>4363</v>
      </c>
      <c r="AC224" s="42">
        <v>2431</v>
      </c>
      <c r="AD224" s="42">
        <v>1687</v>
      </c>
      <c r="AE224" s="7"/>
      <c r="AF224" s="13"/>
      <c r="AG224" s="9"/>
      <c r="AH224" s="9"/>
      <c r="AI224" s="9"/>
      <c r="AJ224" s="9" t="s">
        <v>36</v>
      </c>
      <c r="AK224" s="21">
        <v>1555</v>
      </c>
      <c r="AL224" s="21">
        <v>621</v>
      </c>
      <c r="AM224" s="21">
        <v>1878</v>
      </c>
      <c r="AN224" s="21">
        <v>628</v>
      </c>
      <c r="AO224" s="21">
        <v>296</v>
      </c>
      <c r="AP224" s="21">
        <v>908</v>
      </c>
      <c r="AQ224" s="21">
        <v>2552</v>
      </c>
      <c r="AR224" s="21">
        <v>1987</v>
      </c>
      <c r="AS224" s="21">
        <v>1338</v>
      </c>
      <c r="AT224" s="21">
        <v>3247</v>
      </c>
      <c r="AU224" s="21">
        <v>4577</v>
      </c>
      <c r="AV224" s="21">
        <v>2244</v>
      </c>
      <c r="AW224" s="21">
        <v>1913</v>
      </c>
      <c r="AX224" s="21">
        <v>3162</v>
      </c>
      <c r="AY224" s="21">
        <v>3642</v>
      </c>
      <c r="AZ224" s="21">
        <v>2291</v>
      </c>
      <c r="BA224" s="21">
        <v>1974</v>
      </c>
      <c r="BB224" s="21">
        <v>3165</v>
      </c>
      <c r="BC224" s="21">
        <v>4388</v>
      </c>
      <c r="BD224" s="21">
        <v>2357</v>
      </c>
      <c r="BE224" s="21">
        <v>1638</v>
      </c>
      <c r="BF224" s="21">
        <v>3239</v>
      </c>
      <c r="BG224" s="21">
        <v>4363</v>
      </c>
      <c r="BH224" s="21">
        <v>2431</v>
      </c>
      <c r="BI224" s="21">
        <v>1687</v>
      </c>
      <c r="BJ224" s="14"/>
      <c r="BK224" s="16"/>
      <c r="BL224" s="9"/>
      <c r="BM224" s="9"/>
      <c r="BN224" s="9"/>
      <c r="BO224" s="9" t="s">
        <v>36</v>
      </c>
      <c r="BP224" s="21">
        <f t="shared" si="300"/>
        <v>0</v>
      </c>
      <c r="BQ224" s="21">
        <f t="shared" si="301"/>
        <v>0</v>
      </c>
      <c r="BR224" s="21">
        <f t="shared" si="302"/>
        <v>0</v>
      </c>
      <c r="BS224" s="21">
        <f t="shared" si="303"/>
        <v>0</v>
      </c>
      <c r="BT224" s="21">
        <f t="shared" si="304"/>
        <v>0</v>
      </c>
      <c r="BU224" s="21">
        <f t="shared" si="305"/>
        <v>0</v>
      </c>
      <c r="BV224" s="21">
        <f t="shared" si="306"/>
        <v>0</v>
      </c>
      <c r="BW224" s="21">
        <f t="shared" si="307"/>
        <v>0</v>
      </c>
      <c r="BX224" s="21">
        <f t="shared" si="308"/>
        <v>0</v>
      </c>
      <c r="BY224" s="21">
        <f t="shared" si="309"/>
        <v>0</v>
      </c>
      <c r="BZ224" s="21">
        <f t="shared" si="310"/>
        <v>0</v>
      </c>
      <c r="CA224" s="21">
        <f t="shared" si="311"/>
        <v>0</v>
      </c>
      <c r="CB224" s="21">
        <f t="shared" si="312"/>
        <v>334</v>
      </c>
      <c r="CC224" s="21">
        <f t="shared" si="313"/>
        <v>454</v>
      </c>
      <c r="CD224" s="21">
        <f t="shared" si="314"/>
        <v>414</v>
      </c>
      <c r="CE224" s="21">
        <f t="shared" si="315"/>
        <v>194</v>
      </c>
      <c r="CF224" s="21">
        <f t="shared" si="316"/>
        <v>109</v>
      </c>
      <c r="CG224" s="21">
        <f t="shared" si="317"/>
        <v>87</v>
      </c>
      <c r="CH224" s="21">
        <f t="shared" si="318"/>
        <v>0</v>
      </c>
      <c r="CI224" s="21">
        <f t="shared" si="319"/>
        <v>0</v>
      </c>
      <c r="CJ224" s="21">
        <f t="shared" si="320"/>
        <v>0</v>
      </c>
      <c r="CK224" s="21">
        <f t="shared" si="321"/>
        <v>0</v>
      </c>
      <c r="CL224" s="21">
        <f t="shared" si="322"/>
        <v>0</v>
      </c>
      <c r="CM224" s="21">
        <f t="shared" si="323"/>
        <v>0</v>
      </c>
      <c r="CN224" s="21">
        <f t="shared" si="324"/>
        <v>0</v>
      </c>
      <c r="CO224" s="20"/>
    </row>
    <row r="225" spans="1:93" x14ac:dyDescent="0.7">
      <c r="A225" s="7"/>
      <c r="D225" s="8" t="s">
        <v>38</v>
      </c>
      <c r="E225" s="8" t="s">
        <v>27</v>
      </c>
      <c r="F225" s="42">
        <v>33941</v>
      </c>
      <c r="G225" s="42">
        <v>37130</v>
      </c>
      <c r="H225" s="42">
        <v>35082</v>
      </c>
      <c r="I225" s="42">
        <v>43373</v>
      </c>
      <c r="J225" s="42">
        <v>45153</v>
      </c>
      <c r="K225" s="42">
        <v>45718</v>
      </c>
      <c r="L225" s="42">
        <v>42736</v>
      </c>
      <c r="M225" s="42">
        <v>45719</v>
      </c>
      <c r="N225" s="42">
        <v>44285</v>
      </c>
      <c r="O225" s="42">
        <v>46538</v>
      </c>
      <c r="P225" s="42">
        <v>42616</v>
      </c>
      <c r="Q225" s="42">
        <v>45337</v>
      </c>
      <c r="R225" s="42">
        <v>44773</v>
      </c>
      <c r="S225" s="42">
        <v>49215</v>
      </c>
      <c r="T225" s="42">
        <v>46255</v>
      </c>
      <c r="U225" s="42">
        <v>48776</v>
      </c>
      <c r="V225" s="42">
        <v>44285</v>
      </c>
      <c r="W225" s="42">
        <v>50014</v>
      </c>
      <c r="X225" s="42">
        <v>47540</v>
      </c>
      <c r="Y225" s="42">
        <v>53113</v>
      </c>
      <c r="Z225" s="42">
        <v>50390</v>
      </c>
      <c r="AA225" s="42">
        <v>44404</v>
      </c>
      <c r="AB225" s="42">
        <v>40347</v>
      </c>
      <c r="AC225" s="42">
        <v>45889</v>
      </c>
      <c r="AD225" s="42">
        <v>42889</v>
      </c>
      <c r="AE225" s="7"/>
      <c r="AF225" s="13"/>
      <c r="AG225" s="9"/>
      <c r="AH225" s="9"/>
      <c r="AI225" s="9" t="s">
        <v>38</v>
      </c>
      <c r="AJ225" s="9" t="s">
        <v>27</v>
      </c>
      <c r="AK225" s="21">
        <v>33296</v>
      </c>
      <c r="AL225" s="21">
        <v>36169</v>
      </c>
      <c r="AM225" s="21">
        <v>33811</v>
      </c>
      <c r="AN225" s="21">
        <v>41991</v>
      </c>
      <c r="AO225" s="21">
        <v>44044</v>
      </c>
      <c r="AP225" s="21">
        <v>43855</v>
      </c>
      <c r="AQ225" s="21">
        <v>40569</v>
      </c>
      <c r="AR225" s="21">
        <v>42897</v>
      </c>
      <c r="AS225" s="21">
        <v>42412</v>
      </c>
      <c r="AT225" s="21">
        <v>44207</v>
      </c>
      <c r="AU225" s="21">
        <v>40038</v>
      </c>
      <c r="AV225" s="21">
        <v>42483</v>
      </c>
      <c r="AW225" s="21">
        <v>38808</v>
      </c>
      <c r="AX225" s="21">
        <v>42908</v>
      </c>
      <c r="AY225" s="21">
        <v>40570</v>
      </c>
      <c r="AZ225" s="21">
        <v>43139</v>
      </c>
      <c r="BA225" s="21">
        <v>39410</v>
      </c>
      <c r="BB225" s="21">
        <v>44778</v>
      </c>
      <c r="BC225" s="21">
        <v>42630</v>
      </c>
      <c r="BD225" s="21">
        <v>47968</v>
      </c>
      <c r="BE225" s="21">
        <v>44790</v>
      </c>
      <c r="BF225" s="21">
        <v>47085</v>
      </c>
      <c r="BG225" s="21">
        <v>42983</v>
      </c>
      <c r="BH225" s="21">
        <v>47665</v>
      </c>
      <c r="BI225" s="21">
        <v>43866</v>
      </c>
      <c r="BJ225" s="14"/>
      <c r="BK225" s="16"/>
      <c r="BL225" s="9"/>
      <c r="BM225" s="9"/>
      <c r="BN225" s="9" t="s">
        <v>38</v>
      </c>
      <c r="BO225" s="9" t="s">
        <v>27</v>
      </c>
      <c r="BP225" s="21">
        <f t="shared" si="300"/>
        <v>-645</v>
      </c>
      <c r="BQ225" s="21">
        <f t="shared" si="301"/>
        <v>-961</v>
      </c>
      <c r="BR225" s="21">
        <f t="shared" si="302"/>
        <v>-1271</v>
      </c>
      <c r="BS225" s="21">
        <f t="shared" si="303"/>
        <v>-1382</v>
      </c>
      <c r="BT225" s="21">
        <f t="shared" si="304"/>
        <v>-1109</v>
      </c>
      <c r="BU225" s="21">
        <f t="shared" si="305"/>
        <v>-1863</v>
      </c>
      <c r="BV225" s="21">
        <f t="shared" si="306"/>
        <v>-2167</v>
      </c>
      <c r="BW225" s="21">
        <f t="shared" si="307"/>
        <v>-2822</v>
      </c>
      <c r="BX225" s="21">
        <f t="shared" si="308"/>
        <v>-1873</v>
      </c>
      <c r="BY225" s="21">
        <f t="shared" si="309"/>
        <v>-2331</v>
      </c>
      <c r="BZ225" s="21">
        <f t="shared" si="310"/>
        <v>-2578</v>
      </c>
      <c r="CA225" s="21">
        <f t="shared" si="311"/>
        <v>-2854</v>
      </c>
      <c r="CB225" s="21">
        <f t="shared" si="312"/>
        <v>-5965</v>
      </c>
      <c r="CC225" s="21">
        <f t="shared" si="313"/>
        <v>-6307</v>
      </c>
      <c r="CD225" s="21">
        <f t="shared" si="314"/>
        <v>-5685</v>
      </c>
      <c r="CE225" s="21">
        <f t="shared" si="315"/>
        <v>-5637</v>
      </c>
      <c r="CF225" s="21">
        <f t="shared" si="316"/>
        <v>-4875</v>
      </c>
      <c r="CG225" s="21">
        <f t="shared" si="317"/>
        <v>-5236</v>
      </c>
      <c r="CH225" s="21">
        <f t="shared" si="318"/>
        <v>-4910</v>
      </c>
      <c r="CI225" s="21">
        <f t="shared" si="319"/>
        <v>-5145</v>
      </c>
      <c r="CJ225" s="21">
        <f t="shared" si="320"/>
        <v>-5600</v>
      </c>
      <c r="CK225" s="21">
        <f t="shared" si="321"/>
        <v>2681</v>
      </c>
      <c r="CL225" s="21">
        <f t="shared" si="322"/>
        <v>2636</v>
      </c>
      <c r="CM225" s="21">
        <f t="shared" si="323"/>
        <v>1776</v>
      </c>
      <c r="CN225" s="21">
        <f t="shared" si="324"/>
        <v>977</v>
      </c>
      <c r="CO225" s="20"/>
    </row>
    <row r="226" spans="1:93" x14ac:dyDescent="0.7">
      <c r="A226" s="7"/>
      <c r="E226" s="8" t="s">
        <v>28</v>
      </c>
      <c r="F226" s="42">
        <v>30098</v>
      </c>
      <c r="G226" s="42">
        <v>34238</v>
      </c>
      <c r="H226" s="42">
        <v>32307</v>
      </c>
      <c r="I226" s="42">
        <v>40306</v>
      </c>
      <c r="J226" s="42">
        <v>41938</v>
      </c>
      <c r="K226" s="42">
        <v>42269</v>
      </c>
      <c r="L226" s="42">
        <v>39294</v>
      </c>
      <c r="M226" s="42">
        <v>41980</v>
      </c>
      <c r="N226" s="42">
        <v>40277</v>
      </c>
      <c r="O226" s="42">
        <v>41985</v>
      </c>
      <c r="P226" s="42">
        <v>38390</v>
      </c>
      <c r="Q226" s="42">
        <v>41007</v>
      </c>
      <c r="R226" s="42">
        <v>40093</v>
      </c>
      <c r="S226" s="42">
        <v>44201</v>
      </c>
      <c r="T226" s="42">
        <v>41555</v>
      </c>
      <c r="U226" s="42">
        <v>43728</v>
      </c>
      <c r="V226" s="42">
        <v>39635</v>
      </c>
      <c r="W226" s="42">
        <v>44938</v>
      </c>
      <c r="X226" s="42">
        <v>42799</v>
      </c>
      <c r="Y226" s="42">
        <v>47828</v>
      </c>
      <c r="Z226" s="42">
        <v>44996</v>
      </c>
      <c r="AA226" s="42">
        <v>39452</v>
      </c>
      <c r="AB226" s="42">
        <v>35597</v>
      </c>
      <c r="AC226" s="42">
        <v>40615</v>
      </c>
      <c r="AD226" s="42">
        <v>37187</v>
      </c>
      <c r="AE226" s="7"/>
      <c r="AF226" s="13"/>
      <c r="AG226" s="9"/>
      <c r="AH226" s="9"/>
      <c r="AI226" s="9"/>
      <c r="AJ226" s="9" t="s">
        <v>28</v>
      </c>
      <c r="AK226" s="21">
        <v>29459</v>
      </c>
      <c r="AL226" s="21">
        <v>33287</v>
      </c>
      <c r="AM226" s="21">
        <v>31052</v>
      </c>
      <c r="AN226" s="21">
        <v>38941</v>
      </c>
      <c r="AO226" s="21">
        <v>40837</v>
      </c>
      <c r="AP226" s="21">
        <v>40428</v>
      </c>
      <c r="AQ226" s="21">
        <v>37142</v>
      </c>
      <c r="AR226" s="21">
        <v>39215</v>
      </c>
      <c r="AS226" s="21">
        <v>38228</v>
      </c>
      <c r="AT226" s="21">
        <v>39468</v>
      </c>
      <c r="AU226" s="21">
        <v>35643</v>
      </c>
      <c r="AV226" s="21">
        <v>37987</v>
      </c>
      <c r="AW226" s="21">
        <v>34550</v>
      </c>
      <c r="AX226" s="21">
        <v>38257</v>
      </c>
      <c r="AY226" s="21">
        <v>36128</v>
      </c>
      <c r="AZ226" s="21">
        <v>38281</v>
      </c>
      <c r="BA226" s="21">
        <v>34862</v>
      </c>
      <c r="BB226" s="21">
        <v>39705</v>
      </c>
      <c r="BC226" s="21">
        <v>37795</v>
      </c>
      <c r="BD226" s="21">
        <v>42588</v>
      </c>
      <c r="BE226" s="21">
        <v>39300</v>
      </c>
      <c r="BF226" s="21">
        <v>41751</v>
      </c>
      <c r="BG226" s="21">
        <v>37855</v>
      </c>
      <c r="BH226" s="21">
        <v>41959</v>
      </c>
      <c r="BI226" s="21">
        <v>37990</v>
      </c>
      <c r="BJ226" s="14"/>
      <c r="BK226" s="16"/>
      <c r="BL226" s="9"/>
      <c r="BM226" s="9"/>
      <c r="BN226" s="9"/>
      <c r="BO226" s="9" t="s">
        <v>28</v>
      </c>
      <c r="BP226" s="21">
        <f t="shared" si="300"/>
        <v>-639</v>
      </c>
      <c r="BQ226" s="21">
        <f t="shared" si="301"/>
        <v>-951</v>
      </c>
      <c r="BR226" s="21">
        <f t="shared" si="302"/>
        <v>-1255</v>
      </c>
      <c r="BS226" s="21">
        <f t="shared" si="303"/>
        <v>-1365</v>
      </c>
      <c r="BT226" s="21">
        <f t="shared" si="304"/>
        <v>-1101</v>
      </c>
      <c r="BU226" s="21">
        <f t="shared" si="305"/>
        <v>-1841</v>
      </c>
      <c r="BV226" s="21">
        <f t="shared" si="306"/>
        <v>-2152</v>
      </c>
      <c r="BW226" s="21">
        <f t="shared" si="307"/>
        <v>-2765</v>
      </c>
      <c r="BX226" s="21">
        <f t="shared" si="308"/>
        <v>-2049</v>
      </c>
      <c r="BY226" s="21">
        <f t="shared" si="309"/>
        <v>-2517</v>
      </c>
      <c r="BZ226" s="21">
        <f t="shared" si="310"/>
        <v>-2747</v>
      </c>
      <c r="CA226" s="21">
        <f t="shared" si="311"/>
        <v>-3020</v>
      </c>
      <c r="CB226" s="21">
        <f t="shared" si="312"/>
        <v>-5543</v>
      </c>
      <c r="CC226" s="21">
        <f t="shared" si="313"/>
        <v>-5944</v>
      </c>
      <c r="CD226" s="21">
        <f t="shared" si="314"/>
        <v>-5427</v>
      </c>
      <c r="CE226" s="21">
        <f t="shared" si="315"/>
        <v>-5447</v>
      </c>
      <c r="CF226" s="21">
        <f t="shared" si="316"/>
        <v>-4773</v>
      </c>
      <c r="CG226" s="21">
        <f t="shared" si="317"/>
        <v>-5233</v>
      </c>
      <c r="CH226" s="21">
        <f t="shared" si="318"/>
        <v>-5004</v>
      </c>
      <c r="CI226" s="21">
        <f t="shared" si="319"/>
        <v>-5240</v>
      </c>
      <c r="CJ226" s="21">
        <f t="shared" si="320"/>
        <v>-5696</v>
      </c>
      <c r="CK226" s="21">
        <f t="shared" si="321"/>
        <v>2299</v>
      </c>
      <c r="CL226" s="21">
        <f t="shared" si="322"/>
        <v>2258</v>
      </c>
      <c r="CM226" s="21">
        <f t="shared" si="323"/>
        <v>1344</v>
      </c>
      <c r="CN226" s="21">
        <f t="shared" si="324"/>
        <v>803</v>
      </c>
      <c r="CO226" s="20"/>
    </row>
    <row r="227" spans="1:93" x14ac:dyDescent="0.7">
      <c r="A227" s="7"/>
      <c r="E227" s="8" t="s">
        <v>29</v>
      </c>
      <c r="F227" s="42">
        <v>501</v>
      </c>
      <c r="G227" s="42">
        <v>534</v>
      </c>
      <c r="H227" s="42">
        <v>492</v>
      </c>
      <c r="I227" s="42">
        <v>578</v>
      </c>
      <c r="J227" s="42">
        <v>552</v>
      </c>
      <c r="K227" s="42">
        <v>536</v>
      </c>
      <c r="L227" s="42">
        <v>471</v>
      </c>
      <c r="M227" s="42">
        <v>474</v>
      </c>
      <c r="N227" s="42">
        <v>465</v>
      </c>
      <c r="O227" s="42">
        <v>473</v>
      </c>
      <c r="P227" s="42">
        <v>426</v>
      </c>
      <c r="Q227" s="42">
        <v>457</v>
      </c>
      <c r="R227" s="42">
        <v>441</v>
      </c>
      <c r="S227" s="42">
        <v>525</v>
      </c>
      <c r="T227" s="42">
        <v>551</v>
      </c>
      <c r="U227" s="42">
        <v>616</v>
      </c>
      <c r="V227" s="42">
        <v>256</v>
      </c>
      <c r="W227" s="42">
        <v>262</v>
      </c>
      <c r="X227" s="42">
        <v>233</v>
      </c>
      <c r="Y227" s="42">
        <v>234</v>
      </c>
      <c r="Z227" s="42">
        <v>229</v>
      </c>
      <c r="AA227" s="42">
        <v>227</v>
      </c>
      <c r="AB227" s="42">
        <v>179</v>
      </c>
      <c r="AC227" s="42">
        <v>180</v>
      </c>
      <c r="AD227" s="42">
        <v>166</v>
      </c>
      <c r="AE227" s="7"/>
      <c r="AF227" s="13"/>
      <c r="AG227" s="9"/>
      <c r="AH227" s="9"/>
      <c r="AI227" s="9"/>
      <c r="AJ227" s="9" t="s">
        <v>29</v>
      </c>
      <c r="AK227" s="21">
        <v>500</v>
      </c>
      <c r="AL227" s="21">
        <v>533</v>
      </c>
      <c r="AM227" s="21">
        <v>492</v>
      </c>
      <c r="AN227" s="21">
        <v>578</v>
      </c>
      <c r="AO227" s="21">
        <v>553</v>
      </c>
      <c r="AP227" s="21">
        <v>533</v>
      </c>
      <c r="AQ227" s="21">
        <v>474</v>
      </c>
      <c r="AR227" s="21">
        <v>473</v>
      </c>
      <c r="AS227" s="21">
        <v>445</v>
      </c>
      <c r="AT227" s="21">
        <v>416</v>
      </c>
      <c r="AU227" s="21">
        <v>360</v>
      </c>
      <c r="AV227" s="21">
        <v>362</v>
      </c>
      <c r="AW227" s="21">
        <v>315</v>
      </c>
      <c r="AX227" s="21">
        <v>324</v>
      </c>
      <c r="AY227" s="21">
        <v>284</v>
      </c>
      <c r="AZ227" s="21">
        <v>290</v>
      </c>
      <c r="BA227" s="21">
        <v>248</v>
      </c>
      <c r="BB227" s="21">
        <v>259</v>
      </c>
      <c r="BC227" s="21">
        <v>230</v>
      </c>
      <c r="BD227" s="21">
        <v>234</v>
      </c>
      <c r="BE227" s="21">
        <v>229</v>
      </c>
      <c r="BF227" s="21">
        <v>227</v>
      </c>
      <c r="BG227" s="21">
        <v>179</v>
      </c>
      <c r="BH227" s="21">
        <v>180</v>
      </c>
      <c r="BI227" s="21">
        <v>166</v>
      </c>
      <c r="BJ227" s="14"/>
      <c r="BK227" s="16"/>
      <c r="BL227" s="9"/>
      <c r="BM227" s="9"/>
      <c r="BN227" s="9"/>
      <c r="BO227" s="9" t="s">
        <v>29</v>
      </c>
      <c r="BP227" s="21">
        <f t="shared" si="300"/>
        <v>-1</v>
      </c>
      <c r="BQ227" s="21">
        <f t="shared" si="301"/>
        <v>-1</v>
      </c>
      <c r="BR227" s="21">
        <f t="shared" si="302"/>
        <v>0</v>
      </c>
      <c r="BS227" s="21">
        <f t="shared" si="303"/>
        <v>0</v>
      </c>
      <c r="BT227" s="21">
        <f t="shared" si="304"/>
        <v>1</v>
      </c>
      <c r="BU227" s="21">
        <f t="shared" si="305"/>
        <v>-3</v>
      </c>
      <c r="BV227" s="21">
        <f t="shared" si="306"/>
        <v>3</v>
      </c>
      <c r="BW227" s="21">
        <f t="shared" si="307"/>
        <v>-1</v>
      </c>
      <c r="BX227" s="21">
        <f t="shared" si="308"/>
        <v>-20</v>
      </c>
      <c r="BY227" s="21">
        <f t="shared" si="309"/>
        <v>-57</v>
      </c>
      <c r="BZ227" s="21">
        <f t="shared" si="310"/>
        <v>-66</v>
      </c>
      <c r="CA227" s="21">
        <f t="shared" si="311"/>
        <v>-95</v>
      </c>
      <c r="CB227" s="21">
        <f t="shared" si="312"/>
        <v>-126</v>
      </c>
      <c r="CC227" s="21">
        <f t="shared" si="313"/>
        <v>-201</v>
      </c>
      <c r="CD227" s="21">
        <f t="shared" si="314"/>
        <v>-267</v>
      </c>
      <c r="CE227" s="21">
        <f t="shared" si="315"/>
        <v>-326</v>
      </c>
      <c r="CF227" s="21">
        <f t="shared" si="316"/>
        <v>-8</v>
      </c>
      <c r="CG227" s="21">
        <f t="shared" si="317"/>
        <v>-3</v>
      </c>
      <c r="CH227" s="21">
        <f t="shared" si="318"/>
        <v>-3</v>
      </c>
      <c r="CI227" s="21">
        <f t="shared" si="319"/>
        <v>0</v>
      </c>
      <c r="CJ227" s="21">
        <f t="shared" si="320"/>
        <v>0</v>
      </c>
      <c r="CK227" s="21">
        <f t="shared" si="321"/>
        <v>0</v>
      </c>
      <c r="CL227" s="21">
        <f t="shared" si="322"/>
        <v>0</v>
      </c>
      <c r="CM227" s="21">
        <f t="shared" si="323"/>
        <v>0</v>
      </c>
      <c r="CN227" s="21">
        <f t="shared" si="324"/>
        <v>0</v>
      </c>
      <c r="CO227" s="20"/>
    </row>
    <row r="228" spans="1:93" x14ac:dyDescent="0.7">
      <c r="A228" s="7"/>
      <c r="E228" s="8" t="s">
        <v>30</v>
      </c>
      <c r="F228" s="42">
        <v>24072</v>
      </c>
      <c r="G228" s="42">
        <v>27159</v>
      </c>
      <c r="H228" s="42">
        <v>25083</v>
      </c>
      <c r="I228" s="42">
        <v>31586</v>
      </c>
      <c r="J228" s="42">
        <v>32883</v>
      </c>
      <c r="K228" s="42">
        <v>32916</v>
      </c>
      <c r="L228" s="42">
        <v>30106</v>
      </c>
      <c r="M228" s="42">
        <v>33217</v>
      </c>
      <c r="N228" s="42">
        <v>31608</v>
      </c>
      <c r="O228" s="42">
        <v>33052</v>
      </c>
      <c r="P228" s="42">
        <v>29753</v>
      </c>
      <c r="Q228" s="42">
        <v>31912</v>
      </c>
      <c r="R228" s="42">
        <v>30267</v>
      </c>
      <c r="S228" s="42">
        <v>32711</v>
      </c>
      <c r="T228" s="42">
        <v>30030</v>
      </c>
      <c r="U228" s="42">
        <v>31605</v>
      </c>
      <c r="V228" s="42">
        <v>28841</v>
      </c>
      <c r="W228" s="42">
        <v>32506</v>
      </c>
      <c r="X228" s="42">
        <v>30377</v>
      </c>
      <c r="Y228" s="42">
        <v>34272</v>
      </c>
      <c r="Z228" s="42">
        <v>32117</v>
      </c>
      <c r="AA228" s="42">
        <v>28974</v>
      </c>
      <c r="AB228" s="42">
        <v>25112</v>
      </c>
      <c r="AC228" s="42">
        <v>27735</v>
      </c>
      <c r="AD228" s="42">
        <v>25852</v>
      </c>
      <c r="AE228" s="7"/>
      <c r="AF228" s="13"/>
      <c r="AG228" s="9"/>
      <c r="AH228" s="9"/>
      <c r="AI228" s="9"/>
      <c r="AJ228" s="9" t="s">
        <v>30</v>
      </c>
      <c r="AK228" s="21">
        <v>23679</v>
      </c>
      <c r="AL228" s="21">
        <v>26575</v>
      </c>
      <c r="AM228" s="21">
        <v>24324</v>
      </c>
      <c r="AN228" s="21">
        <v>30776</v>
      </c>
      <c r="AO228" s="21">
        <v>32214</v>
      </c>
      <c r="AP228" s="21">
        <v>31816</v>
      </c>
      <c r="AQ228" s="21">
        <v>28856</v>
      </c>
      <c r="AR228" s="21">
        <v>31573</v>
      </c>
      <c r="AS228" s="21">
        <v>30218</v>
      </c>
      <c r="AT228" s="21">
        <v>31634</v>
      </c>
      <c r="AU228" s="21">
        <v>28294</v>
      </c>
      <c r="AV228" s="21">
        <v>30341</v>
      </c>
      <c r="AW228" s="21">
        <v>26729</v>
      </c>
      <c r="AX228" s="21">
        <v>29165</v>
      </c>
      <c r="AY228" s="21">
        <v>27110</v>
      </c>
      <c r="AZ228" s="21">
        <v>28808</v>
      </c>
      <c r="BA228" s="21">
        <v>25824</v>
      </c>
      <c r="BB228" s="21">
        <v>29245</v>
      </c>
      <c r="BC228" s="21">
        <v>27258</v>
      </c>
      <c r="BD228" s="21">
        <v>31138</v>
      </c>
      <c r="BE228" s="21">
        <v>28484</v>
      </c>
      <c r="BF228" s="21">
        <v>30151</v>
      </c>
      <c r="BG228" s="21">
        <v>26299</v>
      </c>
      <c r="BH228" s="21">
        <v>29153</v>
      </c>
      <c r="BI228" s="21">
        <v>26655</v>
      </c>
      <c r="BJ228" s="14"/>
      <c r="BK228" s="16"/>
      <c r="BL228" s="9"/>
      <c r="BM228" s="9"/>
      <c r="BN228" s="9"/>
      <c r="BO228" s="9" t="s">
        <v>30</v>
      </c>
      <c r="BP228" s="21">
        <f t="shared" si="300"/>
        <v>-393</v>
      </c>
      <c r="BQ228" s="21">
        <f t="shared" si="301"/>
        <v>-584</v>
      </c>
      <c r="BR228" s="21">
        <f t="shared" si="302"/>
        <v>-759</v>
      </c>
      <c r="BS228" s="21">
        <f t="shared" si="303"/>
        <v>-810</v>
      </c>
      <c r="BT228" s="21">
        <f t="shared" si="304"/>
        <v>-669</v>
      </c>
      <c r="BU228" s="21">
        <f t="shared" si="305"/>
        <v>-1100</v>
      </c>
      <c r="BV228" s="21">
        <f t="shared" si="306"/>
        <v>-1250</v>
      </c>
      <c r="BW228" s="21">
        <f t="shared" si="307"/>
        <v>-1644</v>
      </c>
      <c r="BX228" s="21">
        <f t="shared" si="308"/>
        <v>-1390</v>
      </c>
      <c r="BY228" s="21">
        <f t="shared" si="309"/>
        <v>-1418</v>
      </c>
      <c r="BZ228" s="21">
        <f t="shared" si="310"/>
        <v>-1459</v>
      </c>
      <c r="CA228" s="21">
        <f t="shared" si="311"/>
        <v>-1571</v>
      </c>
      <c r="CB228" s="21">
        <f t="shared" si="312"/>
        <v>-3538</v>
      </c>
      <c r="CC228" s="21">
        <f t="shared" si="313"/>
        <v>-3546</v>
      </c>
      <c r="CD228" s="21">
        <f t="shared" si="314"/>
        <v>-2920</v>
      </c>
      <c r="CE228" s="21">
        <f t="shared" si="315"/>
        <v>-2797</v>
      </c>
      <c r="CF228" s="21">
        <f t="shared" si="316"/>
        <v>-3017</v>
      </c>
      <c r="CG228" s="21">
        <f t="shared" si="317"/>
        <v>-3261</v>
      </c>
      <c r="CH228" s="21">
        <f t="shared" si="318"/>
        <v>-3119</v>
      </c>
      <c r="CI228" s="21">
        <f t="shared" si="319"/>
        <v>-3134</v>
      </c>
      <c r="CJ228" s="21">
        <f t="shared" si="320"/>
        <v>-3633</v>
      </c>
      <c r="CK228" s="21">
        <f t="shared" si="321"/>
        <v>1177</v>
      </c>
      <c r="CL228" s="21">
        <f t="shared" si="322"/>
        <v>1187</v>
      </c>
      <c r="CM228" s="21">
        <f t="shared" si="323"/>
        <v>1418</v>
      </c>
      <c r="CN228" s="21">
        <f t="shared" si="324"/>
        <v>803</v>
      </c>
      <c r="CO228" s="20"/>
    </row>
    <row r="229" spans="1:93" x14ac:dyDescent="0.7">
      <c r="A229" s="7"/>
      <c r="E229" s="8" t="s">
        <v>31</v>
      </c>
      <c r="F229" s="42">
        <v>5525</v>
      </c>
      <c r="G229" s="42">
        <v>6545</v>
      </c>
      <c r="H229" s="42">
        <v>6732</v>
      </c>
      <c r="I229" s="42">
        <v>8142</v>
      </c>
      <c r="J229" s="42">
        <v>8503</v>
      </c>
      <c r="K229" s="42">
        <v>8817</v>
      </c>
      <c r="L229" s="42">
        <v>8717</v>
      </c>
      <c r="M229" s="42">
        <v>8289</v>
      </c>
      <c r="N229" s="42">
        <v>8204</v>
      </c>
      <c r="O229" s="42">
        <v>8460</v>
      </c>
      <c r="P229" s="42">
        <v>8211</v>
      </c>
      <c r="Q229" s="42">
        <v>8638</v>
      </c>
      <c r="R229" s="42">
        <v>9385</v>
      </c>
      <c r="S229" s="42">
        <v>10917</v>
      </c>
      <c r="T229" s="42">
        <v>10861</v>
      </c>
      <c r="U229" s="42">
        <v>11415</v>
      </c>
      <c r="V229" s="42">
        <v>10570</v>
      </c>
      <c r="W229" s="42">
        <v>12219</v>
      </c>
      <c r="X229" s="42">
        <v>12189</v>
      </c>
      <c r="Y229" s="42">
        <v>13323</v>
      </c>
      <c r="Z229" s="42">
        <v>12650</v>
      </c>
      <c r="AA229" s="42">
        <v>10252</v>
      </c>
      <c r="AB229" s="42">
        <v>10306</v>
      </c>
      <c r="AC229" s="42">
        <v>12700</v>
      </c>
      <c r="AD229" s="42">
        <v>11169</v>
      </c>
      <c r="AE229" s="7"/>
      <c r="AF229" s="13"/>
      <c r="AG229" s="9"/>
      <c r="AH229" s="9"/>
      <c r="AI229" s="9"/>
      <c r="AJ229" s="9" t="s">
        <v>31</v>
      </c>
      <c r="AK229" s="21">
        <v>5280</v>
      </c>
      <c r="AL229" s="21">
        <v>6179</v>
      </c>
      <c r="AM229" s="21">
        <v>6236</v>
      </c>
      <c r="AN229" s="21">
        <v>7587</v>
      </c>
      <c r="AO229" s="21">
        <v>8070</v>
      </c>
      <c r="AP229" s="21">
        <v>8079</v>
      </c>
      <c r="AQ229" s="21">
        <v>7812</v>
      </c>
      <c r="AR229" s="21">
        <v>7169</v>
      </c>
      <c r="AS229" s="21">
        <v>7565</v>
      </c>
      <c r="AT229" s="21">
        <v>7418</v>
      </c>
      <c r="AU229" s="21">
        <v>6989</v>
      </c>
      <c r="AV229" s="21">
        <v>7284</v>
      </c>
      <c r="AW229" s="21">
        <v>7413</v>
      </c>
      <c r="AX229" s="21">
        <v>8663</v>
      </c>
      <c r="AY229" s="21">
        <v>8629</v>
      </c>
      <c r="AZ229" s="21">
        <v>9171</v>
      </c>
      <c r="BA229" s="21">
        <v>8774</v>
      </c>
      <c r="BB229" s="21">
        <v>10236</v>
      </c>
      <c r="BC229" s="21">
        <v>10307</v>
      </c>
      <c r="BD229" s="21">
        <v>11216</v>
      </c>
      <c r="BE229" s="21">
        <v>10587</v>
      </c>
      <c r="BF229" s="21">
        <v>11373</v>
      </c>
      <c r="BG229" s="21">
        <v>11377</v>
      </c>
      <c r="BH229" s="21">
        <v>12626</v>
      </c>
      <c r="BI229" s="21">
        <v>11169</v>
      </c>
      <c r="BJ229" s="14"/>
      <c r="BK229" s="16"/>
      <c r="BL229" s="9"/>
      <c r="BM229" s="9"/>
      <c r="BN229" s="9"/>
      <c r="BO229" s="9" t="s">
        <v>31</v>
      </c>
      <c r="BP229" s="21">
        <f t="shared" si="300"/>
        <v>-245</v>
      </c>
      <c r="BQ229" s="21">
        <f t="shared" si="301"/>
        <v>-366</v>
      </c>
      <c r="BR229" s="21">
        <f t="shared" si="302"/>
        <v>-496</v>
      </c>
      <c r="BS229" s="21">
        <f t="shared" si="303"/>
        <v>-555</v>
      </c>
      <c r="BT229" s="21">
        <f t="shared" si="304"/>
        <v>-433</v>
      </c>
      <c r="BU229" s="21">
        <f t="shared" si="305"/>
        <v>-738</v>
      </c>
      <c r="BV229" s="21">
        <f t="shared" si="306"/>
        <v>-905</v>
      </c>
      <c r="BW229" s="21">
        <f t="shared" si="307"/>
        <v>-1120</v>
      </c>
      <c r="BX229" s="21">
        <f t="shared" si="308"/>
        <v>-639</v>
      </c>
      <c r="BY229" s="21">
        <f t="shared" si="309"/>
        <v>-1042</v>
      </c>
      <c r="BZ229" s="21">
        <f t="shared" si="310"/>
        <v>-1222</v>
      </c>
      <c r="CA229" s="21">
        <f t="shared" si="311"/>
        <v>-1354</v>
      </c>
      <c r="CB229" s="21">
        <f t="shared" si="312"/>
        <v>-1972</v>
      </c>
      <c r="CC229" s="21">
        <f t="shared" si="313"/>
        <v>-2254</v>
      </c>
      <c r="CD229" s="21">
        <f t="shared" si="314"/>
        <v>-2232</v>
      </c>
      <c r="CE229" s="21">
        <f t="shared" si="315"/>
        <v>-2244</v>
      </c>
      <c r="CF229" s="21">
        <f t="shared" si="316"/>
        <v>-1796</v>
      </c>
      <c r="CG229" s="21">
        <f t="shared" si="317"/>
        <v>-1983</v>
      </c>
      <c r="CH229" s="21">
        <f t="shared" si="318"/>
        <v>-1882</v>
      </c>
      <c r="CI229" s="21">
        <f t="shared" si="319"/>
        <v>-2107</v>
      </c>
      <c r="CJ229" s="21">
        <f t="shared" si="320"/>
        <v>-2063</v>
      </c>
      <c r="CK229" s="21">
        <f t="shared" si="321"/>
        <v>1121</v>
      </c>
      <c r="CL229" s="21">
        <f t="shared" si="322"/>
        <v>1071</v>
      </c>
      <c r="CM229" s="21">
        <f t="shared" si="323"/>
        <v>-74</v>
      </c>
      <c r="CN229" s="21">
        <f t="shared" si="324"/>
        <v>0</v>
      </c>
      <c r="CO229" s="20"/>
    </row>
    <row r="230" spans="1:93" x14ac:dyDescent="0.7">
      <c r="A230" s="7"/>
      <c r="E230" s="8" t="s">
        <v>32</v>
      </c>
      <c r="F230" s="42">
        <v>3843</v>
      </c>
      <c r="G230" s="42">
        <v>2892</v>
      </c>
      <c r="H230" s="42">
        <v>2775</v>
      </c>
      <c r="I230" s="42">
        <v>3067</v>
      </c>
      <c r="J230" s="42">
        <v>3215</v>
      </c>
      <c r="K230" s="42">
        <v>3449</v>
      </c>
      <c r="L230" s="42">
        <v>3442</v>
      </c>
      <c r="M230" s="42">
        <v>3739</v>
      </c>
      <c r="N230" s="42">
        <v>4008</v>
      </c>
      <c r="O230" s="42">
        <v>4553</v>
      </c>
      <c r="P230" s="42">
        <v>4226</v>
      </c>
      <c r="Q230" s="42">
        <v>4330</v>
      </c>
      <c r="R230" s="42">
        <v>4680</v>
      </c>
      <c r="S230" s="42">
        <v>4944</v>
      </c>
      <c r="T230" s="42">
        <v>4654</v>
      </c>
      <c r="U230" s="42">
        <v>5096</v>
      </c>
      <c r="V230" s="42">
        <v>4765</v>
      </c>
      <c r="W230" s="42">
        <v>5109</v>
      </c>
      <c r="X230" s="42">
        <v>4741</v>
      </c>
      <c r="Y230" s="42">
        <v>5284</v>
      </c>
      <c r="Z230" s="42">
        <v>5394</v>
      </c>
      <c r="AA230" s="42">
        <v>4952</v>
      </c>
      <c r="AB230" s="42">
        <v>4750</v>
      </c>
      <c r="AC230" s="42">
        <v>5274</v>
      </c>
      <c r="AD230" s="42">
        <v>5702</v>
      </c>
      <c r="AE230" s="7"/>
      <c r="AF230" s="13"/>
      <c r="AG230" s="9"/>
      <c r="AH230" s="9"/>
      <c r="AI230" s="9"/>
      <c r="AJ230" s="9" t="s">
        <v>32</v>
      </c>
      <c r="AK230" s="21">
        <v>3837</v>
      </c>
      <c r="AL230" s="21">
        <v>2882</v>
      </c>
      <c r="AM230" s="21">
        <v>2759</v>
      </c>
      <c r="AN230" s="21">
        <v>3050</v>
      </c>
      <c r="AO230" s="21">
        <v>3207</v>
      </c>
      <c r="AP230" s="21">
        <v>3427</v>
      </c>
      <c r="AQ230" s="21">
        <v>3427</v>
      </c>
      <c r="AR230" s="21">
        <v>3683</v>
      </c>
      <c r="AS230" s="21">
        <v>4184</v>
      </c>
      <c r="AT230" s="21">
        <v>4739</v>
      </c>
      <c r="AU230" s="21">
        <v>4395</v>
      </c>
      <c r="AV230" s="21">
        <v>4496</v>
      </c>
      <c r="AW230" s="21">
        <v>4355</v>
      </c>
      <c r="AX230" s="21">
        <v>4666</v>
      </c>
      <c r="AY230" s="21">
        <v>4455</v>
      </c>
      <c r="AZ230" s="21">
        <v>4952</v>
      </c>
      <c r="BA230" s="21">
        <v>4697</v>
      </c>
      <c r="BB230" s="21">
        <v>5111</v>
      </c>
      <c r="BC230" s="21">
        <v>4835</v>
      </c>
      <c r="BD230" s="21">
        <v>5380</v>
      </c>
      <c r="BE230" s="21">
        <v>5490</v>
      </c>
      <c r="BF230" s="21">
        <v>5335</v>
      </c>
      <c r="BG230" s="21">
        <v>5128</v>
      </c>
      <c r="BH230" s="21">
        <v>5706</v>
      </c>
      <c r="BI230" s="21">
        <v>5876</v>
      </c>
      <c r="BJ230" s="14"/>
      <c r="BK230" s="16"/>
      <c r="BL230" s="9"/>
      <c r="BM230" s="9"/>
      <c r="BN230" s="9"/>
      <c r="BO230" s="9" t="s">
        <v>32</v>
      </c>
      <c r="BP230" s="21">
        <f t="shared" si="300"/>
        <v>-6</v>
      </c>
      <c r="BQ230" s="21">
        <f t="shared" si="301"/>
        <v>-10</v>
      </c>
      <c r="BR230" s="21">
        <f t="shared" si="302"/>
        <v>-16</v>
      </c>
      <c r="BS230" s="21">
        <f t="shared" si="303"/>
        <v>-17</v>
      </c>
      <c r="BT230" s="21">
        <f t="shared" si="304"/>
        <v>-8</v>
      </c>
      <c r="BU230" s="21">
        <f t="shared" si="305"/>
        <v>-22</v>
      </c>
      <c r="BV230" s="21">
        <f t="shared" si="306"/>
        <v>-15</v>
      </c>
      <c r="BW230" s="21">
        <f t="shared" si="307"/>
        <v>-56</v>
      </c>
      <c r="BX230" s="21">
        <f t="shared" si="308"/>
        <v>176</v>
      </c>
      <c r="BY230" s="21">
        <f t="shared" si="309"/>
        <v>186</v>
      </c>
      <c r="BZ230" s="21">
        <f t="shared" si="310"/>
        <v>169</v>
      </c>
      <c r="CA230" s="21">
        <f t="shared" si="311"/>
        <v>166</v>
      </c>
      <c r="CB230" s="21">
        <f t="shared" si="312"/>
        <v>-325</v>
      </c>
      <c r="CC230" s="21">
        <f t="shared" si="313"/>
        <v>-278</v>
      </c>
      <c r="CD230" s="21">
        <f t="shared" si="314"/>
        <v>-199</v>
      </c>
      <c r="CE230" s="21">
        <f t="shared" si="315"/>
        <v>-144</v>
      </c>
      <c r="CF230" s="21">
        <f t="shared" si="316"/>
        <v>-68</v>
      </c>
      <c r="CG230" s="21">
        <f t="shared" si="317"/>
        <v>2</v>
      </c>
      <c r="CH230" s="21">
        <f t="shared" si="318"/>
        <v>94</v>
      </c>
      <c r="CI230" s="21">
        <f t="shared" si="319"/>
        <v>96</v>
      </c>
      <c r="CJ230" s="21">
        <f t="shared" si="320"/>
        <v>96</v>
      </c>
      <c r="CK230" s="21">
        <f t="shared" si="321"/>
        <v>383</v>
      </c>
      <c r="CL230" s="21">
        <f t="shared" si="322"/>
        <v>378</v>
      </c>
      <c r="CM230" s="21">
        <f t="shared" si="323"/>
        <v>432</v>
      </c>
      <c r="CN230" s="21">
        <f t="shared" si="324"/>
        <v>174</v>
      </c>
      <c r="CO230" s="20"/>
    </row>
    <row r="231" spans="1:93" x14ac:dyDescent="0.7">
      <c r="A231" s="7"/>
      <c r="E231" s="8" t="s">
        <v>33</v>
      </c>
      <c r="F231" s="42">
        <v>3843</v>
      </c>
      <c r="G231" s="42">
        <v>2892</v>
      </c>
      <c r="H231" s="42">
        <v>2775</v>
      </c>
      <c r="I231" s="42">
        <v>3067</v>
      </c>
      <c r="J231" s="42">
        <v>3215</v>
      </c>
      <c r="K231" s="42">
        <v>3449</v>
      </c>
      <c r="L231" s="42">
        <v>3442</v>
      </c>
      <c r="M231" s="42">
        <v>3739</v>
      </c>
      <c r="N231" s="42">
        <v>4008</v>
      </c>
      <c r="O231" s="42">
        <v>4553</v>
      </c>
      <c r="P231" s="42">
        <v>4226</v>
      </c>
      <c r="Q231" s="42">
        <v>4330</v>
      </c>
      <c r="R231" s="42">
        <v>4680</v>
      </c>
      <c r="S231" s="42">
        <v>4944</v>
      </c>
      <c r="T231" s="42">
        <v>4654</v>
      </c>
      <c r="U231" s="42">
        <v>5096</v>
      </c>
      <c r="V231" s="42">
        <v>4765</v>
      </c>
      <c r="W231" s="42">
        <v>5109</v>
      </c>
      <c r="X231" s="42">
        <v>4741</v>
      </c>
      <c r="Y231" s="42">
        <v>5284</v>
      </c>
      <c r="Z231" s="42">
        <v>5394</v>
      </c>
      <c r="AA231" s="42">
        <v>4952</v>
      </c>
      <c r="AB231" s="42">
        <v>4750</v>
      </c>
      <c r="AC231" s="42">
        <v>5274</v>
      </c>
      <c r="AD231" s="42">
        <v>5702</v>
      </c>
      <c r="AE231" s="7"/>
      <c r="AF231" s="13"/>
      <c r="AG231" s="9"/>
      <c r="AH231" s="9"/>
      <c r="AI231" s="9"/>
      <c r="AJ231" s="9" t="s">
        <v>33</v>
      </c>
      <c r="AK231" s="21">
        <v>3837</v>
      </c>
      <c r="AL231" s="21">
        <v>2882</v>
      </c>
      <c r="AM231" s="21">
        <v>2759</v>
      </c>
      <c r="AN231" s="21">
        <v>3050</v>
      </c>
      <c r="AO231" s="21">
        <v>3207</v>
      </c>
      <c r="AP231" s="21">
        <v>3427</v>
      </c>
      <c r="AQ231" s="21">
        <v>3427</v>
      </c>
      <c r="AR231" s="21">
        <v>3683</v>
      </c>
      <c r="AS231" s="21">
        <v>4184</v>
      </c>
      <c r="AT231" s="21">
        <v>4739</v>
      </c>
      <c r="AU231" s="21">
        <v>4395</v>
      </c>
      <c r="AV231" s="21">
        <v>4496</v>
      </c>
      <c r="AW231" s="21">
        <v>4355</v>
      </c>
      <c r="AX231" s="21">
        <v>4666</v>
      </c>
      <c r="AY231" s="21">
        <v>4455</v>
      </c>
      <c r="AZ231" s="21">
        <v>4952</v>
      </c>
      <c r="BA231" s="21">
        <v>4697</v>
      </c>
      <c r="BB231" s="21">
        <v>5111</v>
      </c>
      <c r="BC231" s="21">
        <v>4835</v>
      </c>
      <c r="BD231" s="21">
        <v>5380</v>
      </c>
      <c r="BE231" s="21">
        <v>5490</v>
      </c>
      <c r="BF231" s="21">
        <v>5335</v>
      </c>
      <c r="BG231" s="21">
        <v>5128</v>
      </c>
      <c r="BH231" s="21">
        <v>5706</v>
      </c>
      <c r="BI231" s="21">
        <v>5876</v>
      </c>
      <c r="BJ231" s="14"/>
      <c r="BK231" s="16"/>
      <c r="BL231" s="9"/>
      <c r="BM231" s="9"/>
      <c r="BN231" s="9"/>
      <c r="BO231" s="9" t="s">
        <v>33</v>
      </c>
      <c r="BP231" s="21">
        <f t="shared" si="300"/>
        <v>-6</v>
      </c>
      <c r="BQ231" s="21">
        <f t="shared" si="301"/>
        <v>-10</v>
      </c>
      <c r="BR231" s="21">
        <f t="shared" si="302"/>
        <v>-16</v>
      </c>
      <c r="BS231" s="21">
        <f t="shared" si="303"/>
        <v>-17</v>
      </c>
      <c r="BT231" s="21">
        <f t="shared" si="304"/>
        <v>-8</v>
      </c>
      <c r="BU231" s="21">
        <f t="shared" si="305"/>
        <v>-22</v>
      </c>
      <c r="BV231" s="21">
        <f t="shared" si="306"/>
        <v>-15</v>
      </c>
      <c r="BW231" s="21">
        <f t="shared" si="307"/>
        <v>-56</v>
      </c>
      <c r="BX231" s="21">
        <f t="shared" si="308"/>
        <v>176</v>
      </c>
      <c r="BY231" s="21">
        <f t="shared" si="309"/>
        <v>186</v>
      </c>
      <c r="BZ231" s="21">
        <f t="shared" si="310"/>
        <v>169</v>
      </c>
      <c r="CA231" s="21">
        <f t="shared" si="311"/>
        <v>166</v>
      </c>
      <c r="CB231" s="21">
        <f t="shared" si="312"/>
        <v>-325</v>
      </c>
      <c r="CC231" s="21">
        <f t="shared" si="313"/>
        <v>-278</v>
      </c>
      <c r="CD231" s="21">
        <f t="shared" si="314"/>
        <v>-199</v>
      </c>
      <c r="CE231" s="21">
        <f t="shared" si="315"/>
        <v>-144</v>
      </c>
      <c r="CF231" s="21">
        <f t="shared" si="316"/>
        <v>-68</v>
      </c>
      <c r="CG231" s="21">
        <f t="shared" si="317"/>
        <v>2</v>
      </c>
      <c r="CH231" s="21">
        <f t="shared" si="318"/>
        <v>94</v>
      </c>
      <c r="CI231" s="21">
        <f t="shared" si="319"/>
        <v>96</v>
      </c>
      <c r="CJ231" s="21">
        <f t="shared" si="320"/>
        <v>96</v>
      </c>
      <c r="CK231" s="21">
        <f t="shared" si="321"/>
        <v>383</v>
      </c>
      <c r="CL231" s="21">
        <f t="shared" si="322"/>
        <v>378</v>
      </c>
      <c r="CM231" s="21">
        <f t="shared" si="323"/>
        <v>432</v>
      </c>
      <c r="CN231" s="21">
        <f t="shared" si="324"/>
        <v>174</v>
      </c>
      <c r="CO231" s="20"/>
    </row>
    <row r="232" spans="1:93" x14ac:dyDescent="0.7">
      <c r="A232" s="7"/>
      <c r="E232" s="8" t="s">
        <v>34</v>
      </c>
      <c r="F232" s="42">
        <v>2526</v>
      </c>
      <c r="G232" s="42">
        <v>2024</v>
      </c>
      <c r="H232" s="42">
        <v>2425</v>
      </c>
      <c r="I232" s="42">
        <v>2238</v>
      </c>
      <c r="J232" s="42">
        <v>1710</v>
      </c>
      <c r="K232" s="42">
        <v>2270</v>
      </c>
      <c r="L232" s="42">
        <v>2560</v>
      </c>
      <c r="M232" s="42">
        <v>2786</v>
      </c>
      <c r="N232" s="42">
        <v>2656</v>
      </c>
      <c r="O232" s="42">
        <v>3549</v>
      </c>
      <c r="P232" s="42">
        <v>4098</v>
      </c>
      <c r="Q232" s="42">
        <v>3222</v>
      </c>
      <c r="R232" s="42">
        <v>3127</v>
      </c>
      <c r="S232" s="42">
        <v>4919</v>
      </c>
      <c r="T232" s="42">
        <v>5692</v>
      </c>
      <c r="U232" s="42">
        <v>3178</v>
      </c>
      <c r="V232" s="42">
        <v>2482</v>
      </c>
      <c r="W232" s="42">
        <v>3708</v>
      </c>
      <c r="X232" s="42">
        <v>5044</v>
      </c>
      <c r="Y232" s="42">
        <v>4522</v>
      </c>
      <c r="Z232" s="42">
        <v>4469</v>
      </c>
      <c r="AA232" s="42">
        <v>5395</v>
      </c>
      <c r="AB232" s="42">
        <v>5201</v>
      </c>
      <c r="AC232" s="42">
        <v>4333</v>
      </c>
      <c r="AD232" s="42">
        <v>4136</v>
      </c>
      <c r="AE232" s="7"/>
      <c r="AF232" s="13"/>
      <c r="AG232" s="9"/>
      <c r="AH232" s="9"/>
      <c r="AI232" s="9"/>
      <c r="AJ232" s="9" t="s">
        <v>34</v>
      </c>
      <c r="AK232" s="21">
        <v>2526</v>
      </c>
      <c r="AL232" s="21">
        <v>2025</v>
      </c>
      <c r="AM232" s="21">
        <v>2425</v>
      </c>
      <c r="AN232" s="21">
        <v>2238</v>
      </c>
      <c r="AO232" s="21">
        <v>1710</v>
      </c>
      <c r="AP232" s="21">
        <v>2270</v>
      </c>
      <c r="AQ232" s="21">
        <v>2559</v>
      </c>
      <c r="AR232" s="21">
        <v>2787</v>
      </c>
      <c r="AS232" s="21">
        <v>2656</v>
      </c>
      <c r="AT232" s="21">
        <v>3549</v>
      </c>
      <c r="AU232" s="21">
        <v>4098</v>
      </c>
      <c r="AV232" s="21">
        <v>3222</v>
      </c>
      <c r="AW232" s="21">
        <v>2509</v>
      </c>
      <c r="AX232" s="21">
        <v>4064</v>
      </c>
      <c r="AY232" s="21">
        <v>4854</v>
      </c>
      <c r="AZ232" s="21">
        <v>2805</v>
      </c>
      <c r="BA232" s="21">
        <v>2275</v>
      </c>
      <c r="BB232" s="21">
        <v>3543</v>
      </c>
      <c r="BC232" s="21">
        <v>5044</v>
      </c>
      <c r="BD232" s="21">
        <v>4522</v>
      </c>
      <c r="BE232" s="21">
        <v>4469</v>
      </c>
      <c r="BF232" s="21">
        <v>5395</v>
      </c>
      <c r="BG232" s="21">
        <v>5201</v>
      </c>
      <c r="BH232" s="21">
        <v>4333</v>
      </c>
      <c r="BI232" s="21">
        <v>4136</v>
      </c>
      <c r="BJ232" s="14"/>
      <c r="BK232" s="16"/>
      <c r="BL232" s="9"/>
      <c r="BM232" s="9"/>
      <c r="BN232" s="9"/>
      <c r="BO232" s="9" t="s">
        <v>34</v>
      </c>
      <c r="BP232" s="21">
        <f t="shared" si="300"/>
        <v>0</v>
      </c>
      <c r="BQ232" s="21">
        <f t="shared" si="301"/>
        <v>1</v>
      </c>
      <c r="BR232" s="21">
        <f t="shared" si="302"/>
        <v>0</v>
      </c>
      <c r="BS232" s="21">
        <f t="shared" si="303"/>
        <v>0</v>
      </c>
      <c r="BT232" s="21">
        <f t="shared" si="304"/>
        <v>0</v>
      </c>
      <c r="BU232" s="21">
        <f t="shared" si="305"/>
        <v>0</v>
      </c>
      <c r="BV232" s="21">
        <f t="shared" si="306"/>
        <v>-1</v>
      </c>
      <c r="BW232" s="21">
        <f t="shared" si="307"/>
        <v>1</v>
      </c>
      <c r="BX232" s="21">
        <f t="shared" si="308"/>
        <v>0</v>
      </c>
      <c r="BY232" s="21">
        <f t="shared" si="309"/>
        <v>0</v>
      </c>
      <c r="BZ232" s="21">
        <f t="shared" si="310"/>
        <v>0</v>
      </c>
      <c r="CA232" s="21">
        <f t="shared" si="311"/>
        <v>0</v>
      </c>
      <c r="CB232" s="21">
        <f t="shared" si="312"/>
        <v>-618</v>
      </c>
      <c r="CC232" s="21">
        <f t="shared" si="313"/>
        <v>-855</v>
      </c>
      <c r="CD232" s="21">
        <f t="shared" si="314"/>
        <v>-838</v>
      </c>
      <c r="CE232" s="21">
        <f t="shared" si="315"/>
        <v>-373</v>
      </c>
      <c r="CF232" s="21">
        <f t="shared" si="316"/>
        <v>-207</v>
      </c>
      <c r="CG232" s="21">
        <f t="shared" si="317"/>
        <v>-165</v>
      </c>
      <c r="CH232" s="21">
        <f t="shared" si="318"/>
        <v>0</v>
      </c>
      <c r="CI232" s="21">
        <f t="shared" si="319"/>
        <v>0</v>
      </c>
      <c r="CJ232" s="21">
        <f t="shared" si="320"/>
        <v>0</v>
      </c>
      <c r="CK232" s="21">
        <f t="shared" si="321"/>
        <v>0</v>
      </c>
      <c r="CL232" s="21">
        <f t="shared" si="322"/>
        <v>0</v>
      </c>
      <c r="CM232" s="21">
        <f t="shared" si="323"/>
        <v>0</v>
      </c>
      <c r="CN232" s="21">
        <f t="shared" si="324"/>
        <v>0</v>
      </c>
      <c r="CO232" s="20"/>
    </row>
    <row r="233" spans="1:93" x14ac:dyDescent="0.7">
      <c r="A233" s="7"/>
      <c r="E233" s="8" t="s">
        <v>35</v>
      </c>
      <c r="F233" s="42">
        <v>970</v>
      </c>
      <c r="G233" s="42">
        <v>899</v>
      </c>
      <c r="H233" s="42">
        <v>1034</v>
      </c>
      <c r="I233" s="42">
        <v>1023</v>
      </c>
      <c r="J233" s="42">
        <v>704</v>
      </c>
      <c r="K233" s="42">
        <v>893</v>
      </c>
      <c r="L233" s="42">
        <v>964</v>
      </c>
      <c r="M233" s="42">
        <v>1202</v>
      </c>
      <c r="N233" s="42">
        <v>1128</v>
      </c>
      <c r="O233" s="42">
        <v>1421</v>
      </c>
      <c r="P233" s="42">
        <v>1615</v>
      </c>
      <c r="Q233" s="42">
        <v>1316</v>
      </c>
      <c r="R233" s="42">
        <v>1209</v>
      </c>
      <c r="S233" s="42">
        <v>1908</v>
      </c>
      <c r="T233" s="42">
        <v>2330</v>
      </c>
      <c r="U233" s="42">
        <v>1228</v>
      </c>
      <c r="V233" s="42">
        <v>922</v>
      </c>
      <c r="W233" s="42">
        <v>1361</v>
      </c>
      <c r="X233" s="42">
        <v>1917</v>
      </c>
      <c r="Y233" s="42">
        <v>1874</v>
      </c>
      <c r="Z233" s="42">
        <v>1818</v>
      </c>
      <c r="AA233" s="42">
        <v>2191</v>
      </c>
      <c r="AB233" s="42">
        <v>2051</v>
      </c>
      <c r="AC233" s="42">
        <v>1858</v>
      </c>
      <c r="AD233" s="42">
        <v>1745</v>
      </c>
      <c r="AE233" s="7"/>
      <c r="AF233" s="13"/>
      <c r="AG233" s="9"/>
      <c r="AH233" s="9"/>
      <c r="AI233" s="9"/>
      <c r="AJ233" s="9" t="s">
        <v>35</v>
      </c>
      <c r="AK233" s="21">
        <v>970</v>
      </c>
      <c r="AL233" s="21">
        <v>899</v>
      </c>
      <c r="AM233" s="21">
        <v>1034</v>
      </c>
      <c r="AN233" s="21">
        <v>1023</v>
      </c>
      <c r="AO233" s="21">
        <v>704</v>
      </c>
      <c r="AP233" s="21">
        <v>893</v>
      </c>
      <c r="AQ233" s="21">
        <v>964</v>
      </c>
      <c r="AR233" s="21">
        <v>1202</v>
      </c>
      <c r="AS233" s="21">
        <v>1128</v>
      </c>
      <c r="AT233" s="21">
        <v>1421</v>
      </c>
      <c r="AU233" s="21">
        <v>1615</v>
      </c>
      <c r="AV233" s="21">
        <v>1316</v>
      </c>
      <c r="AW233" s="21">
        <v>961</v>
      </c>
      <c r="AX233" s="21">
        <v>1560</v>
      </c>
      <c r="AY233" s="21">
        <v>1964</v>
      </c>
      <c r="AZ233" s="21">
        <v>1072</v>
      </c>
      <c r="BA233" s="21">
        <v>837</v>
      </c>
      <c r="BB233" s="21">
        <v>1293</v>
      </c>
      <c r="BC233" s="21">
        <v>1917</v>
      </c>
      <c r="BD233" s="21">
        <v>1874</v>
      </c>
      <c r="BE233" s="21">
        <v>1818</v>
      </c>
      <c r="BF233" s="21">
        <v>2191</v>
      </c>
      <c r="BG233" s="21">
        <v>2051</v>
      </c>
      <c r="BH233" s="21">
        <v>1858</v>
      </c>
      <c r="BI233" s="21">
        <v>1745</v>
      </c>
      <c r="BJ233" s="14"/>
      <c r="BK233" s="16"/>
      <c r="BL233" s="9"/>
      <c r="BM233" s="9"/>
      <c r="BN233" s="9"/>
      <c r="BO233" s="9" t="s">
        <v>35</v>
      </c>
      <c r="BP233" s="21">
        <f t="shared" si="300"/>
        <v>0</v>
      </c>
      <c r="BQ233" s="21">
        <f t="shared" si="301"/>
        <v>0</v>
      </c>
      <c r="BR233" s="21">
        <f t="shared" si="302"/>
        <v>0</v>
      </c>
      <c r="BS233" s="21">
        <f t="shared" si="303"/>
        <v>0</v>
      </c>
      <c r="BT233" s="21">
        <f t="shared" si="304"/>
        <v>0</v>
      </c>
      <c r="BU233" s="21">
        <f t="shared" si="305"/>
        <v>0</v>
      </c>
      <c r="BV233" s="21">
        <f t="shared" si="306"/>
        <v>0</v>
      </c>
      <c r="BW233" s="21">
        <f t="shared" si="307"/>
        <v>0</v>
      </c>
      <c r="BX233" s="21">
        <f t="shared" si="308"/>
        <v>0</v>
      </c>
      <c r="BY233" s="21">
        <f t="shared" si="309"/>
        <v>0</v>
      </c>
      <c r="BZ233" s="21">
        <f t="shared" si="310"/>
        <v>0</v>
      </c>
      <c r="CA233" s="21">
        <f t="shared" si="311"/>
        <v>0</v>
      </c>
      <c r="CB233" s="21">
        <f t="shared" si="312"/>
        <v>-248</v>
      </c>
      <c r="CC233" s="21">
        <f t="shared" si="313"/>
        <v>-348</v>
      </c>
      <c r="CD233" s="21">
        <f t="shared" si="314"/>
        <v>-366</v>
      </c>
      <c r="CE233" s="21">
        <f t="shared" si="315"/>
        <v>-156</v>
      </c>
      <c r="CF233" s="21">
        <f t="shared" si="316"/>
        <v>-85</v>
      </c>
      <c r="CG233" s="21">
        <f t="shared" si="317"/>
        <v>-68</v>
      </c>
      <c r="CH233" s="21">
        <f t="shared" si="318"/>
        <v>0</v>
      </c>
      <c r="CI233" s="21">
        <f t="shared" si="319"/>
        <v>0</v>
      </c>
      <c r="CJ233" s="21">
        <f t="shared" si="320"/>
        <v>0</v>
      </c>
      <c r="CK233" s="21">
        <f t="shared" si="321"/>
        <v>0</v>
      </c>
      <c r="CL233" s="21">
        <f t="shared" si="322"/>
        <v>0</v>
      </c>
      <c r="CM233" s="21">
        <f t="shared" si="323"/>
        <v>0</v>
      </c>
      <c r="CN233" s="21">
        <f t="shared" si="324"/>
        <v>0</v>
      </c>
      <c r="CO233" s="20"/>
    </row>
    <row r="234" spans="1:93" x14ac:dyDescent="0.7">
      <c r="A234" s="7"/>
      <c r="E234" s="8" t="s">
        <v>36</v>
      </c>
      <c r="F234" s="42">
        <v>1556</v>
      </c>
      <c r="G234" s="42">
        <v>1125</v>
      </c>
      <c r="H234" s="42">
        <v>1391</v>
      </c>
      <c r="I234" s="42">
        <v>1215</v>
      </c>
      <c r="J234" s="42">
        <v>1006</v>
      </c>
      <c r="K234" s="42">
        <v>1377</v>
      </c>
      <c r="L234" s="42">
        <v>1596</v>
      </c>
      <c r="M234" s="42">
        <v>1584</v>
      </c>
      <c r="N234" s="42">
        <v>1528</v>
      </c>
      <c r="O234" s="42">
        <v>2128</v>
      </c>
      <c r="P234" s="42">
        <v>2483</v>
      </c>
      <c r="Q234" s="42">
        <v>1906</v>
      </c>
      <c r="R234" s="42">
        <v>1918</v>
      </c>
      <c r="S234" s="42">
        <v>3009</v>
      </c>
      <c r="T234" s="42">
        <v>3284</v>
      </c>
      <c r="U234" s="42">
        <v>1954</v>
      </c>
      <c r="V234" s="42">
        <v>1589</v>
      </c>
      <c r="W234" s="42">
        <v>2400</v>
      </c>
      <c r="X234" s="42">
        <v>3126</v>
      </c>
      <c r="Y234" s="42">
        <v>2647</v>
      </c>
      <c r="Z234" s="42">
        <v>2650</v>
      </c>
      <c r="AA234" s="42">
        <v>3203</v>
      </c>
      <c r="AB234" s="42">
        <v>3150</v>
      </c>
      <c r="AC234" s="42">
        <v>2475</v>
      </c>
      <c r="AD234" s="42">
        <v>2391</v>
      </c>
      <c r="AE234" s="7"/>
      <c r="AF234" s="13"/>
      <c r="AG234" s="9"/>
      <c r="AH234" s="9"/>
      <c r="AI234" s="9"/>
      <c r="AJ234" s="9" t="s">
        <v>36</v>
      </c>
      <c r="AK234" s="21">
        <v>1556</v>
      </c>
      <c r="AL234" s="21">
        <v>1125</v>
      </c>
      <c r="AM234" s="21">
        <v>1391</v>
      </c>
      <c r="AN234" s="21">
        <v>1215</v>
      </c>
      <c r="AO234" s="21">
        <v>1006</v>
      </c>
      <c r="AP234" s="21">
        <v>1377</v>
      </c>
      <c r="AQ234" s="21">
        <v>1596</v>
      </c>
      <c r="AR234" s="21">
        <v>1584</v>
      </c>
      <c r="AS234" s="21">
        <v>1528</v>
      </c>
      <c r="AT234" s="21">
        <v>2128</v>
      </c>
      <c r="AU234" s="21">
        <v>2483</v>
      </c>
      <c r="AV234" s="21">
        <v>1906</v>
      </c>
      <c r="AW234" s="21">
        <v>1585</v>
      </c>
      <c r="AX234" s="21">
        <v>2555</v>
      </c>
      <c r="AY234" s="21">
        <v>2871</v>
      </c>
      <c r="AZ234" s="21">
        <v>1761</v>
      </c>
      <c r="BA234" s="21">
        <v>1480</v>
      </c>
      <c r="BB234" s="21">
        <v>2313</v>
      </c>
      <c r="BC234" s="21">
        <v>3126</v>
      </c>
      <c r="BD234" s="21">
        <v>2647</v>
      </c>
      <c r="BE234" s="21">
        <v>2650</v>
      </c>
      <c r="BF234" s="21">
        <v>3203</v>
      </c>
      <c r="BG234" s="21">
        <v>3150</v>
      </c>
      <c r="BH234" s="21">
        <v>2475</v>
      </c>
      <c r="BI234" s="21">
        <v>2391</v>
      </c>
      <c r="BJ234" s="14"/>
      <c r="BK234" s="16"/>
      <c r="BL234" s="9"/>
      <c r="BM234" s="9"/>
      <c r="BN234" s="9"/>
      <c r="BO234" s="9" t="s">
        <v>36</v>
      </c>
      <c r="BP234" s="21">
        <f t="shared" si="300"/>
        <v>0</v>
      </c>
      <c r="BQ234" s="21">
        <f t="shared" si="301"/>
        <v>0</v>
      </c>
      <c r="BR234" s="21">
        <f t="shared" si="302"/>
        <v>0</v>
      </c>
      <c r="BS234" s="21">
        <f t="shared" si="303"/>
        <v>0</v>
      </c>
      <c r="BT234" s="21">
        <f t="shared" si="304"/>
        <v>0</v>
      </c>
      <c r="BU234" s="21">
        <f t="shared" si="305"/>
        <v>0</v>
      </c>
      <c r="BV234" s="21">
        <f t="shared" si="306"/>
        <v>0</v>
      </c>
      <c r="BW234" s="21">
        <f t="shared" si="307"/>
        <v>0</v>
      </c>
      <c r="BX234" s="21">
        <f t="shared" si="308"/>
        <v>0</v>
      </c>
      <c r="BY234" s="21">
        <f t="shared" si="309"/>
        <v>0</v>
      </c>
      <c r="BZ234" s="21">
        <f t="shared" si="310"/>
        <v>0</v>
      </c>
      <c r="CA234" s="21">
        <f t="shared" si="311"/>
        <v>0</v>
      </c>
      <c r="CB234" s="21">
        <f t="shared" si="312"/>
        <v>-333</v>
      </c>
      <c r="CC234" s="21">
        <f t="shared" si="313"/>
        <v>-454</v>
      </c>
      <c r="CD234" s="21">
        <f t="shared" si="314"/>
        <v>-413</v>
      </c>
      <c r="CE234" s="21">
        <f t="shared" si="315"/>
        <v>-193</v>
      </c>
      <c r="CF234" s="21">
        <f t="shared" si="316"/>
        <v>-109</v>
      </c>
      <c r="CG234" s="21">
        <f t="shared" si="317"/>
        <v>-87</v>
      </c>
      <c r="CH234" s="21">
        <f t="shared" si="318"/>
        <v>0</v>
      </c>
      <c r="CI234" s="21">
        <f t="shared" si="319"/>
        <v>0</v>
      </c>
      <c r="CJ234" s="21">
        <f t="shared" si="320"/>
        <v>0</v>
      </c>
      <c r="CK234" s="21">
        <f t="shared" si="321"/>
        <v>0</v>
      </c>
      <c r="CL234" s="21">
        <f t="shared" si="322"/>
        <v>0</v>
      </c>
      <c r="CM234" s="21">
        <f t="shared" si="323"/>
        <v>0</v>
      </c>
      <c r="CN234" s="21">
        <f t="shared" si="324"/>
        <v>0</v>
      </c>
      <c r="CO234" s="20"/>
    </row>
    <row r="235" spans="1:93" x14ac:dyDescent="0.7">
      <c r="A235" s="7"/>
      <c r="D235" s="8" t="s">
        <v>39</v>
      </c>
      <c r="E235" s="8" t="s">
        <v>27</v>
      </c>
      <c r="F235" s="42">
        <v>4705</v>
      </c>
      <c r="G235" s="42">
        <v>4164</v>
      </c>
      <c r="H235" s="42">
        <v>5376</v>
      </c>
      <c r="I235" s="42">
        <v>4654</v>
      </c>
      <c r="J235" s="42">
        <v>4431</v>
      </c>
      <c r="K235" s="42">
        <v>6174</v>
      </c>
      <c r="L235" s="42">
        <v>6944</v>
      </c>
      <c r="M235" s="42">
        <v>7011</v>
      </c>
      <c r="N235" s="42">
        <v>6898</v>
      </c>
      <c r="O235" s="42">
        <v>8573</v>
      </c>
      <c r="P235" s="42">
        <v>8108</v>
      </c>
      <c r="Q235" s="42">
        <v>8375</v>
      </c>
      <c r="R235" s="42">
        <v>9243</v>
      </c>
      <c r="S235" s="42">
        <v>10170</v>
      </c>
      <c r="T235" s="42">
        <v>9567</v>
      </c>
      <c r="U235" s="42">
        <v>10099</v>
      </c>
      <c r="V235" s="42">
        <v>9178</v>
      </c>
      <c r="W235" s="42">
        <v>10376</v>
      </c>
      <c r="X235" s="42">
        <v>9872</v>
      </c>
      <c r="Y235" s="42">
        <v>7744</v>
      </c>
      <c r="Z235" s="42">
        <v>7624</v>
      </c>
      <c r="AA235" s="42">
        <v>8490</v>
      </c>
      <c r="AB235" s="42">
        <v>8289</v>
      </c>
      <c r="AC235" s="42">
        <v>7641</v>
      </c>
      <c r="AD235" s="42">
        <v>5731</v>
      </c>
      <c r="AE235" s="7"/>
      <c r="AF235" s="13"/>
      <c r="AG235" s="9"/>
      <c r="AH235" s="9"/>
      <c r="AI235" s="9" t="s">
        <v>39</v>
      </c>
      <c r="AJ235" s="9" t="s">
        <v>27</v>
      </c>
      <c r="AK235" s="21">
        <v>4721</v>
      </c>
      <c r="AL235" s="21">
        <v>4187</v>
      </c>
      <c r="AM235" s="21">
        <v>5412</v>
      </c>
      <c r="AN235" s="21">
        <v>4691</v>
      </c>
      <c r="AO235" s="21">
        <v>4463</v>
      </c>
      <c r="AP235" s="21">
        <v>6195</v>
      </c>
      <c r="AQ235" s="21">
        <v>7026</v>
      </c>
      <c r="AR235" s="21">
        <v>7073</v>
      </c>
      <c r="AS235" s="21">
        <v>5882</v>
      </c>
      <c r="AT235" s="21">
        <v>7475</v>
      </c>
      <c r="AU235" s="21">
        <v>7126</v>
      </c>
      <c r="AV235" s="21">
        <v>7164</v>
      </c>
      <c r="AW235" s="21">
        <v>6404</v>
      </c>
      <c r="AX235" s="21">
        <v>6927</v>
      </c>
      <c r="AY235" s="21">
        <v>6404</v>
      </c>
      <c r="AZ235" s="21">
        <v>6657</v>
      </c>
      <c r="BA235" s="21">
        <v>5943</v>
      </c>
      <c r="BB235" s="21">
        <v>6595</v>
      </c>
      <c r="BC235" s="21">
        <v>6130</v>
      </c>
      <c r="BD235" s="21">
        <v>5587</v>
      </c>
      <c r="BE235" s="21">
        <v>5419</v>
      </c>
      <c r="BF235" s="21">
        <v>5783</v>
      </c>
      <c r="BG235" s="21">
        <v>5629</v>
      </c>
      <c r="BH235" s="21">
        <v>5451</v>
      </c>
      <c r="BI235" s="21">
        <v>5184</v>
      </c>
      <c r="BJ235" s="14"/>
      <c r="BK235" s="16"/>
      <c r="BL235" s="9"/>
      <c r="BM235" s="9"/>
      <c r="BN235" s="9" t="s">
        <v>39</v>
      </c>
      <c r="BO235" s="9" t="s">
        <v>27</v>
      </c>
      <c r="BP235" s="21">
        <f t="shared" si="300"/>
        <v>16</v>
      </c>
      <c r="BQ235" s="21">
        <f t="shared" si="301"/>
        <v>23</v>
      </c>
      <c r="BR235" s="21">
        <f t="shared" si="302"/>
        <v>36</v>
      </c>
      <c r="BS235" s="21">
        <f t="shared" si="303"/>
        <v>37</v>
      </c>
      <c r="BT235" s="21">
        <f t="shared" si="304"/>
        <v>32</v>
      </c>
      <c r="BU235" s="21">
        <f t="shared" si="305"/>
        <v>21</v>
      </c>
      <c r="BV235" s="21">
        <f t="shared" si="306"/>
        <v>82</v>
      </c>
      <c r="BW235" s="21">
        <f t="shared" si="307"/>
        <v>62</v>
      </c>
      <c r="BX235" s="21">
        <f t="shared" si="308"/>
        <v>-1016</v>
      </c>
      <c r="BY235" s="21">
        <f t="shared" si="309"/>
        <v>-1098</v>
      </c>
      <c r="BZ235" s="21">
        <f t="shared" si="310"/>
        <v>-982</v>
      </c>
      <c r="CA235" s="21">
        <f t="shared" si="311"/>
        <v>-1211</v>
      </c>
      <c r="CB235" s="21">
        <f t="shared" si="312"/>
        <v>-2839</v>
      </c>
      <c r="CC235" s="21">
        <f t="shared" si="313"/>
        <v>-3243</v>
      </c>
      <c r="CD235" s="21">
        <f t="shared" si="314"/>
        <v>-3163</v>
      </c>
      <c r="CE235" s="21">
        <f t="shared" si="315"/>
        <v>-3442</v>
      </c>
      <c r="CF235" s="21">
        <f t="shared" si="316"/>
        <v>-3235</v>
      </c>
      <c r="CG235" s="21">
        <f t="shared" si="317"/>
        <v>-3781</v>
      </c>
      <c r="CH235" s="21">
        <f t="shared" si="318"/>
        <v>-3742</v>
      </c>
      <c r="CI235" s="21">
        <f t="shared" si="319"/>
        <v>-2157</v>
      </c>
      <c r="CJ235" s="21">
        <f t="shared" si="320"/>
        <v>-2205</v>
      </c>
      <c r="CK235" s="21">
        <f t="shared" si="321"/>
        <v>-2707</v>
      </c>
      <c r="CL235" s="21">
        <f t="shared" si="322"/>
        <v>-2660</v>
      </c>
      <c r="CM235" s="21">
        <f t="shared" si="323"/>
        <v>-2190</v>
      </c>
      <c r="CN235" s="21">
        <f t="shared" si="324"/>
        <v>-547</v>
      </c>
      <c r="CO235" s="20"/>
    </row>
    <row r="236" spans="1:93" x14ac:dyDescent="0.7">
      <c r="A236" s="7"/>
      <c r="E236" s="8" t="s">
        <v>28</v>
      </c>
      <c r="F236" s="42">
        <v>4545</v>
      </c>
      <c r="G236" s="42">
        <v>4042</v>
      </c>
      <c r="H236" s="42">
        <v>5206</v>
      </c>
      <c r="I236" s="42">
        <v>4521</v>
      </c>
      <c r="J236" s="42">
        <v>4307</v>
      </c>
      <c r="K236" s="42">
        <v>5989</v>
      </c>
      <c r="L236" s="42">
        <v>6625</v>
      </c>
      <c r="M236" s="42">
        <v>6570</v>
      </c>
      <c r="N236" s="42">
        <v>6461</v>
      </c>
      <c r="O236" s="42">
        <v>8032</v>
      </c>
      <c r="P236" s="42">
        <v>7582</v>
      </c>
      <c r="Q236" s="42">
        <v>7834</v>
      </c>
      <c r="R236" s="42">
        <v>8717</v>
      </c>
      <c r="S236" s="42">
        <v>9616</v>
      </c>
      <c r="T236" s="42">
        <v>9046</v>
      </c>
      <c r="U236" s="42">
        <v>9525</v>
      </c>
      <c r="V236" s="42">
        <v>8639</v>
      </c>
      <c r="W236" s="42">
        <v>9802</v>
      </c>
      <c r="X236" s="42">
        <v>9341</v>
      </c>
      <c r="Y236" s="42">
        <v>7115</v>
      </c>
      <c r="Z236" s="42">
        <v>7045</v>
      </c>
      <c r="AA236" s="42">
        <v>7869</v>
      </c>
      <c r="AB236" s="42">
        <v>7679</v>
      </c>
      <c r="AC236" s="42">
        <v>6975</v>
      </c>
      <c r="AD236" s="42">
        <v>5585</v>
      </c>
      <c r="AE236" s="7"/>
      <c r="AF236" s="13"/>
      <c r="AG236" s="9"/>
      <c r="AH236" s="9"/>
      <c r="AI236" s="9"/>
      <c r="AJ236" s="9" t="s">
        <v>28</v>
      </c>
      <c r="AK236" s="21">
        <v>4560</v>
      </c>
      <c r="AL236" s="21">
        <v>4065</v>
      </c>
      <c r="AM236" s="21">
        <v>5243</v>
      </c>
      <c r="AN236" s="21">
        <v>4559</v>
      </c>
      <c r="AO236" s="21">
        <v>4338</v>
      </c>
      <c r="AP236" s="21">
        <v>6010</v>
      </c>
      <c r="AQ236" s="21">
        <v>6707</v>
      </c>
      <c r="AR236" s="21">
        <v>6632</v>
      </c>
      <c r="AS236" s="21">
        <v>5711</v>
      </c>
      <c r="AT236" s="21">
        <v>7248</v>
      </c>
      <c r="AU236" s="21">
        <v>6906</v>
      </c>
      <c r="AV236" s="21">
        <v>6957</v>
      </c>
      <c r="AW236" s="21">
        <v>6198</v>
      </c>
      <c r="AX236" s="21">
        <v>6721</v>
      </c>
      <c r="AY236" s="21">
        <v>6213</v>
      </c>
      <c r="AZ236" s="21">
        <v>6442</v>
      </c>
      <c r="BA236" s="21">
        <v>5739</v>
      </c>
      <c r="BB236" s="21">
        <v>6391</v>
      </c>
      <c r="BC236" s="21">
        <v>5946</v>
      </c>
      <c r="BD236" s="21">
        <v>5419</v>
      </c>
      <c r="BE236" s="21">
        <v>5258</v>
      </c>
      <c r="BF236" s="21">
        <v>5610</v>
      </c>
      <c r="BG236" s="21">
        <v>5458</v>
      </c>
      <c r="BH236" s="21">
        <v>5285</v>
      </c>
      <c r="BI236" s="21">
        <v>5023</v>
      </c>
      <c r="BJ236" s="14"/>
      <c r="BK236" s="16"/>
      <c r="BL236" s="9"/>
      <c r="BM236" s="9"/>
      <c r="BN236" s="9"/>
      <c r="BO236" s="9" t="s">
        <v>28</v>
      </c>
      <c r="BP236" s="21">
        <f t="shared" si="300"/>
        <v>15</v>
      </c>
      <c r="BQ236" s="21">
        <f t="shared" si="301"/>
        <v>23</v>
      </c>
      <c r="BR236" s="21">
        <f t="shared" si="302"/>
        <v>37</v>
      </c>
      <c r="BS236" s="21">
        <f t="shared" si="303"/>
        <v>38</v>
      </c>
      <c r="BT236" s="21">
        <f t="shared" si="304"/>
        <v>31</v>
      </c>
      <c r="BU236" s="21">
        <f t="shared" si="305"/>
        <v>21</v>
      </c>
      <c r="BV236" s="21">
        <f t="shared" si="306"/>
        <v>82</v>
      </c>
      <c r="BW236" s="21">
        <f t="shared" si="307"/>
        <v>62</v>
      </c>
      <c r="BX236" s="21">
        <f t="shared" si="308"/>
        <v>-750</v>
      </c>
      <c r="BY236" s="21">
        <f t="shared" si="309"/>
        <v>-784</v>
      </c>
      <c r="BZ236" s="21">
        <f t="shared" si="310"/>
        <v>-676</v>
      </c>
      <c r="CA236" s="21">
        <f t="shared" si="311"/>
        <v>-877</v>
      </c>
      <c r="CB236" s="21">
        <f t="shared" si="312"/>
        <v>-2519</v>
      </c>
      <c r="CC236" s="21">
        <f t="shared" si="313"/>
        <v>-2895</v>
      </c>
      <c r="CD236" s="21">
        <f t="shared" si="314"/>
        <v>-2833</v>
      </c>
      <c r="CE236" s="21">
        <f t="shared" si="315"/>
        <v>-3083</v>
      </c>
      <c r="CF236" s="21">
        <f t="shared" si="316"/>
        <v>-2900</v>
      </c>
      <c r="CG236" s="21">
        <f t="shared" si="317"/>
        <v>-3411</v>
      </c>
      <c r="CH236" s="21">
        <f t="shared" si="318"/>
        <v>-3395</v>
      </c>
      <c r="CI236" s="21">
        <f t="shared" si="319"/>
        <v>-1696</v>
      </c>
      <c r="CJ236" s="21">
        <f t="shared" si="320"/>
        <v>-1787</v>
      </c>
      <c r="CK236" s="21">
        <f t="shared" si="321"/>
        <v>-2259</v>
      </c>
      <c r="CL236" s="21">
        <f t="shared" si="322"/>
        <v>-2221</v>
      </c>
      <c r="CM236" s="21">
        <f t="shared" si="323"/>
        <v>-1690</v>
      </c>
      <c r="CN236" s="21">
        <f t="shared" si="324"/>
        <v>-562</v>
      </c>
      <c r="CO236" s="20"/>
    </row>
    <row r="237" spans="1:93" x14ac:dyDescent="0.7">
      <c r="A237" s="7"/>
      <c r="E237" s="8" t="s">
        <v>29</v>
      </c>
      <c r="F237" s="42">
        <v>111</v>
      </c>
      <c r="G237" s="42">
        <v>92</v>
      </c>
      <c r="H237" s="42">
        <v>112</v>
      </c>
      <c r="I237" s="42">
        <v>92</v>
      </c>
      <c r="J237" s="42">
        <v>82</v>
      </c>
      <c r="K237" s="42">
        <v>104</v>
      </c>
      <c r="L237" s="42">
        <v>109</v>
      </c>
      <c r="M237" s="42">
        <v>95</v>
      </c>
      <c r="N237" s="42">
        <v>96</v>
      </c>
      <c r="O237" s="42">
        <v>120</v>
      </c>
      <c r="P237" s="42">
        <v>113</v>
      </c>
      <c r="Q237" s="42">
        <v>103</v>
      </c>
      <c r="R237" s="42">
        <v>92</v>
      </c>
      <c r="S237" s="42">
        <v>108</v>
      </c>
      <c r="T237" s="42">
        <v>112</v>
      </c>
      <c r="U237" s="42">
        <v>124</v>
      </c>
      <c r="V237" s="42">
        <v>51</v>
      </c>
      <c r="W237" s="42">
        <v>51</v>
      </c>
      <c r="X237" s="42">
        <v>45</v>
      </c>
      <c r="Y237" s="42">
        <v>37</v>
      </c>
      <c r="Z237" s="42">
        <v>35</v>
      </c>
      <c r="AA237" s="42">
        <v>34</v>
      </c>
      <c r="AB237" s="42">
        <v>30</v>
      </c>
      <c r="AC237" s="42">
        <v>27</v>
      </c>
      <c r="AD237" s="42">
        <v>24</v>
      </c>
      <c r="AE237" s="7"/>
      <c r="AF237" s="13"/>
      <c r="AG237" s="9"/>
      <c r="AH237" s="9"/>
      <c r="AI237" s="9"/>
      <c r="AJ237" s="9" t="s">
        <v>29</v>
      </c>
      <c r="AK237" s="21">
        <v>111</v>
      </c>
      <c r="AL237" s="21">
        <v>92</v>
      </c>
      <c r="AM237" s="21">
        <v>112</v>
      </c>
      <c r="AN237" s="21">
        <v>92</v>
      </c>
      <c r="AO237" s="21">
        <v>83</v>
      </c>
      <c r="AP237" s="21">
        <v>104</v>
      </c>
      <c r="AQ237" s="21">
        <v>110</v>
      </c>
      <c r="AR237" s="21">
        <v>95</v>
      </c>
      <c r="AS237" s="21">
        <v>93</v>
      </c>
      <c r="AT237" s="21">
        <v>109</v>
      </c>
      <c r="AU237" s="21">
        <v>95</v>
      </c>
      <c r="AV237" s="21">
        <v>81</v>
      </c>
      <c r="AW237" s="21">
        <v>69</v>
      </c>
      <c r="AX237" s="21">
        <v>69</v>
      </c>
      <c r="AY237" s="21">
        <v>59</v>
      </c>
      <c r="AZ237" s="21">
        <v>59</v>
      </c>
      <c r="BA237" s="21">
        <v>50</v>
      </c>
      <c r="BB237" s="21">
        <v>51</v>
      </c>
      <c r="BC237" s="21">
        <v>44</v>
      </c>
      <c r="BD237" s="21">
        <v>37</v>
      </c>
      <c r="BE237" s="21">
        <v>35</v>
      </c>
      <c r="BF237" s="21">
        <v>34</v>
      </c>
      <c r="BG237" s="21">
        <v>30</v>
      </c>
      <c r="BH237" s="21">
        <v>27</v>
      </c>
      <c r="BI237" s="21">
        <v>24</v>
      </c>
      <c r="BJ237" s="14"/>
      <c r="BK237" s="16"/>
      <c r="BL237" s="9"/>
      <c r="BM237" s="9"/>
      <c r="BN237" s="9"/>
      <c r="BO237" s="9" t="s">
        <v>29</v>
      </c>
      <c r="BP237" s="21">
        <f t="shared" si="300"/>
        <v>0</v>
      </c>
      <c r="BQ237" s="21">
        <f t="shared" si="301"/>
        <v>0</v>
      </c>
      <c r="BR237" s="21">
        <f t="shared" si="302"/>
        <v>0</v>
      </c>
      <c r="BS237" s="21">
        <f t="shared" si="303"/>
        <v>0</v>
      </c>
      <c r="BT237" s="21">
        <f t="shared" si="304"/>
        <v>1</v>
      </c>
      <c r="BU237" s="21">
        <f t="shared" si="305"/>
        <v>0</v>
      </c>
      <c r="BV237" s="21">
        <f t="shared" si="306"/>
        <v>1</v>
      </c>
      <c r="BW237" s="21">
        <f t="shared" si="307"/>
        <v>0</v>
      </c>
      <c r="BX237" s="21">
        <f t="shared" si="308"/>
        <v>-3</v>
      </c>
      <c r="BY237" s="21">
        <f t="shared" si="309"/>
        <v>-11</v>
      </c>
      <c r="BZ237" s="21">
        <f t="shared" si="310"/>
        <v>-18</v>
      </c>
      <c r="CA237" s="21">
        <f t="shared" si="311"/>
        <v>-22</v>
      </c>
      <c r="CB237" s="21">
        <f t="shared" si="312"/>
        <v>-23</v>
      </c>
      <c r="CC237" s="21">
        <f t="shared" si="313"/>
        <v>-39</v>
      </c>
      <c r="CD237" s="21">
        <f t="shared" si="314"/>
        <v>-53</v>
      </c>
      <c r="CE237" s="21">
        <f t="shared" si="315"/>
        <v>-65</v>
      </c>
      <c r="CF237" s="21">
        <f t="shared" si="316"/>
        <v>-1</v>
      </c>
      <c r="CG237" s="21">
        <f t="shared" si="317"/>
        <v>0</v>
      </c>
      <c r="CH237" s="21">
        <f t="shared" si="318"/>
        <v>-1</v>
      </c>
      <c r="CI237" s="21">
        <f t="shared" si="319"/>
        <v>0</v>
      </c>
      <c r="CJ237" s="21">
        <f t="shared" si="320"/>
        <v>0</v>
      </c>
      <c r="CK237" s="21">
        <f t="shared" si="321"/>
        <v>0</v>
      </c>
      <c r="CL237" s="21">
        <f t="shared" si="322"/>
        <v>0</v>
      </c>
      <c r="CM237" s="21">
        <f t="shared" si="323"/>
        <v>0</v>
      </c>
      <c r="CN237" s="21">
        <f t="shared" si="324"/>
        <v>0</v>
      </c>
      <c r="CO237" s="20"/>
    </row>
    <row r="238" spans="1:93" x14ac:dyDescent="0.7">
      <c r="A238" s="7"/>
      <c r="E238" s="8" t="s">
        <v>30</v>
      </c>
      <c r="F238" s="42">
        <v>3546</v>
      </c>
      <c r="G238" s="42">
        <v>3136</v>
      </c>
      <c r="H238" s="42">
        <v>4074</v>
      </c>
      <c r="I238" s="42">
        <v>3468</v>
      </c>
      <c r="J238" s="42">
        <v>3141</v>
      </c>
      <c r="K238" s="42">
        <v>4420</v>
      </c>
      <c r="L238" s="42">
        <v>4894</v>
      </c>
      <c r="M238" s="42">
        <v>4754</v>
      </c>
      <c r="N238" s="42">
        <v>4628</v>
      </c>
      <c r="O238" s="42">
        <v>5805</v>
      </c>
      <c r="P238" s="42">
        <v>5410</v>
      </c>
      <c r="Q238" s="42">
        <v>5349</v>
      </c>
      <c r="R238" s="42">
        <v>5506</v>
      </c>
      <c r="S238" s="42">
        <v>6148</v>
      </c>
      <c r="T238" s="42">
        <v>5825</v>
      </c>
      <c r="U238" s="42">
        <v>6322</v>
      </c>
      <c r="V238" s="42">
        <v>5943</v>
      </c>
      <c r="W238" s="42">
        <v>6894</v>
      </c>
      <c r="X238" s="42">
        <v>6626</v>
      </c>
      <c r="Y238" s="42">
        <v>4279</v>
      </c>
      <c r="Z238" s="42">
        <v>4346</v>
      </c>
      <c r="AA238" s="42">
        <v>4753</v>
      </c>
      <c r="AB238" s="42">
        <v>4607</v>
      </c>
      <c r="AC238" s="42">
        <v>4632</v>
      </c>
      <c r="AD238" s="42">
        <v>3944</v>
      </c>
      <c r="AE238" s="7"/>
      <c r="AF238" s="13"/>
      <c r="AG238" s="9"/>
      <c r="AH238" s="9"/>
      <c r="AI238" s="9"/>
      <c r="AJ238" s="9" t="s">
        <v>30</v>
      </c>
      <c r="AK238" s="21">
        <v>3556</v>
      </c>
      <c r="AL238" s="21">
        <v>3152</v>
      </c>
      <c r="AM238" s="21">
        <v>4100</v>
      </c>
      <c r="AN238" s="21">
        <v>3493</v>
      </c>
      <c r="AO238" s="21">
        <v>3162</v>
      </c>
      <c r="AP238" s="21">
        <v>4429</v>
      </c>
      <c r="AQ238" s="21">
        <v>4951</v>
      </c>
      <c r="AR238" s="21">
        <v>4790</v>
      </c>
      <c r="AS238" s="21">
        <v>4313</v>
      </c>
      <c r="AT238" s="21">
        <v>5500</v>
      </c>
      <c r="AU238" s="21">
        <v>5200</v>
      </c>
      <c r="AV238" s="21">
        <v>5047</v>
      </c>
      <c r="AW238" s="21">
        <v>4366</v>
      </c>
      <c r="AX238" s="21">
        <v>4678</v>
      </c>
      <c r="AY238" s="21">
        <v>4269</v>
      </c>
      <c r="AZ238" s="21">
        <v>4453</v>
      </c>
      <c r="BA238" s="21">
        <v>3918</v>
      </c>
      <c r="BB238" s="21">
        <v>4354</v>
      </c>
      <c r="BC238" s="21">
        <v>3981</v>
      </c>
      <c r="BD238" s="21">
        <v>3558</v>
      </c>
      <c r="BE238" s="21">
        <v>3398</v>
      </c>
      <c r="BF238" s="21">
        <v>3602</v>
      </c>
      <c r="BG238" s="21">
        <v>3444</v>
      </c>
      <c r="BH238" s="21">
        <v>3245</v>
      </c>
      <c r="BI238" s="21">
        <v>3119</v>
      </c>
      <c r="BJ238" s="14"/>
      <c r="BK238" s="16"/>
      <c r="BL238" s="9"/>
      <c r="BM238" s="9"/>
      <c r="BN238" s="9"/>
      <c r="BO238" s="9" t="s">
        <v>30</v>
      </c>
      <c r="BP238" s="21">
        <f t="shared" si="300"/>
        <v>10</v>
      </c>
      <c r="BQ238" s="21">
        <f t="shared" si="301"/>
        <v>16</v>
      </c>
      <c r="BR238" s="21">
        <f t="shared" si="302"/>
        <v>26</v>
      </c>
      <c r="BS238" s="21">
        <f t="shared" si="303"/>
        <v>25</v>
      </c>
      <c r="BT238" s="21">
        <f t="shared" si="304"/>
        <v>21</v>
      </c>
      <c r="BU238" s="21">
        <f t="shared" si="305"/>
        <v>9</v>
      </c>
      <c r="BV238" s="21">
        <f t="shared" si="306"/>
        <v>57</v>
      </c>
      <c r="BW238" s="21">
        <f t="shared" si="307"/>
        <v>36</v>
      </c>
      <c r="BX238" s="21">
        <f t="shared" si="308"/>
        <v>-315</v>
      </c>
      <c r="BY238" s="21">
        <f t="shared" si="309"/>
        <v>-305</v>
      </c>
      <c r="BZ238" s="21">
        <f t="shared" si="310"/>
        <v>-210</v>
      </c>
      <c r="CA238" s="21">
        <f t="shared" si="311"/>
        <v>-302</v>
      </c>
      <c r="CB238" s="21">
        <f t="shared" si="312"/>
        <v>-1140</v>
      </c>
      <c r="CC238" s="21">
        <f t="shared" si="313"/>
        <v>-1470</v>
      </c>
      <c r="CD238" s="21">
        <f t="shared" si="314"/>
        <v>-1556</v>
      </c>
      <c r="CE238" s="21">
        <f t="shared" si="315"/>
        <v>-1869</v>
      </c>
      <c r="CF238" s="21">
        <f t="shared" si="316"/>
        <v>-2025</v>
      </c>
      <c r="CG238" s="21">
        <f t="shared" si="317"/>
        <v>-2540</v>
      </c>
      <c r="CH238" s="21">
        <f t="shared" si="318"/>
        <v>-2645</v>
      </c>
      <c r="CI238" s="21">
        <f t="shared" si="319"/>
        <v>-721</v>
      </c>
      <c r="CJ238" s="21">
        <f t="shared" si="320"/>
        <v>-948</v>
      </c>
      <c r="CK238" s="21">
        <f t="shared" si="321"/>
        <v>-1151</v>
      </c>
      <c r="CL238" s="21">
        <f t="shared" si="322"/>
        <v>-1163</v>
      </c>
      <c r="CM238" s="21">
        <f t="shared" si="323"/>
        <v>-1387</v>
      </c>
      <c r="CN238" s="21">
        <f t="shared" si="324"/>
        <v>-825</v>
      </c>
      <c r="CO238" s="20"/>
    </row>
    <row r="239" spans="1:93" x14ac:dyDescent="0.7">
      <c r="A239" s="7"/>
      <c r="E239" s="8" t="s">
        <v>31</v>
      </c>
      <c r="F239" s="42">
        <v>888</v>
      </c>
      <c r="G239" s="42">
        <v>814</v>
      </c>
      <c r="H239" s="42">
        <v>1020</v>
      </c>
      <c r="I239" s="42">
        <v>961</v>
      </c>
      <c r="J239" s="42">
        <v>1084</v>
      </c>
      <c r="K239" s="42">
        <v>1465</v>
      </c>
      <c r="L239" s="42">
        <v>1622</v>
      </c>
      <c r="M239" s="42">
        <v>1721</v>
      </c>
      <c r="N239" s="42">
        <v>1737</v>
      </c>
      <c r="O239" s="42">
        <v>2107</v>
      </c>
      <c r="P239" s="42">
        <v>2059</v>
      </c>
      <c r="Q239" s="42">
        <v>2382</v>
      </c>
      <c r="R239" s="42">
        <v>3119</v>
      </c>
      <c r="S239" s="42">
        <v>3426</v>
      </c>
      <c r="T239" s="42">
        <v>3206</v>
      </c>
      <c r="U239" s="42">
        <v>3155</v>
      </c>
      <c r="V239" s="42">
        <v>2721</v>
      </c>
      <c r="W239" s="42">
        <v>2912</v>
      </c>
      <c r="X239" s="42">
        <v>2670</v>
      </c>
      <c r="Y239" s="42">
        <v>2799</v>
      </c>
      <c r="Z239" s="42">
        <v>2664</v>
      </c>
      <c r="AA239" s="42">
        <v>3081</v>
      </c>
      <c r="AB239" s="42">
        <v>3042</v>
      </c>
      <c r="AC239" s="42">
        <v>2316</v>
      </c>
      <c r="AD239" s="42">
        <v>1618</v>
      </c>
      <c r="AE239" s="7"/>
      <c r="AF239" s="13"/>
      <c r="AG239" s="9"/>
      <c r="AH239" s="9"/>
      <c r="AI239" s="9"/>
      <c r="AJ239" s="9" t="s">
        <v>31</v>
      </c>
      <c r="AK239" s="21">
        <v>893</v>
      </c>
      <c r="AL239" s="21">
        <v>821</v>
      </c>
      <c r="AM239" s="21">
        <v>1031</v>
      </c>
      <c r="AN239" s="21">
        <v>973</v>
      </c>
      <c r="AO239" s="21">
        <v>1093</v>
      </c>
      <c r="AP239" s="21">
        <v>1476</v>
      </c>
      <c r="AQ239" s="21">
        <v>1646</v>
      </c>
      <c r="AR239" s="21">
        <v>1748</v>
      </c>
      <c r="AS239" s="21">
        <v>1305</v>
      </c>
      <c r="AT239" s="21">
        <v>1639</v>
      </c>
      <c r="AU239" s="21">
        <v>1610</v>
      </c>
      <c r="AV239" s="21">
        <v>1829</v>
      </c>
      <c r="AW239" s="21">
        <v>1791</v>
      </c>
      <c r="AX239" s="21">
        <v>2011</v>
      </c>
      <c r="AY239" s="21">
        <v>1922</v>
      </c>
      <c r="AZ239" s="21">
        <v>1958</v>
      </c>
      <c r="BA239" s="21">
        <v>1793</v>
      </c>
      <c r="BB239" s="21">
        <v>1999</v>
      </c>
      <c r="BC239" s="21">
        <v>1920</v>
      </c>
      <c r="BD239" s="21">
        <v>1824</v>
      </c>
      <c r="BE239" s="21">
        <v>1825</v>
      </c>
      <c r="BF239" s="21">
        <v>1974</v>
      </c>
      <c r="BG239" s="21">
        <v>1983</v>
      </c>
      <c r="BH239" s="21">
        <v>2014</v>
      </c>
      <c r="BI239" s="21">
        <v>1881</v>
      </c>
      <c r="BJ239" s="14"/>
      <c r="BK239" s="16"/>
      <c r="BL239" s="9"/>
      <c r="BM239" s="9"/>
      <c r="BN239" s="9"/>
      <c r="BO239" s="9" t="s">
        <v>31</v>
      </c>
      <c r="BP239" s="21">
        <f t="shared" si="300"/>
        <v>5</v>
      </c>
      <c r="BQ239" s="21">
        <f t="shared" si="301"/>
        <v>7</v>
      </c>
      <c r="BR239" s="21">
        <f t="shared" si="302"/>
        <v>11</v>
      </c>
      <c r="BS239" s="21">
        <f t="shared" si="303"/>
        <v>12</v>
      </c>
      <c r="BT239" s="21">
        <f t="shared" si="304"/>
        <v>9</v>
      </c>
      <c r="BU239" s="21">
        <f t="shared" si="305"/>
        <v>11</v>
      </c>
      <c r="BV239" s="21">
        <f t="shared" si="306"/>
        <v>24</v>
      </c>
      <c r="BW239" s="21">
        <f t="shared" si="307"/>
        <v>27</v>
      </c>
      <c r="BX239" s="21">
        <f t="shared" si="308"/>
        <v>-432</v>
      </c>
      <c r="BY239" s="21">
        <f t="shared" si="309"/>
        <v>-468</v>
      </c>
      <c r="BZ239" s="21">
        <f t="shared" si="310"/>
        <v>-449</v>
      </c>
      <c r="CA239" s="21">
        <f t="shared" si="311"/>
        <v>-553</v>
      </c>
      <c r="CB239" s="21">
        <f t="shared" si="312"/>
        <v>-1328</v>
      </c>
      <c r="CC239" s="21">
        <f t="shared" si="313"/>
        <v>-1415</v>
      </c>
      <c r="CD239" s="21">
        <f t="shared" si="314"/>
        <v>-1284</v>
      </c>
      <c r="CE239" s="21">
        <f t="shared" si="315"/>
        <v>-1197</v>
      </c>
      <c r="CF239" s="21">
        <f t="shared" si="316"/>
        <v>-928</v>
      </c>
      <c r="CG239" s="21">
        <f t="shared" si="317"/>
        <v>-913</v>
      </c>
      <c r="CH239" s="21">
        <f t="shared" si="318"/>
        <v>-750</v>
      </c>
      <c r="CI239" s="21">
        <f t="shared" si="319"/>
        <v>-975</v>
      </c>
      <c r="CJ239" s="21">
        <f t="shared" si="320"/>
        <v>-839</v>
      </c>
      <c r="CK239" s="21">
        <f t="shared" si="321"/>
        <v>-1107</v>
      </c>
      <c r="CL239" s="21">
        <f t="shared" si="322"/>
        <v>-1059</v>
      </c>
      <c r="CM239" s="21">
        <f t="shared" si="323"/>
        <v>-302</v>
      </c>
      <c r="CN239" s="21">
        <f t="shared" si="324"/>
        <v>263</v>
      </c>
      <c r="CO239" s="20"/>
    </row>
    <row r="240" spans="1:93" x14ac:dyDescent="0.7">
      <c r="A240" s="7"/>
      <c r="E240" s="8" t="s">
        <v>32</v>
      </c>
      <c r="F240" s="42">
        <v>160</v>
      </c>
      <c r="G240" s="42">
        <v>122</v>
      </c>
      <c r="H240" s="42">
        <v>170</v>
      </c>
      <c r="I240" s="42">
        <v>133</v>
      </c>
      <c r="J240" s="42">
        <v>124</v>
      </c>
      <c r="K240" s="42">
        <v>185</v>
      </c>
      <c r="L240" s="42">
        <v>319</v>
      </c>
      <c r="M240" s="42">
        <v>441</v>
      </c>
      <c r="N240" s="42">
        <v>437</v>
      </c>
      <c r="O240" s="42">
        <v>541</v>
      </c>
      <c r="P240" s="42">
        <v>526</v>
      </c>
      <c r="Q240" s="42">
        <v>541</v>
      </c>
      <c r="R240" s="42">
        <v>526</v>
      </c>
      <c r="S240" s="42">
        <v>555</v>
      </c>
      <c r="T240" s="42">
        <v>522</v>
      </c>
      <c r="U240" s="42">
        <v>572</v>
      </c>
      <c r="V240" s="42">
        <v>534</v>
      </c>
      <c r="W240" s="42">
        <v>573</v>
      </c>
      <c r="X240" s="42">
        <v>531</v>
      </c>
      <c r="Y240" s="42">
        <v>630</v>
      </c>
      <c r="Z240" s="42">
        <v>579</v>
      </c>
      <c r="AA240" s="42">
        <v>622</v>
      </c>
      <c r="AB240" s="42">
        <v>610</v>
      </c>
      <c r="AC240" s="42">
        <v>667</v>
      </c>
      <c r="AD240" s="42">
        <v>146</v>
      </c>
      <c r="AE240" s="7"/>
      <c r="AF240" s="13"/>
      <c r="AG240" s="9"/>
      <c r="AH240" s="9"/>
      <c r="AI240" s="9"/>
      <c r="AJ240" s="9" t="s">
        <v>32</v>
      </c>
      <c r="AK240" s="21">
        <v>160</v>
      </c>
      <c r="AL240" s="21">
        <v>122</v>
      </c>
      <c r="AM240" s="21">
        <v>170</v>
      </c>
      <c r="AN240" s="21">
        <v>133</v>
      </c>
      <c r="AO240" s="21">
        <v>125</v>
      </c>
      <c r="AP240" s="21">
        <v>185</v>
      </c>
      <c r="AQ240" s="21">
        <v>320</v>
      </c>
      <c r="AR240" s="21">
        <v>441</v>
      </c>
      <c r="AS240" s="21">
        <v>171</v>
      </c>
      <c r="AT240" s="21">
        <v>227</v>
      </c>
      <c r="AU240" s="21">
        <v>220</v>
      </c>
      <c r="AV240" s="21">
        <v>208</v>
      </c>
      <c r="AW240" s="21">
        <v>196</v>
      </c>
      <c r="AX240" s="21">
        <v>205</v>
      </c>
      <c r="AY240" s="21">
        <v>191</v>
      </c>
      <c r="AZ240" s="21">
        <v>206</v>
      </c>
      <c r="BA240" s="21">
        <v>190</v>
      </c>
      <c r="BB240" s="21">
        <v>201</v>
      </c>
      <c r="BC240" s="21">
        <v>185</v>
      </c>
      <c r="BD240" s="21">
        <v>167</v>
      </c>
      <c r="BE240" s="21">
        <v>161</v>
      </c>
      <c r="BF240" s="21">
        <v>173</v>
      </c>
      <c r="BG240" s="21">
        <v>171</v>
      </c>
      <c r="BH240" s="21">
        <v>166</v>
      </c>
      <c r="BI240" s="21">
        <v>161</v>
      </c>
      <c r="BJ240" s="14"/>
      <c r="BK240" s="16"/>
      <c r="BL240" s="9"/>
      <c r="BM240" s="9"/>
      <c r="BN240" s="9"/>
      <c r="BO240" s="9" t="s">
        <v>32</v>
      </c>
      <c r="BP240" s="21">
        <f t="shared" si="300"/>
        <v>0</v>
      </c>
      <c r="BQ240" s="21">
        <f t="shared" si="301"/>
        <v>0</v>
      </c>
      <c r="BR240" s="21">
        <f t="shared" si="302"/>
        <v>0</v>
      </c>
      <c r="BS240" s="21">
        <f t="shared" si="303"/>
        <v>0</v>
      </c>
      <c r="BT240" s="21">
        <f t="shared" si="304"/>
        <v>1</v>
      </c>
      <c r="BU240" s="21">
        <f t="shared" si="305"/>
        <v>0</v>
      </c>
      <c r="BV240" s="21">
        <f t="shared" si="306"/>
        <v>1</v>
      </c>
      <c r="BW240" s="21">
        <f t="shared" si="307"/>
        <v>0</v>
      </c>
      <c r="BX240" s="21">
        <f t="shared" si="308"/>
        <v>-266</v>
      </c>
      <c r="BY240" s="21">
        <f t="shared" si="309"/>
        <v>-314</v>
      </c>
      <c r="BZ240" s="21">
        <f t="shared" si="310"/>
        <v>-306</v>
      </c>
      <c r="CA240" s="21">
        <f t="shared" si="311"/>
        <v>-333</v>
      </c>
      <c r="CB240" s="21">
        <f t="shared" si="312"/>
        <v>-330</v>
      </c>
      <c r="CC240" s="21">
        <f t="shared" si="313"/>
        <v>-350</v>
      </c>
      <c r="CD240" s="21">
        <f t="shared" si="314"/>
        <v>-331</v>
      </c>
      <c r="CE240" s="21">
        <f t="shared" si="315"/>
        <v>-366</v>
      </c>
      <c r="CF240" s="21">
        <f t="shared" si="316"/>
        <v>-344</v>
      </c>
      <c r="CG240" s="21">
        <f t="shared" si="317"/>
        <v>-372</v>
      </c>
      <c r="CH240" s="21">
        <f t="shared" si="318"/>
        <v>-346</v>
      </c>
      <c r="CI240" s="21">
        <f t="shared" si="319"/>
        <v>-463</v>
      </c>
      <c r="CJ240" s="21">
        <f t="shared" si="320"/>
        <v>-418</v>
      </c>
      <c r="CK240" s="21">
        <f t="shared" si="321"/>
        <v>-449</v>
      </c>
      <c r="CL240" s="21">
        <f t="shared" si="322"/>
        <v>-439</v>
      </c>
      <c r="CM240" s="21">
        <f t="shared" si="323"/>
        <v>-501</v>
      </c>
      <c r="CN240" s="21">
        <f t="shared" si="324"/>
        <v>15</v>
      </c>
      <c r="CO240" s="20"/>
    </row>
    <row r="241" spans="1:93" x14ac:dyDescent="0.7">
      <c r="A241" s="7"/>
      <c r="E241" s="8" t="s">
        <v>33</v>
      </c>
      <c r="F241" s="42">
        <v>160</v>
      </c>
      <c r="G241" s="42">
        <v>122</v>
      </c>
      <c r="H241" s="42">
        <v>170</v>
      </c>
      <c r="I241" s="42">
        <v>133</v>
      </c>
      <c r="J241" s="42">
        <v>124</v>
      </c>
      <c r="K241" s="42">
        <v>185</v>
      </c>
      <c r="L241" s="42">
        <v>319</v>
      </c>
      <c r="M241" s="42">
        <v>441</v>
      </c>
      <c r="N241" s="42">
        <v>437</v>
      </c>
      <c r="O241" s="42">
        <v>541</v>
      </c>
      <c r="P241" s="42">
        <v>526</v>
      </c>
      <c r="Q241" s="42">
        <v>541</v>
      </c>
      <c r="R241" s="42">
        <v>526</v>
      </c>
      <c r="S241" s="42">
        <v>555</v>
      </c>
      <c r="T241" s="42">
        <v>522</v>
      </c>
      <c r="U241" s="42">
        <v>572</v>
      </c>
      <c r="V241" s="42">
        <v>534</v>
      </c>
      <c r="W241" s="42">
        <v>573</v>
      </c>
      <c r="X241" s="42">
        <v>531</v>
      </c>
      <c r="Y241" s="42">
        <v>630</v>
      </c>
      <c r="Z241" s="42">
        <v>579</v>
      </c>
      <c r="AA241" s="42">
        <v>622</v>
      </c>
      <c r="AB241" s="42">
        <v>610</v>
      </c>
      <c r="AC241" s="42">
        <v>667</v>
      </c>
      <c r="AD241" s="42">
        <v>146</v>
      </c>
      <c r="AE241" s="7"/>
      <c r="AF241" s="13"/>
      <c r="AG241" s="9"/>
      <c r="AH241" s="9"/>
      <c r="AI241" s="9"/>
      <c r="AJ241" s="9" t="s">
        <v>33</v>
      </c>
      <c r="AK241" s="21">
        <v>160</v>
      </c>
      <c r="AL241" s="21">
        <v>122</v>
      </c>
      <c r="AM241" s="21">
        <v>170</v>
      </c>
      <c r="AN241" s="21">
        <v>133</v>
      </c>
      <c r="AO241" s="21">
        <v>125</v>
      </c>
      <c r="AP241" s="21">
        <v>185</v>
      </c>
      <c r="AQ241" s="21">
        <v>320</v>
      </c>
      <c r="AR241" s="21">
        <v>441</v>
      </c>
      <c r="AS241" s="21">
        <v>171</v>
      </c>
      <c r="AT241" s="21">
        <v>227</v>
      </c>
      <c r="AU241" s="21">
        <v>220</v>
      </c>
      <c r="AV241" s="21">
        <v>208</v>
      </c>
      <c r="AW241" s="21">
        <v>196</v>
      </c>
      <c r="AX241" s="21">
        <v>205</v>
      </c>
      <c r="AY241" s="21">
        <v>191</v>
      </c>
      <c r="AZ241" s="21">
        <v>206</v>
      </c>
      <c r="BA241" s="21">
        <v>190</v>
      </c>
      <c r="BB241" s="21">
        <v>201</v>
      </c>
      <c r="BC241" s="21">
        <v>185</v>
      </c>
      <c r="BD241" s="21">
        <v>167</v>
      </c>
      <c r="BE241" s="21">
        <v>161</v>
      </c>
      <c r="BF241" s="21">
        <v>173</v>
      </c>
      <c r="BG241" s="21">
        <v>171</v>
      </c>
      <c r="BH241" s="21">
        <v>166</v>
      </c>
      <c r="BI241" s="21">
        <v>161</v>
      </c>
      <c r="BJ241" s="14"/>
      <c r="BK241" s="16"/>
      <c r="BL241" s="9"/>
      <c r="BM241" s="9"/>
      <c r="BN241" s="9"/>
      <c r="BO241" s="9" t="s">
        <v>33</v>
      </c>
      <c r="BP241" s="21">
        <f t="shared" si="300"/>
        <v>0</v>
      </c>
      <c r="BQ241" s="21">
        <f t="shared" si="301"/>
        <v>0</v>
      </c>
      <c r="BR241" s="21">
        <f t="shared" si="302"/>
        <v>0</v>
      </c>
      <c r="BS241" s="21">
        <f t="shared" si="303"/>
        <v>0</v>
      </c>
      <c r="BT241" s="21">
        <f t="shared" si="304"/>
        <v>1</v>
      </c>
      <c r="BU241" s="21">
        <f t="shared" si="305"/>
        <v>0</v>
      </c>
      <c r="BV241" s="21">
        <f t="shared" si="306"/>
        <v>1</v>
      </c>
      <c r="BW241" s="21">
        <f t="shared" si="307"/>
        <v>0</v>
      </c>
      <c r="BX241" s="21">
        <f t="shared" si="308"/>
        <v>-266</v>
      </c>
      <c r="BY241" s="21">
        <f t="shared" si="309"/>
        <v>-314</v>
      </c>
      <c r="BZ241" s="21">
        <f t="shared" si="310"/>
        <v>-306</v>
      </c>
      <c r="CA241" s="21">
        <f t="shared" si="311"/>
        <v>-333</v>
      </c>
      <c r="CB241" s="21">
        <f t="shared" si="312"/>
        <v>-330</v>
      </c>
      <c r="CC241" s="21">
        <f t="shared" si="313"/>
        <v>-350</v>
      </c>
      <c r="CD241" s="21">
        <f t="shared" si="314"/>
        <v>-331</v>
      </c>
      <c r="CE241" s="21">
        <f t="shared" si="315"/>
        <v>-366</v>
      </c>
      <c r="CF241" s="21">
        <f t="shared" si="316"/>
        <v>-344</v>
      </c>
      <c r="CG241" s="21">
        <f t="shared" si="317"/>
        <v>-372</v>
      </c>
      <c r="CH241" s="21">
        <f t="shared" si="318"/>
        <v>-346</v>
      </c>
      <c r="CI241" s="21">
        <f t="shared" si="319"/>
        <v>-463</v>
      </c>
      <c r="CJ241" s="21">
        <f t="shared" si="320"/>
        <v>-418</v>
      </c>
      <c r="CK241" s="21">
        <f t="shared" si="321"/>
        <v>-449</v>
      </c>
      <c r="CL241" s="21">
        <f t="shared" si="322"/>
        <v>-439</v>
      </c>
      <c r="CM241" s="21">
        <f t="shared" si="323"/>
        <v>-501</v>
      </c>
      <c r="CN241" s="21">
        <f t="shared" si="324"/>
        <v>15</v>
      </c>
      <c r="CO241" s="20"/>
    </row>
    <row r="242" spans="1:93" x14ac:dyDescent="0.7">
      <c r="A242" s="7"/>
      <c r="E242" s="8" t="s">
        <v>34</v>
      </c>
      <c r="F242" s="43" t="s">
        <v>40</v>
      </c>
      <c r="G242" s="43" t="s">
        <v>40</v>
      </c>
      <c r="H242" s="43" t="s">
        <v>40</v>
      </c>
      <c r="I242" s="43" t="s">
        <v>40</v>
      </c>
      <c r="J242" s="43" t="s">
        <v>40</v>
      </c>
      <c r="K242" s="43" t="s">
        <v>40</v>
      </c>
      <c r="L242" s="43" t="s">
        <v>40</v>
      </c>
      <c r="M242" s="43" t="s">
        <v>40</v>
      </c>
      <c r="N242" s="43" t="s">
        <v>40</v>
      </c>
      <c r="O242" s="43" t="s">
        <v>40</v>
      </c>
      <c r="P242" s="43" t="s">
        <v>40</v>
      </c>
      <c r="Q242" s="43" t="s">
        <v>40</v>
      </c>
      <c r="R242" s="43" t="s">
        <v>40</v>
      </c>
      <c r="S242" s="42">
        <v>0</v>
      </c>
      <c r="T242" s="42">
        <v>0</v>
      </c>
      <c r="U242" s="42">
        <v>0</v>
      </c>
      <c r="V242" s="42">
        <v>0</v>
      </c>
      <c r="W242" s="42">
        <v>0</v>
      </c>
      <c r="X242" s="43" t="s">
        <v>40</v>
      </c>
      <c r="Y242" s="43" t="s">
        <v>40</v>
      </c>
      <c r="Z242" s="43" t="s">
        <v>40</v>
      </c>
      <c r="AA242" s="43" t="s">
        <v>40</v>
      </c>
      <c r="AB242" s="43" t="s">
        <v>40</v>
      </c>
      <c r="AC242" s="43" t="s">
        <v>40</v>
      </c>
      <c r="AD242" s="43" t="s">
        <v>40</v>
      </c>
      <c r="AE242" s="7"/>
      <c r="AF242" s="13"/>
      <c r="AG242" s="9"/>
      <c r="AH242" s="9"/>
      <c r="AI242" s="9"/>
      <c r="AJ242" s="9" t="s">
        <v>34</v>
      </c>
      <c r="AK242" s="43" t="s">
        <v>40</v>
      </c>
      <c r="AL242" s="43" t="s">
        <v>40</v>
      </c>
      <c r="AM242" s="43" t="s">
        <v>40</v>
      </c>
      <c r="AN242" s="43" t="s">
        <v>40</v>
      </c>
      <c r="AO242" s="43" t="s">
        <v>40</v>
      </c>
      <c r="AP242" s="43" t="s">
        <v>40</v>
      </c>
      <c r="AQ242" s="43" t="s">
        <v>40</v>
      </c>
      <c r="AR242" s="43" t="s">
        <v>40</v>
      </c>
      <c r="AS242" s="43" t="s">
        <v>40</v>
      </c>
      <c r="AT242" s="43" t="s">
        <v>40</v>
      </c>
      <c r="AU242" s="43" t="s">
        <v>40</v>
      </c>
      <c r="AV242" s="43" t="s">
        <v>40</v>
      </c>
      <c r="AW242" s="43" t="s">
        <v>40</v>
      </c>
      <c r="AX242" s="43" t="s">
        <v>40</v>
      </c>
      <c r="AY242" s="43" t="s">
        <v>40</v>
      </c>
      <c r="AZ242" s="43" t="s">
        <v>40</v>
      </c>
      <c r="BA242" s="43" t="s">
        <v>40</v>
      </c>
      <c r="BB242" s="43" t="s">
        <v>40</v>
      </c>
      <c r="BC242" s="43" t="s">
        <v>40</v>
      </c>
      <c r="BD242" s="43" t="s">
        <v>40</v>
      </c>
      <c r="BE242" s="43" t="s">
        <v>40</v>
      </c>
      <c r="BF242" s="43" t="s">
        <v>40</v>
      </c>
      <c r="BG242" s="43" t="s">
        <v>40</v>
      </c>
      <c r="BH242" s="43" t="s">
        <v>40</v>
      </c>
      <c r="BI242" s="43" t="s">
        <v>40</v>
      </c>
      <c r="BJ242" s="14"/>
      <c r="BK242" s="16"/>
      <c r="BL242" s="9"/>
      <c r="BM242" s="9"/>
      <c r="BN242" s="9"/>
      <c r="BO242" s="9" t="s">
        <v>34</v>
      </c>
      <c r="BP242" s="43" t="s">
        <v>40</v>
      </c>
      <c r="BQ242" s="43" t="s">
        <v>40</v>
      </c>
      <c r="BR242" s="43" t="s">
        <v>40</v>
      </c>
      <c r="BS242" s="43" t="s">
        <v>40</v>
      </c>
      <c r="BT242" s="43" t="s">
        <v>40</v>
      </c>
      <c r="BU242" s="43" t="s">
        <v>40</v>
      </c>
      <c r="BV242" s="43" t="s">
        <v>40</v>
      </c>
      <c r="BW242" s="43" t="s">
        <v>40</v>
      </c>
      <c r="BX242" s="43" t="s">
        <v>40</v>
      </c>
      <c r="BY242" s="43" t="s">
        <v>40</v>
      </c>
      <c r="BZ242" s="43" t="s">
        <v>40</v>
      </c>
      <c r="CA242" s="43" t="s">
        <v>40</v>
      </c>
      <c r="CB242" s="43" t="s">
        <v>40</v>
      </c>
      <c r="CC242" s="43" t="s">
        <v>40</v>
      </c>
      <c r="CD242" s="43" t="s">
        <v>40</v>
      </c>
      <c r="CE242" s="43" t="s">
        <v>40</v>
      </c>
      <c r="CF242" s="43" t="s">
        <v>40</v>
      </c>
      <c r="CG242" s="43" t="s">
        <v>40</v>
      </c>
      <c r="CH242" s="43" t="s">
        <v>40</v>
      </c>
      <c r="CI242" s="43" t="s">
        <v>40</v>
      </c>
      <c r="CJ242" s="43" t="s">
        <v>40</v>
      </c>
      <c r="CK242" s="43" t="s">
        <v>40</v>
      </c>
      <c r="CL242" s="43" t="s">
        <v>40</v>
      </c>
      <c r="CM242" s="43" t="s">
        <v>40</v>
      </c>
      <c r="CN242" s="43" t="s">
        <v>40</v>
      </c>
      <c r="CO242" s="20"/>
    </row>
    <row r="243" spans="1:93" x14ac:dyDescent="0.7">
      <c r="A243" s="7"/>
      <c r="E243" s="8" t="s">
        <v>35</v>
      </c>
      <c r="F243" s="43" t="s">
        <v>40</v>
      </c>
      <c r="G243" s="43" t="s">
        <v>40</v>
      </c>
      <c r="H243" s="43" t="s">
        <v>40</v>
      </c>
      <c r="I243" s="43" t="s">
        <v>40</v>
      </c>
      <c r="J243" s="43" t="s">
        <v>40</v>
      </c>
      <c r="K243" s="43" t="s">
        <v>40</v>
      </c>
      <c r="L243" s="43" t="s">
        <v>40</v>
      </c>
      <c r="M243" s="43" t="s">
        <v>40</v>
      </c>
      <c r="N243" s="43" t="s">
        <v>40</v>
      </c>
      <c r="O243" s="43" t="s">
        <v>40</v>
      </c>
      <c r="P243" s="43" t="s">
        <v>40</v>
      </c>
      <c r="Q243" s="43" t="s">
        <v>40</v>
      </c>
      <c r="R243" s="43" t="s">
        <v>40</v>
      </c>
      <c r="S243" s="42">
        <v>0</v>
      </c>
      <c r="T243" s="42">
        <v>0</v>
      </c>
      <c r="U243" s="42">
        <v>0</v>
      </c>
      <c r="V243" s="42">
        <v>0</v>
      </c>
      <c r="W243" s="42">
        <v>0</v>
      </c>
      <c r="X243" s="43" t="s">
        <v>40</v>
      </c>
      <c r="Y243" s="43" t="s">
        <v>40</v>
      </c>
      <c r="Z243" s="43" t="s">
        <v>40</v>
      </c>
      <c r="AA243" s="43" t="s">
        <v>40</v>
      </c>
      <c r="AB243" s="43" t="s">
        <v>40</v>
      </c>
      <c r="AC243" s="43" t="s">
        <v>40</v>
      </c>
      <c r="AD243" s="43" t="s">
        <v>40</v>
      </c>
      <c r="AE243" s="7"/>
      <c r="AF243" s="13"/>
      <c r="AG243" s="9"/>
      <c r="AH243" s="9"/>
      <c r="AI243" s="9"/>
      <c r="AJ243" s="9" t="s">
        <v>35</v>
      </c>
      <c r="AK243" s="43" t="s">
        <v>40</v>
      </c>
      <c r="AL243" s="43" t="s">
        <v>40</v>
      </c>
      <c r="AM243" s="43" t="s">
        <v>40</v>
      </c>
      <c r="AN243" s="43" t="s">
        <v>40</v>
      </c>
      <c r="AO243" s="43" t="s">
        <v>40</v>
      </c>
      <c r="AP243" s="43" t="s">
        <v>40</v>
      </c>
      <c r="AQ243" s="43" t="s">
        <v>40</v>
      </c>
      <c r="AR243" s="43" t="s">
        <v>40</v>
      </c>
      <c r="AS243" s="43" t="s">
        <v>40</v>
      </c>
      <c r="AT243" s="43" t="s">
        <v>40</v>
      </c>
      <c r="AU243" s="43" t="s">
        <v>40</v>
      </c>
      <c r="AV243" s="43" t="s">
        <v>40</v>
      </c>
      <c r="AW243" s="43" t="s">
        <v>40</v>
      </c>
      <c r="AX243" s="43" t="s">
        <v>40</v>
      </c>
      <c r="AY243" s="43" t="s">
        <v>40</v>
      </c>
      <c r="AZ243" s="43" t="s">
        <v>40</v>
      </c>
      <c r="BA243" s="43" t="s">
        <v>40</v>
      </c>
      <c r="BB243" s="43" t="s">
        <v>40</v>
      </c>
      <c r="BC243" s="43" t="s">
        <v>40</v>
      </c>
      <c r="BD243" s="43" t="s">
        <v>40</v>
      </c>
      <c r="BE243" s="43" t="s">
        <v>40</v>
      </c>
      <c r="BF243" s="43" t="s">
        <v>40</v>
      </c>
      <c r="BG243" s="43" t="s">
        <v>40</v>
      </c>
      <c r="BH243" s="43" t="s">
        <v>40</v>
      </c>
      <c r="BI243" s="43" t="s">
        <v>40</v>
      </c>
      <c r="BJ243" s="14"/>
      <c r="BK243" s="16"/>
      <c r="BL243" s="9"/>
      <c r="BM243" s="9"/>
      <c r="BN243" s="9"/>
      <c r="BO243" s="9" t="s">
        <v>35</v>
      </c>
      <c r="BP243" s="43" t="s">
        <v>40</v>
      </c>
      <c r="BQ243" s="43" t="s">
        <v>40</v>
      </c>
      <c r="BR243" s="43" t="s">
        <v>40</v>
      </c>
      <c r="BS243" s="43" t="s">
        <v>40</v>
      </c>
      <c r="BT243" s="43" t="s">
        <v>40</v>
      </c>
      <c r="BU243" s="43" t="s">
        <v>40</v>
      </c>
      <c r="BV243" s="43" t="s">
        <v>40</v>
      </c>
      <c r="BW243" s="43" t="s">
        <v>40</v>
      </c>
      <c r="BX243" s="43" t="s">
        <v>40</v>
      </c>
      <c r="BY243" s="43" t="s">
        <v>40</v>
      </c>
      <c r="BZ243" s="43" t="s">
        <v>40</v>
      </c>
      <c r="CA243" s="43" t="s">
        <v>40</v>
      </c>
      <c r="CB243" s="43" t="s">
        <v>40</v>
      </c>
      <c r="CC243" s="43" t="s">
        <v>40</v>
      </c>
      <c r="CD243" s="43" t="s">
        <v>40</v>
      </c>
      <c r="CE243" s="43" t="s">
        <v>40</v>
      </c>
      <c r="CF243" s="43" t="s">
        <v>40</v>
      </c>
      <c r="CG243" s="43" t="s">
        <v>40</v>
      </c>
      <c r="CH243" s="43" t="s">
        <v>40</v>
      </c>
      <c r="CI243" s="43" t="s">
        <v>40</v>
      </c>
      <c r="CJ243" s="43" t="s">
        <v>40</v>
      </c>
      <c r="CK243" s="43" t="s">
        <v>40</v>
      </c>
      <c r="CL243" s="43" t="s">
        <v>40</v>
      </c>
      <c r="CM243" s="43" t="s">
        <v>40</v>
      </c>
      <c r="CN243" s="43" t="s">
        <v>40</v>
      </c>
      <c r="CO243" s="20"/>
    </row>
    <row r="244" spans="1:93" x14ac:dyDescent="0.7">
      <c r="A244" s="7"/>
      <c r="E244" s="8" t="s">
        <v>36</v>
      </c>
      <c r="F244" s="43" t="s">
        <v>40</v>
      </c>
      <c r="G244" s="43" t="s">
        <v>40</v>
      </c>
      <c r="H244" s="43" t="s">
        <v>40</v>
      </c>
      <c r="I244" s="43" t="s">
        <v>40</v>
      </c>
      <c r="J244" s="43" t="s">
        <v>40</v>
      </c>
      <c r="K244" s="43" t="s">
        <v>40</v>
      </c>
      <c r="L244" s="43" t="s">
        <v>40</v>
      </c>
      <c r="M244" s="43" t="s">
        <v>40</v>
      </c>
      <c r="N244" s="43" t="s">
        <v>40</v>
      </c>
      <c r="O244" s="43" t="s">
        <v>40</v>
      </c>
      <c r="P244" s="43" t="s">
        <v>40</v>
      </c>
      <c r="Q244" s="43" t="s">
        <v>40</v>
      </c>
      <c r="R244" s="43" t="s">
        <v>40</v>
      </c>
      <c r="S244" s="42">
        <v>0</v>
      </c>
      <c r="T244" s="42">
        <v>0</v>
      </c>
      <c r="U244" s="42">
        <v>0</v>
      </c>
      <c r="V244" s="42">
        <v>0</v>
      </c>
      <c r="W244" s="42">
        <v>0</v>
      </c>
      <c r="X244" s="43" t="s">
        <v>40</v>
      </c>
      <c r="Y244" s="43" t="s">
        <v>40</v>
      </c>
      <c r="Z244" s="43" t="s">
        <v>40</v>
      </c>
      <c r="AA244" s="43" t="s">
        <v>40</v>
      </c>
      <c r="AB244" s="43" t="s">
        <v>40</v>
      </c>
      <c r="AC244" s="43" t="s">
        <v>40</v>
      </c>
      <c r="AD244" s="43" t="s">
        <v>40</v>
      </c>
      <c r="AE244" s="7"/>
      <c r="AF244" s="13"/>
      <c r="AG244" s="9"/>
      <c r="AH244" s="9"/>
      <c r="AI244" s="9"/>
      <c r="AJ244" s="9" t="s">
        <v>36</v>
      </c>
      <c r="AK244" s="43" t="s">
        <v>40</v>
      </c>
      <c r="AL244" s="43" t="s">
        <v>40</v>
      </c>
      <c r="AM244" s="43" t="s">
        <v>40</v>
      </c>
      <c r="AN244" s="43" t="s">
        <v>40</v>
      </c>
      <c r="AO244" s="43" t="s">
        <v>40</v>
      </c>
      <c r="AP244" s="43" t="s">
        <v>40</v>
      </c>
      <c r="AQ244" s="43" t="s">
        <v>40</v>
      </c>
      <c r="AR244" s="43" t="s">
        <v>40</v>
      </c>
      <c r="AS244" s="43" t="s">
        <v>40</v>
      </c>
      <c r="AT244" s="43" t="s">
        <v>40</v>
      </c>
      <c r="AU244" s="43" t="s">
        <v>40</v>
      </c>
      <c r="AV244" s="43" t="s">
        <v>40</v>
      </c>
      <c r="AW244" s="43" t="s">
        <v>40</v>
      </c>
      <c r="AX244" s="43" t="s">
        <v>40</v>
      </c>
      <c r="AY244" s="43" t="s">
        <v>40</v>
      </c>
      <c r="AZ244" s="43" t="s">
        <v>40</v>
      </c>
      <c r="BA244" s="43" t="s">
        <v>40</v>
      </c>
      <c r="BB244" s="43" t="s">
        <v>40</v>
      </c>
      <c r="BC244" s="43" t="s">
        <v>40</v>
      </c>
      <c r="BD244" s="43" t="s">
        <v>40</v>
      </c>
      <c r="BE244" s="43" t="s">
        <v>40</v>
      </c>
      <c r="BF244" s="43" t="s">
        <v>40</v>
      </c>
      <c r="BG244" s="43" t="s">
        <v>40</v>
      </c>
      <c r="BH244" s="43" t="s">
        <v>40</v>
      </c>
      <c r="BI244" s="43" t="s">
        <v>40</v>
      </c>
      <c r="BJ244" s="14"/>
      <c r="BK244" s="16"/>
      <c r="BL244" s="9"/>
      <c r="BM244" s="9"/>
      <c r="BN244" s="9"/>
      <c r="BO244" s="9" t="s">
        <v>36</v>
      </c>
      <c r="BP244" s="43" t="s">
        <v>40</v>
      </c>
      <c r="BQ244" s="43" t="s">
        <v>40</v>
      </c>
      <c r="BR244" s="43" t="s">
        <v>40</v>
      </c>
      <c r="BS244" s="43" t="s">
        <v>40</v>
      </c>
      <c r="BT244" s="43" t="s">
        <v>40</v>
      </c>
      <c r="BU244" s="43" t="s">
        <v>40</v>
      </c>
      <c r="BV244" s="43" t="s">
        <v>40</v>
      </c>
      <c r="BW244" s="43" t="s">
        <v>40</v>
      </c>
      <c r="BX244" s="43" t="s">
        <v>40</v>
      </c>
      <c r="BY244" s="43" t="s">
        <v>40</v>
      </c>
      <c r="BZ244" s="43" t="s">
        <v>40</v>
      </c>
      <c r="CA244" s="43" t="s">
        <v>40</v>
      </c>
      <c r="CB244" s="43" t="s">
        <v>40</v>
      </c>
      <c r="CC244" s="43" t="s">
        <v>40</v>
      </c>
      <c r="CD244" s="43" t="s">
        <v>40</v>
      </c>
      <c r="CE244" s="43" t="s">
        <v>40</v>
      </c>
      <c r="CF244" s="43" t="s">
        <v>40</v>
      </c>
      <c r="CG244" s="43" t="s">
        <v>40</v>
      </c>
      <c r="CH244" s="43" t="s">
        <v>40</v>
      </c>
      <c r="CI244" s="43" t="s">
        <v>40</v>
      </c>
      <c r="CJ244" s="43" t="s">
        <v>40</v>
      </c>
      <c r="CK244" s="43" t="s">
        <v>40</v>
      </c>
      <c r="CL244" s="43" t="s">
        <v>40</v>
      </c>
      <c r="CM244" s="43" t="s">
        <v>40</v>
      </c>
      <c r="CN244" s="43" t="s">
        <v>40</v>
      </c>
      <c r="CO244" s="20"/>
    </row>
    <row r="245" spans="1:93" x14ac:dyDescent="0.7">
      <c r="A245" s="7"/>
      <c r="D245" s="8" t="s">
        <v>41</v>
      </c>
      <c r="E245" s="8" t="s">
        <v>27</v>
      </c>
      <c r="F245" s="42">
        <v>13966</v>
      </c>
      <c r="G245" s="42">
        <v>13969</v>
      </c>
      <c r="H245" s="42">
        <v>15321</v>
      </c>
      <c r="I245" s="42">
        <v>15836</v>
      </c>
      <c r="J245" s="42">
        <v>12107</v>
      </c>
      <c r="K245" s="42">
        <v>15213</v>
      </c>
      <c r="L245" s="42">
        <v>15485</v>
      </c>
      <c r="M245" s="42">
        <v>15638</v>
      </c>
      <c r="N245" s="42">
        <v>13815</v>
      </c>
      <c r="O245" s="42">
        <v>16279</v>
      </c>
      <c r="P245" s="42">
        <v>15855</v>
      </c>
      <c r="Q245" s="42">
        <v>15299</v>
      </c>
      <c r="R245" s="42">
        <v>13788</v>
      </c>
      <c r="S245" s="42">
        <v>15205</v>
      </c>
      <c r="T245" s="42">
        <v>14163</v>
      </c>
      <c r="U245" s="42">
        <v>13749</v>
      </c>
      <c r="V245" s="42">
        <v>12329</v>
      </c>
      <c r="W245" s="42">
        <v>14383</v>
      </c>
      <c r="X245" s="42">
        <v>13552</v>
      </c>
      <c r="Y245" s="42">
        <v>12813</v>
      </c>
      <c r="Z245" s="42">
        <v>10973</v>
      </c>
      <c r="AA245" s="42">
        <v>12727</v>
      </c>
      <c r="AB245" s="42">
        <v>12770</v>
      </c>
      <c r="AC245" s="42">
        <v>12385</v>
      </c>
      <c r="AD245" s="42">
        <v>10664</v>
      </c>
      <c r="AE245" s="7"/>
      <c r="AF245" s="13"/>
      <c r="AG245" s="9"/>
      <c r="AH245" s="9"/>
      <c r="AI245" s="9" t="s">
        <v>41</v>
      </c>
      <c r="AJ245" s="9" t="s">
        <v>27</v>
      </c>
      <c r="AK245" s="21">
        <v>13966</v>
      </c>
      <c r="AL245" s="21">
        <v>13969</v>
      </c>
      <c r="AM245" s="21">
        <v>15321</v>
      </c>
      <c r="AN245" s="21">
        <v>15836</v>
      </c>
      <c r="AO245" s="21">
        <v>12131</v>
      </c>
      <c r="AP245" s="21">
        <v>15218</v>
      </c>
      <c r="AQ245" s="21">
        <v>15549</v>
      </c>
      <c r="AR245" s="21">
        <v>15638</v>
      </c>
      <c r="AS245" s="21">
        <v>13816</v>
      </c>
      <c r="AT245" s="21">
        <v>16278</v>
      </c>
      <c r="AU245" s="21">
        <v>15854</v>
      </c>
      <c r="AV245" s="21">
        <v>15273</v>
      </c>
      <c r="AW245" s="21">
        <v>13765</v>
      </c>
      <c r="AX245" s="21">
        <v>15179</v>
      </c>
      <c r="AY245" s="21">
        <v>14138</v>
      </c>
      <c r="AZ245" s="21">
        <v>13816</v>
      </c>
      <c r="BA245" s="21">
        <v>12329</v>
      </c>
      <c r="BB245" s="21">
        <v>14382</v>
      </c>
      <c r="BC245" s="21">
        <v>13538</v>
      </c>
      <c r="BD245" s="21">
        <v>12839</v>
      </c>
      <c r="BE245" s="21">
        <v>10985</v>
      </c>
      <c r="BF245" s="21">
        <v>12727</v>
      </c>
      <c r="BG245" s="21">
        <v>12796</v>
      </c>
      <c r="BH245" s="21">
        <v>12385</v>
      </c>
      <c r="BI245" s="21">
        <v>10664</v>
      </c>
      <c r="BJ245" s="14"/>
      <c r="BK245" s="16"/>
      <c r="BL245" s="9"/>
      <c r="BM245" s="9"/>
      <c r="BN245" s="9" t="s">
        <v>41</v>
      </c>
      <c r="BO245" s="9" t="s">
        <v>27</v>
      </c>
      <c r="BP245" s="21">
        <f t="shared" ref="BP245:BP256" si="325">AK245-F245</f>
        <v>0</v>
      </c>
      <c r="BQ245" s="21">
        <f t="shared" ref="BQ245:BQ256" si="326">AL245-G245</f>
        <v>0</v>
      </c>
      <c r="BR245" s="21">
        <f t="shared" ref="BR245:BR256" si="327">AM245-H245</f>
        <v>0</v>
      </c>
      <c r="BS245" s="21">
        <f t="shared" ref="BS245:BS256" si="328">AN245-I245</f>
        <v>0</v>
      </c>
      <c r="BT245" s="21">
        <f t="shared" ref="BT245:BT256" si="329">AO245-J245</f>
        <v>24</v>
      </c>
      <c r="BU245" s="21">
        <f t="shared" ref="BU245:BU256" si="330">AP245-K245</f>
        <v>5</v>
      </c>
      <c r="BV245" s="21">
        <f t="shared" ref="BV245:BV256" si="331">AQ245-L245</f>
        <v>64</v>
      </c>
      <c r="BW245" s="21">
        <f t="shared" ref="BW245:BW256" si="332">AR245-M245</f>
        <v>0</v>
      </c>
      <c r="BX245" s="21">
        <f t="shared" ref="BX245:BX256" si="333">AS245-N245</f>
        <v>1</v>
      </c>
      <c r="BY245" s="21">
        <f t="shared" ref="BY245:BY256" si="334">AT245-O245</f>
        <v>-1</v>
      </c>
      <c r="BZ245" s="21">
        <f t="shared" ref="BZ245:BZ256" si="335">AU245-P245</f>
        <v>-1</v>
      </c>
      <c r="CA245" s="21">
        <f t="shared" ref="CA245:CA256" si="336">AV245-Q245</f>
        <v>-26</v>
      </c>
      <c r="CB245" s="21">
        <f t="shared" ref="CB245:CB256" si="337">AW245-R245</f>
        <v>-23</v>
      </c>
      <c r="CC245" s="21">
        <f t="shared" ref="CC245:CC256" si="338">AX245-S245</f>
        <v>-26</v>
      </c>
      <c r="CD245" s="21">
        <f t="shared" ref="CD245:CD256" si="339">AY245-T245</f>
        <v>-25</v>
      </c>
      <c r="CE245" s="21">
        <f t="shared" ref="CE245:CE256" si="340">AZ245-U245</f>
        <v>67</v>
      </c>
      <c r="CF245" s="21">
        <f t="shared" ref="CF245:CF256" si="341">BA245-V245</f>
        <v>0</v>
      </c>
      <c r="CG245" s="21">
        <f t="shared" ref="CG245:CG256" si="342">BB245-W245</f>
        <v>-1</v>
      </c>
      <c r="CH245" s="21">
        <f t="shared" ref="CH245:CH256" si="343">BC245-X245</f>
        <v>-14</v>
      </c>
      <c r="CI245" s="21">
        <f t="shared" ref="CI245:CI256" si="344">BD245-Y245</f>
        <v>26</v>
      </c>
      <c r="CJ245" s="21">
        <f t="shared" ref="CJ245:CJ256" si="345">BE245-Z245</f>
        <v>12</v>
      </c>
      <c r="CK245" s="21">
        <f t="shared" ref="CK245:CK256" si="346">BF245-AA245</f>
        <v>0</v>
      </c>
      <c r="CL245" s="21">
        <f t="shared" ref="CL245:CL256" si="347">BG245-AB245</f>
        <v>26</v>
      </c>
      <c r="CM245" s="21">
        <f t="shared" ref="CM245:CM256" si="348">BH245-AC245</f>
        <v>0</v>
      </c>
      <c r="CN245" s="21">
        <f t="shared" ref="CN245:CN256" si="349">BI245-AD245</f>
        <v>0</v>
      </c>
      <c r="CO245" s="20"/>
    </row>
    <row r="246" spans="1:93" x14ac:dyDescent="0.7">
      <c r="A246" s="7"/>
      <c r="E246" s="8" t="s">
        <v>28</v>
      </c>
      <c r="F246" s="42">
        <v>13588</v>
      </c>
      <c r="G246" s="42">
        <v>13657</v>
      </c>
      <c r="H246" s="42">
        <v>14943</v>
      </c>
      <c r="I246" s="42">
        <v>15532</v>
      </c>
      <c r="J246" s="42">
        <v>11857</v>
      </c>
      <c r="K246" s="42">
        <v>14917</v>
      </c>
      <c r="L246" s="42">
        <v>15134</v>
      </c>
      <c r="M246" s="42">
        <v>15306</v>
      </c>
      <c r="N246" s="42">
        <v>13525</v>
      </c>
      <c r="O246" s="42">
        <v>15928</v>
      </c>
      <c r="P246" s="42">
        <v>15488</v>
      </c>
      <c r="Q246" s="42">
        <v>14921</v>
      </c>
      <c r="R246" s="42">
        <v>13457</v>
      </c>
      <c r="S246" s="42">
        <v>14830</v>
      </c>
      <c r="T246" s="42">
        <v>13774</v>
      </c>
      <c r="U246" s="42">
        <v>13382</v>
      </c>
      <c r="V246" s="42">
        <v>12007</v>
      </c>
      <c r="W246" s="42">
        <v>14005</v>
      </c>
      <c r="X246" s="42">
        <v>13164</v>
      </c>
      <c r="Y246" s="42">
        <v>12457</v>
      </c>
      <c r="Z246" s="42">
        <v>10643</v>
      </c>
      <c r="AA246" s="42">
        <v>12352</v>
      </c>
      <c r="AB246" s="42">
        <v>12420</v>
      </c>
      <c r="AC246" s="42">
        <v>12031</v>
      </c>
      <c r="AD246" s="42">
        <v>10355</v>
      </c>
      <c r="AE246" s="7"/>
      <c r="AF246" s="13"/>
      <c r="AG246" s="9"/>
      <c r="AH246" s="9"/>
      <c r="AI246" s="9"/>
      <c r="AJ246" s="9" t="s">
        <v>28</v>
      </c>
      <c r="AK246" s="21">
        <v>13589</v>
      </c>
      <c r="AL246" s="21">
        <v>13657</v>
      </c>
      <c r="AM246" s="21">
        <v>14942</v>
      </c>
      <c r="AN246" s="21">
        <v>15532</v>
      </c>
      <c r="AO246" s="21">
        <v>11880</v>
      </c>
      <c r="AP246" s="21">
        <v>14920</v>
      </c>
      <c r="AQ246" s="21">
        <v>15194</v>
      </c>
      <c r="AR246" s="21">
        <v>15306</v>
      </c>
      <c r="AS246" s="21">
        <v>13526</v>
      </c>
      <c r="AT246" s="21">
        <v>15928</v>
      </c>
      <c r="AU246" s="21">
        <v>15487</v>
      </c>
      <c r="AV246" s="21">
        <v>14895</v>
      </c>
      <c r="AW246" s="21">
        <v>13435</v>
      </c>
      <c r="AX246" s="21">
        <v>14804</v>
      </c>
      <c r="AY246" s="21">
        <v>13749</v>
      </c>
      <c r="AZ246" s="21">
        <v>13448</v>
      </c>
      <c r="BA246" s="21">
        <v>12006</v>
      </c>
      <c r="BB246" s="21">
        <v>14004</v>
      </c>
      <c r="BC246" s="21">
        <v>13153</v>
      </c>
      <c r="BD246" s="21">
        <v>12484</v>
      </c>
      <c r="BE246" s="21">
        <v>10655</v>
      </c>
      <c r="BF246" s="21">
        <v>12352</v>
      </c>
      <c r="BG246" s="21">
        <v>12420</v>
      </c>
      <c r="BH246" s="21">
        <v>12031</v>
      </c>
      <c r="BI246" s="21">
        <v>10355</v>
      </c>
      <c r="BJ246" s="14"/>
      <c r="BK246" s="16"/>
      <c r="BL246" s="9"/>
      <c r="BM246" s="9"/>
      <c r="BN246" s="9"/>
      <c r="BO246" s="9" t="s">
        <v>28</v>
      </c>
      <c r="BP246" s="21">
        <f t="shared" si="325"/>
        <v>1</v>
      </c>
      <c r="BQ246" s="21">
        <f t="shared" si="326"/>
        <v>0</v>
      </c>
      <c r="BR246" s="21">
        <f t="shared" si="327"/>
        <v>-1</v>
      </c>
      <c r="BS246" s="21">
        <f t="shared" si="328"/>
        <v>0</v>
      </c>
      <c r="BT246" s="21">
        <f t="shared" si="329"/>
        <v>23</v>
      </c>
      <c r="BU246" s="21">
        <f t="shared" si="330"/>
        <v>3</v>
      </c>
      <c r="BV246" s="21">
        <f t="shared" si="331"/>
        <v>60</v>
      </c>
      <c r="BW246" s="21">
        <f t="shared" si="332"/>
        <v>0</v>
      </c>
      <c r="BX246" s="21">
        <f t="shared" si="333"/>
        <v>1</v>
      </c>
      <c r="BY246" s="21">
        <f t="shared" si="334"/>
        <v>0</v>
      </c>
      <c r="BZ246" s="21">
        <f t="shared" si="335"/>
        <v>-1</v>
      </c>
      <c r="CA246" s="21">
        <f t="shared" si="336"/>
        <v>-26</v>
      </c>
      <c r="CB246" s="21">
        <f t="shared" si="337"/>
        <v>-22</v>
      </c>
      <c r="CC246" s="21">
        <f t="shared" si="338"/>
        <v>-26</v>
      </c>
      <c r="CD246" s="21">
        <f t="shared" si="339"/>
        <v>-25</v>
      </c>
      <c r="CE246" s="21">
        <f t="shared" si="340"/>
        <v>66</v>
      </c>
      <c r="CF246" s="21">
        <f t="shared" si="341"/>
        <v>-1</v>
      </c>
      <c r="CG246" s="21">
        <f t="shared" si="342"/>
        <v>-1</v>
      </c>
      <c r="CH246" s="21">
        <f t="shared" si="343"/>
        <v>-11</v>
      </c>
      <c r="CI246" s="21">
        <f t="shared" si="344"/>
        <v>27</v>
      </c>
      <c r="CJ246" s="21">
        <f t="shared" si="345"/>
        <v>12</v>
      </c>
      <c r="CK246" s="21">
        <f t="shared" si="346"/>
        <v>0</v>
      </c>
      <c r="CL246" s="21">
        <f t="shared" si="347"/>
        <v>0</v>
      </c>
      <c r="CM246" s="21">
        <f t="shared" si="348"/>
        <v>0</v>
      </c>
      <c r="CN246" s="21">
        <f t="shared" si="349"/>
        <v>0</v>
      </c>
      <c r="CO246" s="20"/>
    </row>
    <row r="247" spans="1:93" x14ac:dyDescent="0.7">
      <c r="A247" s="7"/>
      <c r="E247" s="8" t="s">
        <v>29</v>
      </c>
      <c r="F247" s="42">
        <v>606</v>
      </c>
      <c r="G247" s="42">
        <v>561</v>
      </c>
      <c r="H247" s="42">
        <v>591</v>
      </c>
      <c r="I247" s="42">
        <v>663</v>
      </c>
      <c r="J247" s="42">
        <v>467</v>
      </c>
      <c r="K247" s="42">
        <v>497</v>
      </c>
      <c r="L247" s="42">
        <v>475</v>
      </c>
      <c r="M247" s="42">
        <v>475</v>
      </c>
      <c r="N247" s="42">
        <v>366</v>
      </c>
      <c r="O247" s="42">
        <v>403</v>
      </c>
      <c r="P247" s="42">
        <v>379</v>
      </c>
      <c r="Q247" s="42">
        <v>396</v>
      </c>
      <c r="R247" s="42">
        <v>299</v>
      </c>
      <c r="S247" s="42">
        <v>326</v>
      </c>
      <c r="T247" s="42">
        <v>300</v>
      </c>
      <c r="U247" s="42">
        <v>324</v>
      </c>
      <c r="V247" s="42">
        <v>194</v>
      </c>
      <c r="W247" s="42">
        <v>210</v>
      </c>
      <c r="X247" s="42">
        <v>195</v>
      </c>
      <c r="Y247" s="42">
        <v>196</v>
      </c>
      <c r="Z247" s="42">
        <v>148</v>
      </c>
      <c r="AA247" s="42">
        <v>152</v>
      </c>
      <c r="AB247" s="42">
        <v>142</v>
      </c>
      <c r="AC247" s="42">
        <v>151</v>
      </c>
      <c r="AD247" s="42">
        <v>109</v>
      </c>
      <c r="AE247" s="7"/>
      <c r="AF247" s="13"/>
      <c r="AG247" s="9"/>
      <c r="AH247" s="9"/>
      <c r="AI247" s="9"/>
      <c r="AJ247" s="9" t="s">
        <v>29</v>
      </c>
      <c r="AK247" s="21">
        <v>606</v>
      </c>
      <c r="AL247" s="21">
        <v>561</v>
      </c>
      <c r="AM247" s="21">
        <v>591</v>
      </c>
      <c r="AN247" s="21">
        <v>663</v>
      </c>
      <c r="AO247" s="21">
        <v>469</v>
      </c>
      <c r="AP247" s="21">
        <v>499</v>
      </c>
      <c r="AQ247" s="21">
        <v>481</v>
      </c>
      <c r="AR247" s="21">
        <v>475</v>
      </c>
      <c r="AS247" s="21">
        <v>363</v>
      </c>
      <c r="AT247" s="21">
        <v>392</v>
      </c>
      <c r="AU247" s="21">
        <v>363</v>
      </c>
      <c r="AV247" s="21">
        <v>378</v>
      </c>
      <c r="AW247" s="21">
        <v>281</v>
      </c>
      <c r="AX247" s="21">
        <v>292</v>
      </c>
      <c r="AY247" s="21">
        <v>251</v>
      </c>
      <c r="AZ247" s="21">
        <v>269</v>
      </c>
      <c r="BA247" s="21">
        <v>194</v>
      </c>
      <c r="BB247" s="21">
        <v>210</v>
      </c>
      <c r="BC247" s="21">
        <v>192</v>
      </c>
      <c r="BD247" s="21">
        <v>196</v>
      </c>
      <c r="BE247" s="21">
        <v>148</v>
      </c>
      <c r="BF247" s="21">
        <v>152</v>
      </c>
      <c r="BG247" s="21">
        <v>142</v>
      </c>
      <c r="BH247" s="21">
        <v>151</v>
      </c>
      <c r="BI247" s="21">
        <v>109</v>
      </c>
      <c r="BJ247" s="14"/>
      <c r="BK247" s="16"/>
      <c r="BL247" s="9"/>
      <c r="BM247" s="9"/>
      <c r="BN247" s="9"/>
      <c r="BO247" s="9" t="s">
        <v>29</v>
      </c>
      <c r="BP247" s="21">
        <f t="shared" si="325"/>
        <v>0</v>
      </c>
      <c r="BQ247" s="21">
        <f t="shared" si="326"/>
        <v>0</v>
      </c>
      <c r="BR247" s="21">
        <f t="shared" si="327"/>
        <v>0</v>
      </c>
      <c r="BS247" s="21">
        <f t="shared" si="328"/>
        <v>0</v>
      </c>
      <c r="BT247" s="21">
        <f t="shared" si="329"/>
        <v>2</v>
      </c>
      <c r="BU247" s="21">
        <f t="shared" si="330"/>
        <v>2</v>
      </c>
      <c r="BV247" s="21">
        <f t="shared" si="331"/>
        <v>6</v>
      </c>
      <c r="BW247" s="21">
        <f t="shared" si="332"/>
        <v>0</v>
      </c>
      <c r="BX247" s="21">
        <f t="shared" si="333"/>
        <v>-3</v>
      </c>
      <c r="BY247" s="21">
        <f t="shared" si="334"/>
        <v>-11</v>
      </c>
      <c r="BZ247" s="21">
        <f t="shared" si="335"/>
        <v>-16</v>
      </c>
      <c r="CA247" s="21">
        <f t="shared" si="336"/>
        <v>-18</v>
      </c>
      <c r="CB247" s="21">
        <f t="shared" si="337"/>
        <v>-18</v>
      </c>
      <c r="CC247" s="21">
        <f t="shared" si="338"/>
        <v>-34</v>
      </c>
      <c r="CD247" s="21">
        <f t="shared" si="339"/>
        <v>-49</v>
      </c>
      <c r="CE247" s="21">
        <f t="shared" si="340"/>
        <v>-55</v>
      </c>
      <c r="CF247" s="21">
        <f t="shared" si="341"/>
        <v>0</v>
      </c>
      <c r="CG247" s="21">
        <f t="shared" si="342"/>
        <v>0</v>
      </c>
      <c r="CH247" s="21">
        <f t="shared" si="343"/>
        <v>-3</v>
      </c>
      <c r="CI247" s="21">
        <f t="shared" si="344"/>
        <v>0</v>
      </c>
      <c r="CJ247" s="21">
        <f t="shared" si="345"/>
        <v>0</v>
      </c>
      <c r="CK247" s="21">
        <f t="shared" si="346"/>
        <v>0</v>
      </c>
      <c r="CL247" s="21">
        <f t="shared" si="347"/>
        <v>0</v>
      </c>
      <c r="CM247" s="21">
        <f t="shared" si="348"/>
        <v>0</v>
      </c>
      <c r="CN247" s="21">
        <f t="shared" si="349"/>
        <v>0</v>
      </c>
      <c r="CO247" s="20"/>
    </row>
    <row r="248" spans="1:93" x14ac:dyDescent="0.7">
      <c r="A248" s="7"/>
      <c r="E248" s="8" t="s">
        <v>30</v>
      </c>
      <c r="F248" s="42">
        <v>7219</v>
      </c>
      <c r="G248" s="42">
        <v>7071</v>
      </c>
      <c r="H248" s="42">
        <v>8142</v>
      </c>
      <c r="I248" s="42">
        <v>8326</v>
      </c>
      <c r="J248" s="42">
        <v>5783</v>
      </c>
      <c r="K248" s="42">
        <v>7313</v>
      </c>
      <c r="L248" s="42">
        <v>8304</v>
      </c>
      <c r="M248" s="42">
        <v>8455</v>
      </c>
      <c r="N248" s="42">
        <v>7311</v>
      </c>
      <c r="O248" s="42">
        <v>8977</v>
      </c>
      <c r="P248" s="42">
        <v>8704</v>
      </c>
      <c r="Q248" s="42">
        <v>8246</v>
      </c>
      <c r="R248" s="42">
        <v>7244</v>
      </c>
      <c r="S248" s="42">
        <v>8155</v>
      </c>
      <c r="T248" s="42">
        <v>7488</v>
      </c>
      <c r="U248" s="42">
        <v>7225</v>
      </c>
      <c r="V248" s="42">
        <v>6429</v>
      </c>
      <c r="W248" s="42">
        <v>7848</v>
      </c>
      <c r="X248" s="42">
        <v>7291</v>
      </c>
      <c r="Y248" s="42">
        <v>6616</v>
      </c>
      <c r="Z248" s="42">
        <v>5189</v>
      </c>
      <c r="AA248" s="42">
        <v>6198</v>
      </c>
      <c r="AB248" s="42">
        <v>6404</v>
      </c>
      <c r="AC248" s="42">
        <v>6293</v>
      </c>
      <c r="AD248" s="42">
        <v>5117</v>
      </c>
      <c r="AE248" s="7"/>
      <c r="AF248" s="13"/>
      <c r="AG248" s="9"/>
      <c r="AH248" s="9"/>
      <c r="AI248" s="9"/>
      <c r="AJ248" s="9" t="s">
        <v>30</v>
      </c>
      <c r="AK248" s="21">
        <v>7219</v>
      </c>
      <c r="AL248" s="21">
        <v>7071</v>
      </c>
      <c r="AM248" s="21">
        <v>8142</v>
      </c>
      <c r="AN248" s="21">
        <v>8326</v>
      </c>
      <c r="AO248" s="21">
        <v>5802</v>
      </c>
      <c r="AP248" s="21">
        <v>7315</v>
      </c>
      <c r="AQ248" s="21">
        <v>8346</v>
      </c>
      <c r="AR248" s="21">
        <v>8455</v>
      </c>
      <c r="AS248" s="21">
        <v>7320</v>
      </c>
      <c r="AT248" s="21">
        <v>9011</v>
      </c>
      <c r="AU248" s="21">
        <v>8752</v>
      </c>
      <c r="AV248" s="21">
        <v>8283</v>
      </c>
      <c r="AW248" s="21">
        <v>7286</v>
      </c>
      <c r="AX248" s="21">
        <v>8242</v>
      </c>
      <c r="AY248" s="21">
        <v>7621</v>
      </c>
      <c r="AZ248" s="21">
        <v>7429</v>
      </c>
      <c r="BA248" s="21">
        <v>6429</v>
      </c>
      <c r="BB248" s="21">
        <v>7848</v>
      </c>
      <c r="BC248" s="21">
        <v>7286</v>
      </c>
      <c r="BD248" s="21">
        <v>6643</v>
      </c>
      <c r="BE248" s="21">
        <v>5201</v>
      </c>
      <c r="BF248" s="21">
        <v>6198</v>
      </c>
      <c r="BG248" s="21">
        <v>6404</v>
      </c>
      <c r="BH248" s="21">
        <v>6293</v>
      </c>
      <c r="BI248" s="21">
        <v>5117</v>
      </c>
      <c r="BJ248" s="14"/>
      <c r="BK248" s="16"/>
      <c r="BL248" s="9"/>
      <c r="BM248" s="9"/>
      <c r="BN248" s="9"/>
      <c r="BO248" s="9" t="s">
        <v>30</v>
      </c>
      <c r="BP248" s="21">
        <f t="shared" si="325"/>
        <v>0</v>
      </c>
      <c r="BQ248" s="21">
        <f t="shared" si="326"/>
        <v>0</v>
      </c>
      <c r="BR248" s="21">
        <f t="shared" si="327"/>
        <v>0</v>
      </c>
      <c r="BS248" s="21">
        <f t="shared" si="328"/>
        <v>0</v>
      </c>
      <c r="BT248" s="21">
        <f t="shared" si="329"/>
        <v>19</v>
      </c>
      <c r="BU248" s="21">
        <f t="shared" si="330"/>
        <v>2</v>
      </c>
      <c r="BV248" s="21">
        <f t="shared" si="331"/>
        <v>42</v>
      </c>
      <c r="BW248" s="21">
        <f t="shared" si="332"/>
        <v>0</v>
      </c>
      <c r="BX248" s="21">
        <f t="shared" si="333"/>
        <v>9</v>
      </c>
      <c r="BY248" s="21">
        <f t="shared" si="334"/>
        <v>34</v>
      </c>
      <c r="BZ248" s="21">
        <f t="shared" si="335"/>
        <v>48</v>
      </c>
      <c r="CA248" s="21">
        <f t="shared" si="336"/>
        <v>37</v>
      </c>
      <c r="CB248" s="21">
        <f t="shared" si="337"/>
        <v>42</v>
      </c>
      <c r="CC248" s="21">
        <f t="shared" si="338"/>
        <v>87</v>
      </c>
      <c r="CD248" s="21">
        <f t="shared" si="339"/>
        <v>133</v>
      </c>
      <c r="CE248" s="21">
        <f t="shared" si="340"/>
        <v>204</v>
      </c>
      <c r="CF248" s="21">
        <f t="shared" si="341"/>
        <v>0</v>
      </c>
      <c r="CG248" s="21">
        <f t="shared" si="342"/>
        <v>0</v>
      </c>
      <c r="CH248" s="21">
        <f t="shared" si="343"/>
        <v>-5</v>
      </c>
      <c r="CI248" s="21">
        <f t="shared" si="344"/>
        <v>27</v>
      </c>
      <c r="CJ248" s="21">
        <f t="shared" si="345"/>
        <v>12</v>
      </c>
      <c r="CK248" s="21">
        <f t="shared" si="346"/>
        <v>0</v>
      </c>
      <c r="CL248" s="21">
        <f t="shared" si="347"/>
        <v>0</v>
      </c>
      <c r="CM248" s="21">
        <f t="shared" si="348"/>
        <v>0</v>
      </c>
      <c r="CN248" s="21">
        <f t="shared" si="349"/>
        <v>0</v>
      </c>
      <c r="CO248" s="20"/>
    </row>
    <row r="249" spans="1:93" x14ac:dyDescent="0.7">
      <c r="A249" s="7"/>
      <c r="E249" s="8" t="s">
        <v>31</v>
      </c>
      <c r="F249" s="42">
        <v>5763</v>
      </c>
      <c r="G249" s="42">
        <v>6025</v>
      </c>
      <c r="H249" s="42">
        <v>6210</v>
      </c>
      <c r="I249" s="42">
        <v>6543</v>
      </c>
      <c r="J249" s="42">
        <v>5607</v>
      </c>
      <c r="K249" s="42">
        <v>7107</v>
      </c>
      <c r="L249" s="42">
        <v>6355</v>
      </c>
      <c r="M249" s="42">
        <v>6376</v>
      </c>
      <c r="N249" s="42">
        <v>5848</v>
      </c>
      <c r="O249" s="42">
        <v>6548</v>
      </c>
      <c r="P249" s="42">
        <v>6405</v>
      </c>
      <c r="Q249" s="42">
        <v>6279</v>
      </c>
      <c r="R249" s="42">
        <v>5914</v>
      </c>
      <c r="S249" s="42">
        <v>6349</v>
      </c>
      <c r="T249" s="42">
        <v>5986</v>
      </c>
      <c r="U249" s="42">
        <v>5833</v>
      </c>
      <c r="V249" s="42">
        <v>5384</v>
      </c>
      <c r="W249" s="42">
        <v>5947</v>
      </c>
      <c r="X249" s="42">
        <v>5679</v>
      </c>
      <c r="Y249" s="42">
        <v>5645</v>
      </c>
      <c r="Z249" s="42">
        <v>5306</v>
      </c>
      <c r="AA249" s="42">
        <v>6002</v>
      </c>
      <c r="AB249" s="42">
        <v>5873</v>
      </c>
      <c r="AC249" s="42">
        <v>5587</v>
      </c>
      <c r="AD249" s="42">
        <v>5129</v>
      </c>
      <c r="AE249" s="7"/>
      <c r="AF249" s="13"/>
      <c r="AG249" s="9"/>
      <c r="AH249" s="9"/>
      <c r="AI249" s="9"/>
      <c r="AJ249" s="9" t="s">
        <v>31</v>
      </c>
      <c r="AK249" s="21">
        <v>5763</v>
      </c>
      <c r="AL249" s="21">
        <v>6025</v>
      </c>
      <c r="AM249" s="21">
        <v>6210</v>
      </c>
      <c r="AN249" s="21">
        <v>6543</v>
      </c>
      <c r="AO249" s="21">
        <v>5610</v>
      </c>
      <c r="AP249" s="21">
        <v>7107</v>
      </c>
      <c r="AQ249" s="21">
        <v>6367</v>
      </c>
      <c r="AR249" s="21">
        <v>6376</v>
      </c>
      <c r="AS249" s="21">
        <v>5843</v>
      </c>
      <c r="AT249" s="21">
        <v>6526</v>
      </c>
      <c r="AU249" s="21">
        <v>6372</v>
      </c>
      <c r="AV249" s="21">
        <v>6234</v>
      </c>
      <c r="AW249" s="21">
        <v>5867</v>
      </c>
      <c r="AX249" s="21">
        <v>6270</v>
      </c>
      <c r="AY249" s="21">
        <v>5877</v>
      </c>
      <c r="AZ249" s="21">
        <v>5750</v>
      </c>
      <c r="BA249" s="21">
        <v>5384</v>
      </c>
      <c r="BB249" s="21">
        <v>5947</v>
      </c>
      <c r="BC249" s="21">
        <v>5675</v>
      </c>
      <c r="BD249" s="21">
        <v>5645</v>
      </c>
      <c r="BE249" s="21">
        <v>5306</v>
      </c>
      <c r="BF249" s="21">
        <v>6002</v>
      </c>
      <c r="BG249" s="21">
        <v>5873</v>
      </c>
      <c r="BH249" s="21">
        <v>5587</v>
      </c>
      <c r="BI249" s="21">
        <v>5129</v>
      </c>
      <c r="BJ249" s="14"/>
      <c r="BK249" s="16"/>
      <c r="BL249" s="9"/>
      <c r="BM249" s="9"/>
      <c r="BN249" s="9"/>
      <c r="BO249" s="9" t="s">
        <v>31</v>
      </c>
      <c r="BP249" s="21">
        <f t="shared" si="325"/>
        <v>0</v>
      </c>
      <c r="BQ249" s="21">
        <f t="shared" si="326"/>
        <v>0</v>
      </c>
      <c r="BR249" s="21">
        <f t="shared" si="327"/>
        <v>0</v>
      </c>
      <c r="BS249" s="21">
        <f t="shared" si="328"/>
        <v>0</v>
      </c>
      <c r="BT249" s="21">
        <f t="shared" si="329"/>
        <v>3</v>
      </c>
      <c r="BU249" s="21">
        <f t="shared" si="330"/>
        <v>0</v>
      </c>
      <c r="BV249" s="21">
        <f t="shared" si="331"/>
        <v>12</v>
      </c>
      <c r="BW249" s="21">
        <f t="shared" si="332"/>
        <v>0</v>
      </c>
      <c r="BX249" s="21">
        <f t="shared" si="333"/>
        <v>-5</v>
      </c>
      <c r="BY249" s="21">
        <f t="shared" si="334"/>
        <v>-22</v>
      </c>
      <c r="BZ249" s="21">
        <f t="shared" si="335"/>
        <v>-33</v>
      </c>
      <c r="CA249" s="21">
        <f t="shared" si="336"/>
        <v>-45</v>
      </c>
      <c r="CB249" s="21">
        <f t="shared" si="337"/>
        <v>-47</v>
      </c>
      <c r="CC249" s="21">
        <f t="shared" si="338"/>
        <v>-79</v>
      </c>
      <c r="CD249" s="21">
        <f t="shared" si="339"/>
        <v>-109</v>
      </c>
      <c r="CE249" s="21">
        <f t="shared" si="340"/>
        <v>-83</v>
      </c>
      <c r="CF249" s="21">
        <f t="shared" si="341"/>
        <v>0</v>
      </c>
      <c r="CG249" s="21">
        <f t="shared" si="342"/>
        <v>0</v>
      </c>
      <c r="CH249" s="21">
        <f t="shared" si="343"/>
        <v>-4</v>
      </c>
      <c r="CI249" s="21">
        <f t="shared" si="344"/>
        <v>0</v>
      </c>
      <c r="CJ249" s="21">
        <f t="shared" si="345"/>
        <v>0</v>
      </c>
      <c r="CK249" s="21">
        <f t="shared" si="346"/>
        <v>0</v>
      </c>
      <c r="CL249" s="21">
        <f t="shared" si="347"/>
        <v>0</v>
      </c>
      <c r="CM249" s="21">
        <f t="shared" si="348"/>
        <v>0</v>
      </c>
      <c r="CN249" s="21">
        <f t="shared" si="349"/>
        <v>0</v>
      </c>
      <c r="CO249" s="20"/>
    </row>
    <row r="250" spans="1:93" x14ac:dyDescent="0.7">
      <c r="A250" s="7"/>
      <c r="E250" s="8" t="s">
        <v>32</v>
      </c>
      <c r="F250" s="42">
        <v>378</v>
      </c>
      <c r="G250" s="42">
        <v>312</v>
      </c>
      <c r="H250" s="42">
        <v>378</v>
      </c>
      <c r="I250" s="42">
        <v>304</v>
      </c>
      <c r="J250" s="42">
        <v>250</v>
      </c>
      <c r="K250" s="42">
        <v>296</v>
      </c>
      <c r="L250" s="42">
        <v>351</v>
      </c>
      <c r="M250" s="42">
        <v>332</v>
      </c>
      <c r="N250" s="42">
        <v>290</v>
      </c>
      <c r="O250" s="42">
        <v>351</v>
      </c>
      <c r="P250" s="42">
        <v>367</v>
      </c>
      <c r="Q250" s="42">
        <v>378</v>
      </c>
      <c r="R250" s="42">
        <v>331</v>
      </c>
      <c r="S250" s="42">
        <v>375</v>
      </c>
      <c r="T250" s="42">
        <v>389</v>
      </c>
      <c r="U250" s="42">
        <v>367</v>
      </c>
      <c r="V250" s="42">
        <v>322</v>
      </c>
      <c r="W250" s="42">
        <v>378</v>
      </c>
      <c r="X250" s="42">
        <v>388</v>
      </c>
      <c r="Y250" s="42">
        <v>356</v>
      </c>
      <c r="Z250" s="42">
        <v>330</v>
      </c>
      <c r="AA250" s="42">
        <v>375</v>
      </c>
      <c r="AB250" s="42">
        <v>350</v>
      </c>
      <c r="AC250" s="42">
        <v>354</v>
      </c>
      <c r="AD250" s="42">
        <v>309</v>
      </c>
      <c r="AE250" s="7"/>
      <c r="AF250" s="13"/>
      <c r="AG250" s="9"/>
      <c r="AH250" s="9"/>
      <c r="AI250" s="9"/>
      <c r="AJ250" s="9" t="s">
        <v>32</v>
      </c>
      <c r="AK250" s="21">
        <v>378</v>
      </c>
      <c r="AL250" s="21">
        <v>312</v>
      </c>
      <c r="AM250" s="21">
        <v>378</v>
      </c>
      <c r="AN250" s="21">
        <v>304</v>
      </c>
      <c r="AO250" s="21">
        <v>251</v>
      </c>
      <c r="AP250" s="21">
        <v>297</v>
      </c>
      <c r="AQ250" s="21">
        <v>354</v>
      </c>
      <c r="AR250" s="21">
        <v>332</v>
      </c>
      <c r="AS250" s="21">
        <v>290</v>
      </c>
      <c r="AT250" s="21">
        <v>351</v>
      </c>
      <c r="AU250" s="21">
        <v>367</v>
      </c>
      <c r="AV250" s="21">
        <v>377</v>
      </c>
      <c r="AW250" s="21">
        <v>331</v>
      </c>
      <c r="AX250" s="21">
        <v>375</v>
      </c>
      <c r="AY250" s="21">
        <v>389</v>
      </c>
      <c r="AZ250" s="21">
        <v>369</v>
      </c>
      <c r="BA250" s="21">
        <v>322</v>
      </c>
      <c r="BB250" s="21">
        <v>378</v>
      </c>
      <c r="BC250" s="21">
        <v>385</v>
      </c>
      <c r="BD250" s="21">
        <v>356</v>
      </c>
      <c r="BE250" s="21">
        <v>330</v>
      </c>
      <c r="BF250" s="21">
        <v>375</v>
      </c>
      <c r="BG250" s="21">
        <v>376</v>
      </c>
      <c r="BH250" s="21">
        <v>354</v>
      </c>
      <c r="BI250" s="21">
        <v>309</v>
      </c>
      <c r="BJ250" s="14"/>
      <c r="BK250" s="16"/>
      <c r="BL250" s="9"/>
      <c r="BM250" s="9"/>
      <c r="BN250" s="9"/>
      <c r="BO250" s="9" t="s">
        <v>32</v>
      </c>
      <c r="BP250" s="21">
        <f t="shared" si="325"/>
        <v>0</v>
      </c>
      <c r="BQ250" s="21">
        <f t="shared" si="326"/>
        <v>0</v>
      </c>
      <c r="BR250" s="21">
        <f t="shared" si="327"/>
        <v>0</v>
      </c>
      <c r="BS250" s="21">
        <f t="shared" si="328"/>
        <v>0</v>
      </c>
      <c r="BT250" s="21">
        <f t="shared" si="329"/>
        <v>1</v>
      </c>
      <c r="BU250" s="21">
        <f t="shared" si="330"/>
        <v>1</v>
      </c>
      <c r="BV250" s="21">
        <f t="shared" si="331"/>
        <v>3</v>
      </c>
      <c r="BW250" s="21">
        <f t="shared" si="332"/>
        <v>0</v>
      </c>
      <c r="BX250" s="21">
        <f t="shared" si="333"/>
        <v>0</v>
      </c>
      <c r="BY250" s="21">
        <f t="shared" si="334"/>
        <v>0</v>
      </c>
      <c r="BZ250" s="21">
        <f t="shared" si="335"/>
        <v>0</v>
      </c>
      <c r="CA250" s="21">
        <f t="shared" si="336"/>
        <v>-1</v>
      </c>
      <c r="CB250" s="21">
        <f t="shared" si="337"/>
        <v>0</v>
      </c>
      <c r="CC250" s="21">
        <f t="shared" si="338"/>
        <v>0</v>
      </c>
      <c r="CD250" s="21">
        <f t="shared" si="339"/>
        <v>0</v>
      </c>
      <c r="CE250" s="21">
        <f t="shared" si="340"/>
        <v>2</v>
      </c>
      <c r="CF250" s="21">
        <f t="shared" si="341"/>
        <v>0</v>
      </c>
      <c r="CG250" s="21">
        <f t="shared" si="342"/>
        <v>0</v>
      </c>
      <c r="CH250" s="21">
        <f t="shared" si="343"/>
        <v>-3</v>
      </c>
      <c r="CI250" s="21">
        <f t="shared" si="344"/>
        <v>0</v>
      </c>
      <c r="CJ250" s="21">
        <f t="shared" si="345"/>
        <v>0</v>
      </c>
      <c r="CK250" s="21">
        <f t="shared" si="346"/>
        <v>0</v>
      </c>
      <c r="CL250" s="21">
        <f t="shared" si="347"/>
        <v>26</v>
      </c>
      <c r="CM250" s="21">
        <f t="shared" si="348"/>
        <v>0</v>
      </c>
      <c r="CN250" s="21">
        <f t="shared" si="349"/>
        <v>0</v>
      </c>
      <c r="CO250" s="20"/>
    </row>
    <row r="251" spans="1:93" x14ac:dyDescent="0.7">
      <c r="A251" s="7"/>
      <c r="E251" s="8" t="s">
        <v>33</v>
      </c>
      <c r="F251" s="42">
        <v>378</v>
      </c>
      <c r="G251" s="42">
        <v>312</v>
      </c>
      <c r="H251" s="42">
        <v>378</v>
      </c>
      <c r="I251" s="42">
        <v>304</v>
      </c>
      <c r="J251" s="42">
        <v>250</v>
      </c>
      <c r="K251" s="42">
        <v>296</v>
      </c>
      <c r="L251" s="42">
        <v>351</v>
      </c>
      <c r="M251" s="42">
        <v>332</v>
      </c>
      <c r="N251" s="42">
        <v>290</v>
      </c>
      <c r="O251" s="42">
        <v>351</v>
      </c>
      <c r="P251" s="42">
        <v>367</v>
      </c>
      <c r="Q251" s="42">
        <v>378</v>
      </c>
      <c r="R251" s="42">
        <v>331</v>
      </c>
      <c r="S251" s="42">
        <v>375</v>
      </c>
      <c r="T251" s="42">
        <v>389</v>
      </c>
      <c r="U251" s="42">
        <v>367</v>
      </c>
      <c r="V251" s="42">
        <v>322</v>
      </c>
      <c r="W251" s="42">
        <v>378</v>
      </c>
      <c r="X251" s="42">
        <v>388</v>
      </c>
      <c r="Y251" s="42">
        <v>356</v>
      </c>
      <c r="Z251" s="42">
        <v>330</v>
      </c>
      <c r="AA251" s="42">
        <v>375</v>
      </c>
      <c r="AB251" s="42">
        <v>350</v>
      </c>
      <c r="AC251" s="42">
        <v>354</v>
      </c>
      <c r="AD251" s="42">
        <v>309</v>
      </c>
      <c r="AE251" s="7"/>
      <c r="AF251" s="13"/>
      <c r="AG251" s="9"/>
      <c r="AH251" s="9"/>
      <c r="AI251" s="9"/>
      <c r="AJ251" s="9" t="s">
        <v>33</v>
      </c>
      <c r="AK251" s="21">
        <v>378</v>
      </c>
      <c r="AL251" s="21">
        <v>312</v>
      </c>
      <c r="AM251" s="21">
        <v>378</v>
      </c>
      <c r="AN251" s="21">
        <v>304</v>
      </c>
      <c r="AO251" s="21">
        <v>251</v>
      </c>
      <c r="AP251" s="21">
        <v>297</v>
      </c>
      <c r="AQ251" s="21">
        <v>354</v>
      </c>
      <c r="AR251" s="21">
        <v>332</v>
      </c>
      <c r="AS251" s="21">
        <v>290</v>
      </c>
      <c r="AT251" s="21">
        <v>351</v>
      </c>
      <c r="AU251" s="21">
        <v>367</v>
      </c>
      <c r="AV251" s="21">
        <v>377</v>
      </c>
      <c r="AW251" s="21">
        <v>331</v>
      </c>
      <c r="AX251" s="21">
        <v>375</v>
      </c>
      <c r="AY251" s="21">
        <v>389</v>
      </c>
      <c r="AZ251" s="21">
        <v>369</v>
      </c>
      <c r="BA251" s="21">
        <v>322</v>
      </c>
      <c r="BB251" s="21">
        <v>378</v>
      </c>
      <c r="BC251" s="21">
        <v>385</v>
      </c>
      <c r="BD251" s="21">
        <v>356</v>
      </c>
      <c r="BE251" s="21">
        <v>330</v>
      </c>
      <c r="BF251" s="21">
        <v>375</v>
      </c>
      <c r="BG251" s="21">
        <v>376</v>
      </c>
      <c r="BH251" s="21">
        <v>354</v>
      </c>
      <c r="BI251" s="21">
        <v>309</v>
      </c>
      <c r="BJ251" s="14"/>
      <c r="BK251" s="16"/>
      <c r="BL251" s="9"/>
      <c r="BM251" s="9"/>
      <c r="BN251" s="9"/>
      <c r="BO251" s="9" t="s">
        <v>33</v>
      </c>
      <c r="BP251" s="21">
        <f t="shared" si="325"/>
        <v>0</v>
      </c>
      <c r="BQ251" s="21">
        <f t="shared" si="326"/>
        <v>0</v>
      </c>
      <c r="BR251" s="21">
        <f t="shared" si="327"/>
        <v>0</v>
      </c>
      <c r="BS251" s="21">
        <f t="shared" si="328"/>
        <v>0</v>
      </c>
      <c r="BT251" s="21">
        <f t="shared" si="329"/>
        <v>1</v>
      </c>
      <c r="BU251" s="21">
        <f t="shared" si="330"/>
        <v>1</v>
      </c>
      <c r="BV251" s="21">
        <f t="shared" si="331"/>
        <v>3</v>
      </c>
      <c r="BW251" s="21">
        <f t="shared" si="332"/>
        <v>0</v>
      </c>
      <c r="BX251" s="21">
        <f t="shared" si="333"/>
        <v>0</v>
      </c>
      <c r="BY251" s="21">
        <f t="shared" si="334"/>
        <v>0</v>
      </c>
      <c r="BZ251" s="21">
        <f t="shared" si="335"/>
        <v>0</v>
      </c>
      <c r="CA251" s="21">
        <f t="shared" si="336"/>
        <v>-1</v>
      </c>
      <c r="CB251" s="21">
        <f t="shared" si="337"/>
        <v>0</v>
      </c>
      <c r="CC251" s="21">
        <f t="shared" si="338"/>
        <v>0</v>
      </c>
      <c r="CD251" s="21">
        <f t="shared" si="339"/>
        <v>0</v>
      </c>
      <c r="CE251" s="21">
        <f t="shared" si="340"/>
        <v>2</v>
      </c>
      <c r="CF251" s="21">
        <f t="shared" si="341"/>
        <v>0</v>
      </c>
      <c r="CG251" s="21">
        <f t="shared" si="342"/>
        <v>0</v>
      </c>
      <c r="CH251" s="21">
        <f t="shared" si="343"/>
        <v>-3</v>
      </c>
      <c r="CI251" s="21">
        <f t="shared" si="344"/>
        <v>0</v>
      </c>
      <c r="CJ251" s="21">
        <f t="shared" si="345"/>
        <v>0</v>
      </c>
      <c r="CK251" s="21">
        <f t="shared" si="346"/>
        <v>0</v>
      </c>
      <c r="CL251" s="21">
        <f t="shared" si="347"/>
        <v>26</v>
      </c>
      <c r="CM251" s="21">
        <f t="shared" si="348"/>
        <v>0</v>
      </c>
      <c r="CN251" s="21">
        <f t="shared" si="349"/>
        <v>0</v>
      </c>
      <c r="CO251" s="20"/>
    </row>
    <row r="252" spans="1:93" x14ac:dyDescent="0.7">
      <c r="A252" s="7"/>
      <c r="E252" s="8" t="s">
        <v>34</v>
      </c>
      <c r="F252" s="42">
        <v>302</v>
      </c>
      <c r="G252" s="42">
        <v>255</v>
      </c>
      <c r="H252" s="42">
        <v>607</v>
      </c>
      <c r="I252" s="42">
        <v>277</v>
      </c>
      <c r="J252" s="42">
        <v>168</v>
      </c>
      <c r="K252" s="42">
        <v>252</v>
      </c>
      <c r="L252" s="42">
        <v>599</v>
      </c>
      <c r="M252" s="42">
        <v>372</v>
      </c>
      <c r="N252" s="42">
        <v>295</v>
      </c>
      <c r="O252" s="42">
        <v>444</v>
      </c>
      <c r="P252" s="42">
        <v>727</v>
      </c>
      <c r="Q252" s="42">
        <v>380</v>
      </c>
      <c r="R252" s="42">
        <v>273</v>
      </c>
      <c r="S252" s="42">
        <v>435</v>
      </c>
      <c r="T252" s="42">
        <v>572</v>
      </c>
      <c r="U252" s="42">
        <v>296</v>
      </c>
      <c r="V252" s="42">
        <v>230</v>
      </c>
      <c r="W252" s="42">
        <v>377</v>
      </c>
      <c r="X252" s="42">
        <v>496</v>
      </c>
      <c r="Y252" s="42">
        <v>273</v>
      </c>
      <c r="Z252" s="42">
        <v>208</v>
      </c>
      <c r="AA252" s="42">
        <v>314</v>
      </c>
      <c r="AB252" s="42">
        <v>337</v>
      </c>
      <c r="AC252" s="42">
        <v>177</v>
      </c>
      <c r="AD252" s="42">
        <v>127</v>
      </c>
      <c r="AE252" s="7"/>
      <c r="AF252" s="13"/>
      <c r="AG252" s="9"/>
      <c r="AH252" s="9"/>
      <c r="AI252" s="9"/>
      <c r="AJ252" s="9" t="s">
        <v>34</v>
      </c>
      <c r="AK252" s="21">
        <v>302</v>
      </c>
      <c r="AL252" s="21">
        <v>255</v>
      </c>
      <c r="AM252" s="21">
        <v>607</v>
      </c>
      <c r="AN252" s="21">
        <v>276</v>
      </c>
      <c r="AO252" s="21">
        <v>167</v>
      </c>
      <c r="AP252" s="21">
        <v>252</v>
      </c>
      <c r="AQ252" s="21">
        <v>598</v>
      </c>
      <c r="AR252" s="21">
        <v>372</v>
      </c>
      <c r="AS252" s="21">
        <v>296</v>
      </c>
      <c r="AT252" s="21">
        <v>444</v>
      </c>
      <c r="AU252" s="21">
        <v>727</v>
      </c>
      <c r="AV252" s="21">
        <v>379</v>
      </c>
      <c r="AW252" s="21">
        <v>273</v>
      </c>
      <c r="AX252" s="21">
        <v>435</v>
      </c>
      <c r="AY252" s="21">
        <v>571</v>
      </c>
      <c r="AZ252" s="21">
        <v>297</v>
      </c>
      <c r="BA252" s="21">
        <v>231</v>
      </c>
      <c r="BB252" s="21">
        <v>377</v>
      </c>
      <c r="BC252" s="21">
        <v>496</v>
      </c>
      <c r="BD252" s="21">
        <v>273</v>
      </c>
      <c r="BE252" s="21">
        <v>208</v>
      </c>
      <c r="BF252" s="21">
        <v>314</v>
      </c>
      <c r="BG252" s="21">
        <v>337</v>
      </c>
      <c r="BH252" s="21">
        <v>177</v>
      </c>
      <c r="BI252" s="21">
        <v>127</v>
      </c>
      <c r="BJ252" s="14"/>
      <c r="BK252" s="16"/>
      <c r="BL252" s="9"/>
      <c r="BM252" s="9"/>
      <c r="BN252" s="9"/>
      <c r="BO252" s="9" t="s">
        <v>34</v>
      </c>
      <c r="BP252" s="21">
        <f t="shared" si="325"/>
        <v>0</v>
      </c>
      <c r="BQ252" s="21">
        <f t="shared" si="326"/>
        <v>0</v>
      </c>
      <c r="BR252" s="21">
        <f t="shared" si="327"/>
        <v>0</v>
      </c>
      <c r="BS252" s="21">
        <f t="shared" si="328"/>
        <v>-1</v>
      </c>
      <c r="BT252" s="21">
        <f t="shared" si="329"/>
        <v>-1</v>
      </c>
      <c r="BU252" s="21">
        <f t="shared" si="330"/>
        <v>0</v>
      </c>
      <c r="BV252" s="21">
        <f t="shared" si="331"/>
        <v>-1</v>
      </c>
      <c r="BW252" s="21">
        <f t="shared" si="332"/>
        <v>0</v>
      </c>
      <c r="BX252" s="21">
        <f t="shared" si="333"/>
        <v>1</v>
      </c>
      <c r="BY252" s="21">
        <f t="shared" si="334"/>
        <v>0</v>
      </c>
      <c r="BZ252" s="21">
        <f t="shared" si="335"/>
        <v>0</v>
      </c>
      <c r="CA252" s="21">
        <f t="shared" si="336"/>
        <v>-1</v>
      </c>
      <c r="CB252" s="21">
        <f t="shared" si="337"/>
        <v>0</v>
      </c>
      <c r="CC252" s="21">
        <f t="shared" si="338"/>
        <v>0</v>
      </c>
      <c r="CD252" s="21">
        <f t="shared" si="339"/>
        <v>-1</v>
      </c>
      <c r="CE252" s="21">
        <f t="shared" si="340"/>
        <v>1</v>
      </c>
      <c r="CF252" s="21">
        <f t="shared" si="341"/>
        <v>1</v>
      </c>
      <c r="CG252" s="21">
        <f t="shared" si="342"/>
        <v>0</v>
      </c>
      <c r="CH252" s="21">
        <f t="shared" si="343"/>
        <v>0</v>
      </c>
      <c r="CI252" s="21">
        <f t="shared" si="344"/>
        <v>0</v>
      </c>
      <c r="CJ252" s="21">
        <f t="shared" si="345"/>
        <v>0</v>
      </c>
      <c r="CK252" s="21">
        <f t="shared" si="346"/>
        <v>0</v>
      </c>
      <c r="CL252" s="21">
        <f t="shared" si="347"/>
        <v>0</v>
      </c>
      <c r="CM252" s="21">
        <f t="shared" si="348"/>
        <v>0</v>
      </c>
      <c r="CN252" s="21">
        <f t="shared" si="349"/>
        <v>0</v>
      </c>
      <c r="CO252" s="20"/>
    </row>
    <row r="253" spans="1:93" x14ac:dyDescent="0.7">
      <c r="A253" s="7"/>
      <c r="E253" s="8" t="s">
        <v>35</v>
      </c>
      <c r="F253" s="42">
        <v>262</v>
      </c>
      <c r="G253" s="42">
        <v>224</v>
      </c>
      <c r="H253" s="42">
        <v>505</v>
      </c>
      <c r="I253" s="42">
        <v>243</v>
      </c>
      <c r="J253" s="42">
        <v>152</v>
      </c>
      <c r="K253" s="42">
        <v>221</v>
      </c>
      <c r="L253" s="42">
        <v>504</v>
      </c>
      <c r="M253" s="42">
        <v>324</v>
      </c>
      <c r="N253" s="42">
        <v>259</v>
      </c>
      <c r="O253" s="42">
        <v>382</v>
      </c>
      <c r="P253" s="42">
        <v>624</v>
      </c>
      <c r="Q253" s="42">
        <v>333</v>
      </c>
      <c r="R253" s="42">
        <v>242</v>
      </c>
      <c r="S253" s="42">
        <v>376</v>
      </c>
      <c r="T253" s="42">
        <v>489</v>
      </c>
      <c r="U253" s="42">
        <v>259</v>
      </c>
      <c r="V253" s="42">
        <v>202</v>
      </c>
      <c r="W253" s="42">
        <v>324</v>
      </c>
      <c r="X253" s="42">
        <v>423</v>
      </c>
      <c r="Y253" s="42">
        <v>238</v>
      </c>
      <c r="Z253" s="42">
        <v>183</v>
      </c>
      <c r="AA253" s="42">
        <v>270</v>
      </c>
      <c r="AB253" s="42">
        <v>285</v>
      </c>
      <c r="AC253" s="42">
        <v>154</v>
      </c>
      <c r="AD253" s="42">
        <v>111</v>
      </c>
      <c r="AE253" s="7"/>
      <c r="AF253" s="13"/>
      <c r="AG253" s="9"/>
      <c r="AH253" s="9"/>
      <c r="AI253" s="9"/>
      <c r="AJ253" s="9" t="s">
        <v>35</v>
      </c>
      <c r="AK253" s="21">
        <v>262</v>
      </c>
      <c r="AL253" s="21">
        <v>224</v>
      </c>
      <c r="AM253" s="21">
        <v>505</v>
      </c>
      <c r="AN253" s="21">
        <v>243</v>
      </c>
      <c r="AO253" s="21">
        <v>152</v>
      </c>
      <c r="AP253" s="21">
        <v>221</v>
      </c>
      <c r="AQ253" s="21">
        <v>504</v>
      </c>
      <c r="AR253" s="21">
        <v>324</v>
      </c>
      <c r="AS253" s="21">
        <v>259</v>
      </c>
      <c r="AT253" s="21">
        <v>382</v>
      </c>
      <c r="AU253" s="21">
        <v>624</v>
      </c>
      <c r="AV253" s="21">
        <v>333</v>
      </c>
      <c r="AW253" s="21">
        <v>242</v>
      </c>
      <c r="AX253" s="21">
        <v>376</v>
      </c>
      <c r="AY253" s="21">
        <v>489</v>
      </c>
      <c r="AZ253" s="21">
        <v>259</v>
      </c>
      <c r="BA253" s="21">
        <v>202</v>
      </c>
      <c r="BB253" s="21">
        <v>324</v>
      </c>
      <c r="BC253" s="21">
        <v>423</v>
      </c>
      <c r="BD253" s="21">
        <v>238</v>
      </c>
      <c r="BE253" s="21">
        <v>183</v>
      </c>
      <c r="BF253" s="21">
        <v>270</v>
      </c>
      <c r="BG253" s="21">
        <v>285</v>
      </c>
      <c r="BH253" s="21">
        <v>154</v>
      </c>
      <c r="BI253" s="21">
        <v>111</v>
      </c>
      <c r="BJ253" s="14"/>
      <c r="BK253" s="16"/>
      <c r="BL253" s="9"/>
      <c r="BM253" s="9"/>
      <c r="BN253" s="9"/>
      <c r="BO253" s="9" t="s">
        <v>35</v>
      </c>
      <c r="BP253" s="21">
        <f t="shared" si="325"/>
        <v>0</v>
      </c>
      <c r="BQ253" s="21">
        <f t="shared" si="326"/>
        <v>0</v>
      </c>
      <c r="BR253" s="21">
        <f t="shared" si="327"/>
        <v>0</v>
      </c>
      <c r="BS253" s="21">
        <f t="shared" si="328"/>
        <v>0</v>
      </c>
      <c r="BT253" s="21">
        <f t="shared" si="329"/>
        <v>0</v>
      </c>
      <c r="BU253" s="21">
        <f t="shared" si="330"/>
        <v>0</v>
      </c>
      <c r="BV253" s="21">
        <f t="shared" si="331"/>
        <v>0</v>
      </c>
      <c r="BW253" s="21">
        <f t="shared" si="332"/>
        <v>0</v>
      </c>
      <c r="BX253" s="21">
        <f t="shared" si="333"/>
        <v>0</v>
      </c>
      <c r="BY253" s="21">
        <f t="shared" si="334"/>
        <v>0</v>
      </c>
      <c r="BZ253" s="21">
        <f t="shared" si="335"/>
        <v>0</v>
      </c>
      <c r="CA253" s="21">
        <f t="shared" si="336"/>
        <v>0</v>
      </c>
      <c r="CB253" s="21">
        <f t="shared" si="337"/>
        <v>0</v>
      </c>
      <c r="CC253" s="21">
        <f t="shared" si="338"/>
        <v>0</v>
      </c>
      <c r="CD253" s="21">
        <f t="shared" si="339"/>
        <v>0</v>
      </c>
      <c r="CE253" s="21">
        <f t="shared" si="340"/>
        <v>0</v>
      </c>
      <c r="CF253" s="21">
        <f t="shared" si="341"/>
        <v>0</v>
      </c>
      <c r="CG253" s="21">
        <f t="shared" si="342"/>
        <v>0</v>
      </c>
      <c r="CH253" s="21">
        <f t="shared" si="343"/>
        <v>0</v>
      </c>
      <c r="CI253" s="21">
        <f t="shared" si="344"/>
        <v>0</v>
      </c>
      <c r="CJ253" s="21">
        <f t="shared" si="345"/>
        <v>0</v>
      </c>
      <c r="CK253" s="21">
        <f t="shared" si="346"/>
        <v>0</v>
      </c>
      <c r="CL253" s="21">
        <f t="shared" si="347"/>
        <v>0</v>
      </c>
      <c r="CM253" s="21">
        <f t="shared" si="348"/>
        <v>0</v>
      </c>
      <c r="CN253" s="21">
        <f t="shared" si="349"/>
        <v>0</v>
      </c>
      <c r="CO253" s="20"/>
    </row>
    <row r="254" spans="1:93" x14ac:dyDescent="0.7">
      <c r="A254" s="7"/>
      <c r="E254" s="8" t="s">
        <v>36</v>
      </c>
      <c r="F254" s="42">
        <v>40</v>
      </c>
      <c r="G254" s="42">
        <v>31</v>
      </c>
      <c r="H254" s="42">
        <v>102</v>
      </c>
      <c r="I254" s="42">
        <v>34</v>
      </c>
      <c r="J254" s="42">
        <v>16</v>
      </c>
      <c r="K254" s="42">
        <v>31</v>
      </c>
      <c r="L254" s="42">
        <v>95</v>
      </c>
      <c r="M254" s="42">
        <v>48</v>
      </c>
      <c r="N254" s="42">
        <v>36</v>
      </c>
      <c r="O254" s="42">
        <v>62</v>
      </c>
      <c r="P254" s="42">
        <v>103</v>
      </c>
      <c r="Q254" s="42">
        <v>47</v>
      </c>
      <c r="R254" s="42">
        <v>31</v>
      </c>
      <c r="S254" s="42">
        <v>59</v>
      </c>
      <c r="T254" s="42">
        <v>83</v>
      </c>
      <c r="U254" s="42">
        <v>37</v>
      </c>
      <c r="V254" s="42">
        <v>28</v>
      </c>
      <c r="W254" s="42">
        <v>53</v>
      </c>
      <c r="X254" s="42">
        <v>73</v>
      </c>
      <c r="Y254" s="42">
        <v>35</v>
      </c>
      <c r="Z254" s="42">
        <v>25</v>
      </c>
      <c r="AA254" s="42">
        <v>44</v>
      </c>
      <c r="AB254" s="42">
        <v>52</v>
      </c>
      <c r="AC254" s="42">
        <v>23</v>
      </c>
      <c r="AD254" s="42">
        <v>16</v>
      </c>
      <c r="AE254" s="7"/>
      <c r="AF254" s="13"/>
      <c r="AG254" s="9"/>
      <c r="AH254" s="9"/>
      <c r="AI254" s="9"/>
      <c r="AJ254" s="9" t="s">
        <v>36</v>
      </c>
      <c r="AK254" s="21">
        <v>40</v>
      </c>
      <c r="AL254" s="21">
        <v>31</v>
      </c>
      <c r="AM254" s="21">
        <v>102</v>
      </c>
      <c r="AN254" s="21">
        <v>34</v>
      </c>
      <c r="AO254" s="21">
        <v>16</v>
      </c>
      <c r="AP254" s="21">
        <v>31</v>
      </c>
      <c r="AQ254" s="21">
        <v>95</v>
      </c>
      <c r="AR254" s="21">
        <v>48</v>
      </c>
      <c r="AS254" s="21">
        <v>36</v>
      </c>
      <c r="AT254" s="21">
        <v>62</v>
      </c>
      <c r="AU254" s="21">
        <v>103</v>
      </c>
      <c r="AV254" s="21">
        <v>47</v>
      </c>
      <c r="AW254" s="21">
        <v>31</v>
      </c>
      <c r="AX254" s="21">
        <v>59</v>
      </c>
      <c r="AY254" s="21">
        <v>83</v>
      </c>
      <c r="AZ254" s="21">
        <v>37</v>
      </c>
      <c r="BA254" s="21">
        <v>28</v>
      </c>
      <c r="BB254" s="21">
        <v>53</v>
      </c>
      <c r="BC254" s="21">
        <v>73</v>
      </c>
      <c r="BD254" s="21">
        <v>35</v>
      </c>
      <c r="BE254" s="21">
        <v>25</v>
      </c>
      <c r="BF254" s="21">
        <v>44</v>
      </c>
      <c r="BG254" s="21">
        <v>52</v>
      </c>
      <c r="BH254" s="21">
        <v>23</v>
      </c>
      <c r="BI254" s="21">
        <v>16</v>
      </c>
      <c r="BJ254" s="14"/>
      <c r="BK254" s="16"/>
      <c r="BL254" s="9"/>
      <c r="BM254" s="9"/>
      <c r="BN254" s="9"/>
      <c r="BO254" s="9" t="s">
        <v>36</v>
      </c>
      <c r="BP254" s="21">
        <f t="shared" si="325"/>
        <v>0</v>
      </c>
      <c r="BQ254" s="21">
        <f t="shared" si="326"/>
        <v>0</v>
      </c>
      <c r="BR254" s="21">
        <f t="shared" si="327"/>
        <v>0</v>
      </c>
      <c r="BS254" s="21">
        <f t="shared" si="328"/>
        <v>0</v>
      </c>
      <c r="BT254" s="21">
        <f t="shared" si="329"/>
        <v>0</v>
      </c>
      <c r="BU254" s="21">
        <f t="shared" si="330"/>
        <v>0</v>
      </c>
      <c r="BV254" s="21">
        <f t="shared" si="331"/>
        <v>0</v>
      </c>
      <c r="BW254" s="21">
        <f t="shared" si="332"/>
        <v>0</v>
      </c>
      <c r="BX254" s="21">
        <f t="shared" si="333"/>
        <v>0</v>
      </c>
      <c r="BY254" s="21">
        <f t="shared" si="334"/>
        <v>0</v>
      </c>
      <c r="BZ254" s="21">
        <f t="shared" si="335"/>
        <v>0</v>
      </c>
      <c r="CA254" s="21">
        <f t="shared" si="336"/>
        <v>0</v>
      </c>
      <c r="CB254" s="21">
        <f t="shared" si="337"/>
        <v>0</v>
      </c>
      <c r="CC254" s="21">
        <f t="shared" si="338"/>
        <v>0</v>
      </c>
      <c r="CD254" s="21">
        <f t="shared" si="339"/>
        <v>0</v>
      </c>
      <c r="CE254" s="21">
        <f t="shared" si="340"/>
        <v>0</v>
      </c>
      <c r="CF254" s="21">
        <f t="shared" si="341"/>
        <v>0</v>
      </c>
      <c r="CG254" s="21">
        <f t="shared" si="342"/>
        <v>0</v>
      </c>
      <c r="CH254" s="21">
        <f t="shared" si="343"/>
        <v>0</v>
      </c>
      <c r="CI254" s="21">
        <f t="shared" si="344"/>
        <v>0</v>
      </c>
      <c r="CJ254" s="21">
        <f t="shared" si="345"/>
        <v>0</v>
      </c>
      <c r="CK254" s="21">
        <f t="shared" si="346"/>
        <v>0</v>
      </c>
      <c r="CL254" s="21">
        <f t="shared" si="347"/>
        <v>0</v>
      </c>
      <c r="CM254" s="21">
        <f t="shared" si="348"/>
        <v>0</v>
      </c>
      <c r="CN254" s="21">
        <f t="shared" si="349"/>
        <v>0</v>
      </c>
      <c r="CO254" s="20"/>
    </row>
    <row r="255" spans="1:93" x14ac:dyDescent="0.7">
      <c r="A255" s="7"/>
      <c r="C255" s="8" t="s">
        <v>43</v>
      </c>
      <c r="D255" s="8" t="s">
        <v>26</v>
      </c>
      <c r="E255" s="8" t="s">
        <v>27</v>
      </c>
      <c r="F255" s="42">
        <v>22562</v>
      </c>
      <c r="G255" s="42">
        <v>14984</v>
      </c>
      <c r="H255" s="42">
        <v>19269</v>
      </c>
      <c r="I255" s="42">
        <v>18860</v>
      </c>
      <c r="J255" s="42">
        <v>17369</v>
      </c>
      <c r="K255" s="42">
        <v>20241</v>
      </c>
      <c r="L255" s="42">
        <v>26425</v>
      </c>
      <c r="M255" s="42">
        <v>25178</v>
      </c>
      <c r="N255" s="42">
        <v>24766</v>
      </c>
      <c r="O255" s="42">
        <v>29638</v>
      </c>
      <c r="P255" s="42">
        <v>34820</v>
      </c>
      <c r="Q255" s="42">
        <v>30121</v>
      </c>
      <c r="R255" s="42">
        <v>31406</v>
      </c>
      <c r="S255" s="42">
        <v>34247</v>
      </c>
      <c r="T255" s="42">
        <v>40463</v>
      </c>
      <c r="U255" s="42">
        <v>35230</v>
      </c>
      <c r="V255" s="42">
        <v>36416</v>
      </c>
      <c r="W255" s="42">
        <v>39023</v>
      </c>
      <c r="X255" s="42">
        <v>45546</v>
      </c>
      <c r="Y255" s="42">
        <v>41349</v>
      </c>
      <c r="Z255" s="42">
        <v>40502</v>
      </c>
      <c r="AA255" s="42">
        <v>44195</v>
      </c>
      <c r="AB255" s="42">
        <v>50777</v>
      </c>
      <c r="AC255" s="42">
        <v>46805</v>
      </c>
      <c r="AD255" s="42">
        <v>43698</v>
      </c>
      <c r="AE255" s="7"/>
      <c r="AF255" s="13"/>
      <c r="AG255" s="9"/>
      <c r="AH255" s="9" t="s">
        <v>43</v>
      </c>
      <c r="AI255" s="9" t="s">
        <v>26</v>
      </c>
      <c r="AJ255" s="9" t="s">
        <v>27</v>
      </c>
      <c r="AK255" s="21">
        <v>22562</v>
      </c>
      <c r="AL255" s="21">
        <v>14985</v>
      </c>
      <c r="AM255" s="21">
        <v>19270</v>
      </c>
      <c r="AN255" s="21">
        <v>18859</v>
      </c>
      <c r="AO255" s="21">
        <v>17420</v>
      </c>
      <c r="AP255" s="21">
        <v>20206</v>
      </c>
      <c r="AQ255" s="21">
        <v>26502</v>
      </c>
      <c r="AR255" s="21">
        <v>25178</v>
      </c>
      <c r="AS255" s="21">
        <v>24766</v>
      </c>
      <c r="AT255" s="21">
        <v>29641</v>
      </c>
      <c r="AU255" s="21">
        <v>34823</v>
      </c>
      <c r="AV255" s="21">
        <v>30077</v>
      </c>
      <c r="AW255" s="21">
        <v>31360</v>
      </c>
      <c r="AX255" s="21">
        <v>34201</v>
      </c>
      <c r="AY255" s="21">
        <v>40413</v>
      </c>
      <c r="AZ255" s="21">
        <v>35197</v>
      </c>
      <c r="BA255" s="21">
        <v>36416</v>
      </c>
      <c r="BB255" s="21">
        <v>39022</v>
      </c>
      <c r="BC255" s="21">
        <v>45961</v>
      </c>
      <c r="BD255" s="21">
        <v>40774</v>
      </c>
      <c r="BE255" s="21">
        <v>40209</v>
      </c>
      <c r="BF255" s="21">
        <v>44194</v>
      </c>
      <c r="BG255" s="21">
        <v>50777</v>
      </c>
      <c r="BH255" s="21">
        <v>46805</v>
      </c>
      <c r="BI255" s="21">
        <v>43888</v>
      </c>
      <c r="BJ255" s="14"/>
      <c r="BK255" s="16"/>
      <c r="BL255" s="9"/>
      <c r="BM255" s="9" t="s">
        <v>43</v>
      </c>
      <c r="BN255" s="9" t="s">
        <v>26</v>
      </c>
      <c r="BO255" s="9" t="s">
        <v>27</v>
      </c>
      <c r="BP255" s="21">
        <f t="shared" si="325"/>
        <v>0</v>
      </c>
      <c r="BQ255" s="21">
        <f t="shared" si="326"/>
        <v>1</v>
      </c>
      <c r="BR255" s="21">
        <f t="shared" si="327"/>
        <v>1</v>
      </c>
      <c r="BS255" s="21">
        <f t="shared" si="328"/>
        <v>-1</v>
      </c>
      <c r="BT255" s="21">
        <f t="shared" si="329"/>
        <v>51</v>
      </c>
      <c r="BU255" s="21">
        <f t="shared" si="330"/>
        <v>-35</v>
      </c>
      <c r="BV255" s="21">
        <f t="shared" si="331"/>
        <v>77</v>
      </c>
      <c r="BW255" s="21">
        <f t="shared" si="332"/>
        <v>0</v>
      </c>
      <c r="BX255" s="21">
        <f t="shared" si="333"/>
        <v>0</v>
      </c>
      <c r="BY255" s="21">
        <f t="shared" si="334"/>
        <v>3</v>
      </c>
      <c r="BZ255" s="21">
        <f t="shared" si="335"/>
        <v>3</v>
      </c>
      <c r="CA255" s="21">
        <f t="shared" si="336"/>
        <v>-44</v>
      </c>
      <c r="CB255" s="21">
        <f t="shared" si="337"/>
        <v>-46</v>
      </c>
      <c r="CC255" s="21">
        <f t="shared" si="338"/>
        <v>-46</v>
      </c>
      <c r="CD255" s="21">
        <f t="shared" si="339"/>
        <v>-50</v>
      </c>
      <c r="CE255" s="21">
        <f t="shared" si="340"/>
        <v>-33</v>
      </c>
      <c r="CF255" s="21">
        <f t="shared" si="341"/>
        <v>0</v>
      </c>
      <c r="CG255" s="21">
        <f t="shared" si="342"/>
        <v>-1</v>
      </c>
      <c r="CH255" s="21">
        <f t="shared" si="343"/>
        <v>415</v>
      </c>
      <c r="CI255" s="21">
        <f t="shared" si="344"/>
        <v>-575</v>
      </c>
      <c r="CJ255" s="21">
        <f t="shared" si="345"/>
        <v>-293</v>
      </c>
      <c r="CK255" s="21">
        <f t="shared" si="346"/>
        <v>-1</v>
      </c>
      <c r="CL255" s="21">
        <f t="shared" si="347"/>
        <v>0</v>
      </c>
      <c r="CM255" s="21">
        <f t="shared" si="348"/>
        <v>0</v>
      </c>
      <c r="CN255" s="21">
        <f t="shared" si="349"/>
        <v>190</v>
      </c>
      <c r="CO255" s="20"/>
    </row>
    <row r="256" spans="1:93" x14ac:dyDescent="0.7">
      <c r="A256" s="7"/>
      <c r="E256" s="8" t="s">
        <v>28</v>
      </c>
      <c r="F256" s="42">
        <v>16977</v>
      </c>
      <c r="G256" s="42">
        <v>12812</v>
      </c>
      <c r="H256" s="42">
        <v>15926</v>
      </c>
      <c r="I256" s="42">
        <v>16041</v>
      </c>
      <c r="J256" s="42">
        <v>14832</v>
      </c>
      <c r="K256" s="42">
        <v>16992</v>
      </c>
      <c r="L256" s="42">
        <v>21363</v>
      </c>
      <c r="M256" s="42">
        <v>20288</v>
      </c>
      <c r="N256" s="42">
        <v>19243</v>
      </c>
      <c r="O256" s="42">
        <v>23055</v>
      </c>
      <c r="P256" s="42">
        <v>27378</v>
      </c>
      <c r="Q256" s="42">
        <v>24086</v>
      </c>
      <c r="R256" s="42">
        <v>24516</v>
      </c>
      <c r="S256" s="42">
        <v>27572</v>
      </c>
      <c r="T256" s="42">
        <v>32882</v>
      </c>
      <c r="U256" s="42">
        <v>28799</v>
      </c>
      <c r="V256" s="42">
        <v>29186</v>
      </c>
      <c r="W256" s="42">
        <v>31993</v>
      </c>
      <c r="X256" s="42">
        <v>37557</v>
      </c>
      <c r="Y256" s="42">
        <v>34501</v>
      </c>
      <c r="Z256" s="42">
        <v>33163</v>
      </c>
      <c r="AA256" s="42">
        <v>36982</v>
      </c>
      <c r="AB256" s="42">
        <v>42585</v>
      </c>
      <c r="AC256" s="42">
        <v>39555</v>
      </c>
      <c r="AD256" s="42">
        <v>35851</v>
      </c>
      <c r="AE256" s="7"/>
      <c r="AF256" s="13"/>
      <c r="AG256" s="9"/>
      <c r="AH256" s="9"/>
      <c r="AI256" s="9"/>
      <c r="AJ256" s="9" t="s">
        <v>28</v>
      </c>
      <c r="AK256" s="21">
        <v>16977</v>
      </c>
      <c r="AL256" s="21">
        <v>12812</v>
      </c>
      <c r="AM256" s="21">
        <v>15927</v>
      </c>
      <c r="AN256" s="21">
        <v>16041</v>
      </c>
      <c r="AO256" s="21">
        <v>14859</v>
      </c>
      <c r="AP256" s="21">
        <v>16962</v>
      </c>
      <c r="AQ256" s="21">
        <v>21431</v>
      </c>
      <c r="AR256" s="21">
        <v>20288</v>
      </c>
      <c r="AS256" s="21">
        <v>19243</v>
      </c>
      <c r="AT256" s="21">
        <v>23058</v>
      </c>
      <c r="AU256" s="21">
        <v>27381</v>
      </c>
      <c r="AV256" s="21">
        <v>24045</v>
      </c>
      <c r="AW256" s="21">
        <v>24475</v>
      </c>
      <c r="AX256" s="21">
        <v>27530</v>
      </c>
      <c r="AY256" s="21">
        <v>32837</v>
      </c>
      <c r="AZ256" s="21">
        <v>28829</v>
      </c>
      <c r="BA256" s="21">
        <v>29186</v>
      </c>
      <c r="BB256" s="21">
        <v>31993</v>
      </c>
      <c r="BC256" s="21">
        <v>37920</v>
      </c>
      <c r="BD256" s="21">
        <v>33926</v>
      </c>
      <c r="BE256" s="21">
        <v>32870</v>
      </c>
      <c r="BF256" s="21">
        <v>36982</v>
      </c>
      <c r="BG256" s="21">
        <v>42585</v>
      </c>
      <c r="BH256" s="21">
        <v>39555</v>
      </c>
      <c r="BI256" s="21">
        <v>35895</v>
      </c>
      <c r="BJ256" s="14"/>
      <c r="BK256" s="16"/>
      <c r="BL256" s="9"/>
      <c r="BM256" s="9"/>
      <c r="BN256" s="9"/>
      <c r="BO256" s="9" t="s">
        <v>28</v>
      </c>
      <c r="BP256" s="21">
        <f t="shared" si="325"/>
        <v>0</v>
      </c>
      <c r="BQ256" s="21">
        <f t="shared" si="326"/>
        <v>0</v>
      </c>
      <c r="BR256" s="21">
        <f t="shared" si="327"/>
        <v>1</v>
      </c>
      <c r="BS256" s="21">
        <f t="shared" si="328"/>
        <v>0</v>
      </c>
      <c r="BT256" s="21">
        <f t="shared" si="329"/>
        <v>27</v>
      </c>
      <c r="BU256" s="21">
        <f t="shared" si="330"/>
        <v>-30</v>
      </c>
      <c r="BV256" s="21">
        <f t="shared" si="331"/>
        <v>68</v>
      </c>
      <c r="BW256" s="21">
        <f t="shared" si="332"/>
        <v>0</v>
      </c>
      <c r="BX256" s="21">
        <f t="shared" si="333"/>
        <v>0</v>
      </c>
      <c r="BY256" s="21">
        <f t="shared" si="334"/>
        <v>3</v>
      </c>
      <c r="BZ256" s="21">
        <f t="shared" si="335"/>
        <v>3</v>
      </c>
      <c r="CA256" s="21">
        <f t="shared" si="336"/>
        <v>-41</v>
      </c>
      <c r="CB256" s="21">
        <f t="shared" si="337"/>
        <v>-41</v>
      </c>
      <c r="CC256" s="21">
        <f t="shared" si="338"/>
        <v>-42</v>
      </c>
      <c r="CD256" s="21">
        <f t="shared" si="339"/>
        <v>-45</v>
      </c>
      <c r="CE256" s="21">
        <f t="shared" si="340"/>
        <v>30</v>
      </c>
      <c r="CF256" s="21">
        <f t="shared" si="341"/>
        <v>0</v>
      </c>
      <c r="CG256" s="21">
        <f t="shared" si="342"/>
        <v>0</v>
      </c>
      <c r="CH256" s="21">
        <f t="shared" si="343"/>
        <v>363</v>
      </c>
      <c r="CI256" s="21">
        <f t="shared" si="344"/>
        <v>-575</v>
      </c>
      <c r="CJ256" s="21">
        <f t="shared" si="345"/>
        <v>-293</v>
      </c>
      <c r="CK256" s="21">
        <f t="shared" si="346"/>
        <v>0</v>
      </c>
      <c r="CL256" s="21">
        <f t="shared" si="347"/>
        <v>0</v>
      </c>
      <c r="CM256" s="21">
        <f t="shared" si="348"/>
        <v>0</v>
      </c>
      <c r="CN256" s="21">
        <f t="shared" si="349"/>
        <v>44</v>
      </c>
      <c r="CO256" s="20"/>
    </row>
    <row r="257" spans="1:93" x14ac:dyDescent="0.7">
      <c r="A257" s="7"/>
      <c r="E257" s="8" t="s">
        <v>29</v>
      </c>
      <c r="F257" s="43" t="s">
        <v>40</v>
      </c>
      <c r="G257" s="43" t="s">
        <v>40</v>
      </c>
      <c r="H257" s="43" t="s">
        <v>40</v>
      </c>
      <c r="I257" s="43" t="s">
        <v>40</v>
      </c>
      <c r="J257" s="43" t="s">
        <v>40</v>
      </c>
      <c r="K257" s="43" t="s">
        <v>40</v>
      </c>
      <c r="L257" s="43" t="s">
        <v>40</v>
      </c>
      <c r="M257" s="43" t="s">
        <v>40</v>
      </c>
      <c r="N257" s="43" t="s">
        <v>40</v>
      </c>
      <c r="O257" s="43" t="s">
        <v>40</v>
      </c>
      <c r="P257" s="43" t="s">
        <v>40</v>
      </c>
      <c r="Q257" s="43" t="s">
        <v>40</v>
      </c>
      <c r="R257" s="43" t="s">
        <v>40</v>
      </c>
      <c r="S257" s="42">
        <v>0</v>
      </c>
      <c r="T257" s="42">
        <v>0</v>
      </c>
      <c r="U257" s="42">
        <v>0</v>
      </c>
      <c r="V257" s="42">
        <v>0</v>
      </c>
      <c r="W257" s="42">
        <v>0</v>
      </c>
      <c r="X257" s="43" t="s">
        <v>40</v>
      </c>
      <c r="Y257" s="43" t="s">
        <v>40</v>
      </c>
      <c r="Z257" s="43" t="s">
        <v>40</v>
      </c>
      <c r="AA257" s="43" t="s">
        <v>40</v>
      </c>
      <c r="AB257" s="43" t="s">
        <v>40</v>
      </c>
      <c r="AC257" s="43" t="s">
        <v>40</v>
      </c>
      <c r="AD257" s="43" t="s">
        <v>40</v>
      </c>
      <c r="AE257" s="7"/>
      <c r="AF257" s="13"/>
      <c r="AG257" s="9"/>
      <c r="AH257" s="9"/>
      <c r="AI257" s="9"/>
      <c r="AJ257" s="9" t="s">
        <v>29</v>
      </c>
      <c r="AK257" s="43" t="s">
        <v>40</v>
      </c>
      <c r="AL257" s="43" t="s">
        <v>40</v>
      </c>
      <c r="AM257" s="43" t="s">
        <v>40</v>
      </c>
      <c r="AN257" s="43" t="s">
        <v>40</v>
      </c>
      <c r="AO257" s="43" t="s">
        <v>40</v>
      </c>
      <c r="AP257" s="43" t="s">
        <v>40</v>
      </c>
      <c r="AQ257" s="43" t="s">
        <v>40</v>
      </c>
      <c r="AR257" s="43" t="s">
        <v>40</v>
      </c>
      <c r="AS257" s="43" t="s">
        <v>40</v>
      </c>
      <c r="AT257" s="43" t="s">
        <v>40</v>
      </c>
      <c r="AU257" s="43" t="s">
        <v>40</v>
      </c>
      <c r="AV257" s="43" t="s">
        <v>40</v>
      </c>
      <c r="AW257" s="43" t="s">
        <v>40</v>
      </c>
      <c r="AX257" s="43" t="s">
        <v>40</v>
      </c>
      <c r="AY257" s="43" t="s">
        <v>40</v>
      </c>
      <c r="AZ257" s="43" t="s">
        <v>40</v>
      </c>
      <c r="BA257" s="43" t="s">
        <v>40</v>
      </c>
      <c r="BB257" s="43" t="s">
        <v>40</v>
      </c>
      <c r="BC257" s="43" t="s">
        <v>40</v>
      </c>
      <c r="BD257" s="43" t="s">
        <v>40</v>
      </c>
      <c r="BE257" s="43" t="s">
        <v>40</v>
      </c>
      <c r="BF257" s="43" t="s">
        <v>40</v>
      </c>
      <c r="BG257" s="43" t="s">
        <v>40</v>
      </c>
      <c r="BH257" s="43" t="s">
        <v>40</v>
      </c>
      <c r="BI257" s="43" t="s">
        <v>40</v>
      </c>
      <c r="BJ257" s="14"/>
      <c r="BK257" s="16"/>
      <c r="BL257" s="9"/>
      <c r="BM257" s="9"/>
      <c r="BN257" s="9"/>
      <c r="BO257" s="9" t="s">
        <v>29</v>
      </c>
      <c r="BP257" s="43" t="s">
        <v>40</v>
      </c>
      <c r="BQ257" s="43" t="s">
        <v>40</v>
      </c>
      <c r="BR257" s="43" t="s">
        <v>40</v>
      </c>
      <c r="BS257" s="43" t="s">
        <v>40</v>
      </c>
      <c r="BT257" s="43" t="s">
        <v>40</v>
      </c>
      <c r="BU257" s="43" t="s">
        <v>40</v>
      </c>
      <c r="BV257" s="43" t="s">
        <v>40</v>
      </c>
      <c r="BW257" s="43" t="s">
        <v>40</v>
      </c>
      <c r="BX257" s="43" t="s">
        <v>40</v>
      </c>
      <c r="BY257" s="43" t="s">
        <v>40</v>
      </c>
      <c r="BZ257" s="43" t="s">
        <v>40</v>
      </c>
      <c r="CA257" s="43" t="s">
        <v>40</v>
      </c>
      <c r="CB257" s="43" t="s">
        <v>40</v>
      </c>
      <c r="CC257" s="43" t="s">
        <v>40</v>
      </c>
      <c r="CD257" s="43" t="s">
        <v>40</v>
      </c>
      <c r="CE257" s="43" t="s">
        <v>40</v>
      </c>
      <c r="CF257" s="43" t="s">
        <v>40</v>
      </c>
      <c r="CG257" s="43" t="s">
        <v>40</v>
      </c>
      <c r="CH257" s="43" t="s">
        <v>40</v>
      </c>
      <c r="CI257" s="43" t="s">
        <v>40</v>
      </c>
      <c r="CJ257" s="43" t="s">
        <v>40</v>
      </c>
      <c r="CK257" s="43" t="s">
        <v>40</v>
      </c>
      <c r="CL257" s="43" t="s">
        <v>40</v>
      </c>
      <c r="CM257" s="43" t="s">
        <v>40</v>
      </c>
      <c r="CN257" s="43" t="s">
        <v>40</v>
      </c>
      <c r="CO257" s="20"/>
    </row>
    <row r="258" spans="1:93" x14ac:dyDescent="0.7">
      <c r="A258" s="7"/>
      <c r="E258" s="8" t="s">
        <v>30</v>
      </c>
      <c r="F258" s="42">
        <v>11163</v>
      </c>
      <c r="G258" s="42">
        <v>7428</v>
      </c>
      <c r="H258" s="42">
        <v>9963</v>
      </c>
      <c r="I258" s="42">
        <v>9441</v>
      </c>
      <c r="J258" s="42">
        <v>8472</v>
      </c>
      <c r="K258" s="42">
        <v>9874</v>
      </c>
      <c r="L258" s="42">
        <v>13474</v>
      </c>
      <c r="M258" s="42">
        <v>12442</v>
      </c>
      <c r="N258" s="42">
        <v>11476</v>
      </c>
      <c r="O258" s="42">
        <v>13964</v>
      </c>
      <c r="P258" s="42">
        <v>17274</v>
      </c>
      <c r="Q258" s="42">
        <v>14752</v>
      </c>
      <c r="R258" s="42">
        <v>13339</v>
      </c>
      <c r="S258" s="42">
        <v>14962</v>
      </c>
      <c r="T258" s="42">
        <v>18409</v>
      </c>
      <c r="U258" s="42">
        <v>15313</v>
      </c>
      <c r="V258" s="42">
        <v>15797</v>
      </c>
      <c r="W258" s="42">
        <v>17313</v>
      </c>
      <c r="X258" s="42">
        <v>20412</v>
      </c>
      <c r="Y258" s="42">
        <v>18290</v>
      </c>
      <c r="Z258" s="42">
        <v>17193</v>
      </c>
      <c r="AA258" s="42">
        <v>18781</v>
      </c>
      <c r="AB258" s="42">
        <v>22038</v>
      </c>
      <c r="AC258" s="42">
        <v>18784</v>
      </c>
      <c r="AD258" s="42">
        <v>18025</v>
      </c>
      <c r="AE258" s="7"/>
      <c r="AF258" s="13"/>
      <c r="AG258" s="9"/>
      <c r="AH258" s="9"/>
      <c r="AI258" s="9"/>
      <c r="AJ258" s="9" t="s">
        <v>30</v>
      </c>
      <c r="AK258" s="21">
        <v>11163</v>
      </c>
      <c r="AL258" s="21">
        <v>7428</v>
      </c>
      <c r="AM258" s="21">
        <v>9964</v>
      </c>
      <c r="AN258" s="21">
        <v>9441</v>
      </c>
      <c r="AO258" s="21">
        <v>8503</v>
      </c>
      <c r="AP258" s="21">
        <v>9851</v>
      </c>
      <c r="AQ258" s="21">
        <v>13527</v>
      </c>
      <c r="AR258" s="21">
        <v>12442</v>
      </c>
      <c r="AS258" s="21">
        <v>11488</v>
      </c>
      <c r="AT258" s="21">
        <v>14015</v>
      </c>
      <c r="AU258" s="21">
        <v>17376</v>
      </c>
      <c r="AV258" s="21">
        <v>14833</v>
      </c>
      <c r="AW258" s="21">
        <v>13448</v>
      </c>
      <c r="AX258" s="21">
        <v>15143</v>
      </c>
      <c r="AY258" s="21">
        <v>18780</v>
      </c>
      <c r="AZ258" s="21">
        <v>15655</v>
      </c>
      <c r="BA258" s="21">
        <v>15797</v>
      </c>
      <c r="BB258" s="21">
        <v>17313</v>
      </c>
      <c r="BC258" s="21">
        <v>20721</v>
      </c>
      <c r="BD258" s="21">
        <v>17714</v>
      </c>
      <c r="BE258" s="21">
        <v>16901</v>
      </c>
      <c r="BF258" s="21">
        <v>18781</v>
      </c>
      <c r="BG258" s="21">
        <v>22038</v>
      </c>
      <c r="BH258" s="21">
        <v>18784</v>
      </c>
      <c r="BI258" s="21">
        <v>18070</v>
      </c>
      <c r="BJ258" s="14"/>
      <c r="BK258" s="16"/>
      <c r="BL258" s="9"/>
      <c r="BM258" s="9"/>
      <c r="BN258" s="9"/>
      <c r="BO258" s="9" t="s">
        <v>30</v>
      </c>
      <c r="BP258" s="21">
        <f t="shared" ref="BP258:BP261" si="350">AK258-F258</f>
        <v>0</v>
      </c>
      <c r="BQ258" s="21">
        <f t="shared" ref="BQ258:BQ261" si="351">AL258-G258</f>
        <v>0</v>
      </c>
      <c r="BR258" s="21">
        <f t="shared" ref="BR258:BR261" si="352">AM258-H258</f>
        <v>1</v>
      </c>
      <c r="BS258" s="21">
        <f t="shared" ref="BS258:BS261" si="353">AN258-I258</f>
        <v>0</v>
      </c>
      <c r="BT258" s="21">
        <f t="shared" ref="BT258:BT261" si="354">AO258-J258</f>
        <v>31</v>
      </c>
      <c r="BU258" s="21">
        <f t="shared" ref="BU258:BU261" si="355">AP258-K258</f>
        <v>-23</v>
      </c>
      <c r="BV258" s="21">
        <f t="shared" ref="BV258:BV261" si="356">AQ258-L258</f>
        <v>53</v>
      </c>
      <c r="BW258" s="21">
        <f t="shared" ref="BW258:BW261" si="357">AR258-M258</f>
        <v>0</v>
      </c>
      <c r="BX258" s="21">
        <f t="shared" ref="BX258:BX261" si="358">AS258-N258</f>
        <v>12</v>
      </c>
      <c r="BY258" s="21">
        <f t="shared" ref="BY258:BY261" si="359">AT258-O258</f>
        <v>51</v>
      </c>
      <c r="BZ258" s="21">
        <f t="shared" ref="BZ258:BZ261" si="360">AU258-P258</f>
        <v>102</v>
      </c>
      <c r="CA258" s="21">
        <f t="shared" ref="CA258:CA261" si="361">AV258-Q258</f>
        <v>81</v>
      </c>
      <c r="CB258" s="21">
        <f t="shared" ref="CB258:CB261" si="362">AW258-R258</f>
        <v>109</v>
      </c>
      <c r="CC258" s="21">
        <f t="shared" ref="CC258:CC261" si="363">AX258-S258</f>
        <v>181</v>
      </c>
      <c r="CD258" s="21">
        <f t="shared" ref="CD258:CD261" si="364">AY258-T258</f>
        <v>371</v>
      </c>
      <c r="CE258" s="21">
        <f t="shared" ref="CE258:CE261" si="365">AZ258-U258</f>
        <v>342</v>
      </c>
      <c r="CF258" s="21">
        <f t="shared" ref="CF258:CF261" si="366">BA258-V258</f>
        <v>0</v>
      </c>
      <c r="CG258" s="21">
        <f t="shared" ref="CG258:CG261" si="367">BB258-W258</f>
        <v>0</v>
      </c>
      <c r="CH258" s="21">
        <f t="shared" ref="CH258:CH261" si="368">BC258-X258</f>
        <v>309</v>
      </c>
      <c r="CI258" s="21">
        <f t="shared" ref="CI258:CI261" si="369">BD258-Y258</f>
        <v>-576</v>
      </c>
      <c r="CJ258" s="21">
        <f t="shared" ref="CJ258:CJ261" si="370">BE258-Z258</f>
        <v>-292</v>
      </c>
      <c r="CK258" s="21">
        <f t="shared" ref="CK258:CK261" si="371">BF258-AA258</f>
        <v>0</v>
      </c>
      <c r="CL258" s="21">
        <f t="shared" ref="CL258:CL261" si="372">BG258-AB258</f>
        <v>0</v>
      </c>
      <c r="CM258" s="21">
        <f t="shared" ref="CM258:CM261" si="373">BH258-AC258</f>
        <v>0</v>
      </c>
      <c r="CN258" s="21">
        <f t="shared" ref="CN258:CN261" si="374">BI258-AD258</f>
        <v>45</v>
      </c>
      <c r="CO258" s="20"/>
    </row>
    <row r="259" spans="1:93" x14ac:dyDescent="0.7">
      <c r="A259" s="7"/>
      <c r="E259" s="8" t="s">
        <v>31</v>
      </c>
      <c r="F259" s="42">
        <v>5814</v>
      </c>
      <c r="G259" s="42">
        <v>5384</v>
      </c>
      <c r="H259" s="42">
        <v>5963</v>
      </c>
      <c r="I259" s="42">
        <v>6600</v>
      </c>
      <c r="J259" s="42">
        <v>6360</v>
      </c>
      <c r="K259" s="42">
        <v>7118</v>
      </c>
      <c r="L259" s="42">
        <v>7889</v>
      </c>
      <c r="M259" s="42">
        <v>7846</v>
      </c>
      <c r="N259" s="42">
        <v>7767</v>
      </c>
      <c r="O259" s="42">
        <v>9091</v>
      </c>
      <c r="P259" s="42">
        <v>10104</v>
      </c>
      <c r="Q259" s="42">
        <v>9334</v>
      </c>
      <c r="R259" s="42">
        <v>11177</v>
      </c>
      <c r="S259" s="42">
        <v>12610</v>
      </c>
      <c r="T259" s="42">
        <v>14473</v>
      </c>
      <c r="U259" s="42">
        <v>13486</v>
      </c>
      <c r="V259" s="42">
        <v>13389</v>
      </c>
      <c r="W259" s="42">
        <v>14680</v>
      </c>
      <c r="X259" s="42">
        <v>17146</v>
      </c>
      <c r="Y259" s="42">
        <v>16212</v>
      </c>
      <c r="Z259" s="42">
        <v>15970</v>
      </c>
      <c r="AA259" s="42">
        <v>18201</v>
      </c>
      <c r="AB259" s="42">
        <v>20547</v>
      </c>
      <c r="AC259" s="42">
        <v>20771</v>
      </c>
      <c r="AD259" s="42">
        <v>17825</v>
      </c>
      <c r="AE259" s="7"/>
      <c r="AF259" s="13"/>
      <c r="AG259" s="9"/>
      <c r="AH259" s="9"/>
      <c r="AI259" s="9"/>
      <c r="AJ259" s="9" t="s">
        <v>31</v>
      </c>
      <c r="AK259" s="21">
        <v>5813</v>
      </c>
      <c r="AL259" s="21">
        <v>5384</v>
      </c>
      <c r="AM259" s="21">
        <v>5963</v>
      </c>
      <c r="AN259" s="21">
        <v>6600</v>
      </c>
      <c r="AO259" s="21">
        <v>6356</v>
      </c>
      <c r="AP259" s="21">
        <v>7111</v>
      </c>
      <c r="AQ259" s="21">
        <v>7904</v>
      </c>
      <c r="AR259" s="21">
        <v>7846</v>
      </c>
      <c r="AS259" s="21">
        <v>7755</v>
      </c>
      <c r="AT259" s="21">
        <v>9043</v>
      </c>
      <c r="AU259" s="21">
        <v>10004</v>
      </c>
      <c r="AV259" s="21">
        <v>9212</v>
      </c>
      <c r="AW259" s="21">
        <v>11027</v>
      </c>
      <c r="AX259" s="21">
        <v>12388</v>
      </c>
      <c r="AY259" s="21">
        <v>14057</v>
      </c>
      <c r="AZ259" s="21">
        <v>13174</v>
      </c>
      <c r="BA259" s="21">
        <v>13389</v>
      </c>
      <c r="BB259" s="21">
        <v>14680</v>
      </c>
      <c r="BC259" s="21">
        <v>17199</v>
      </c>
      <c r="BD259" s="21">
        <v>16212</v>
      </c>
      <c r="BE259" s="21">
        <v>15970</v>
      </c>
      <c r="BF259" s="21">
        <v>18201</v>
      </c>
      <c r="BG259" s="21">
        <v>20547</v>
      </c>
      <c r="BH259" s="21">
        <v>20771</v>
      </c>
      <c r="BI259" s="21">
        <v>17825</v>
      </c>
      <c r="BJ259" s="14"/>
      <c r="BK259" s="16"/>
      <c r="BL259" s="9"/>
      <c r="BM259" s="9"/>
      <c r="BN259" s="9"/>
      <c r="BO259" s="9" t="s">
        <v>31</v>
      </c>
      <c r="BP259" s="21">
        <f t="shared" si="350"/>
        <v>-1</v>
      </c>
      <c r="BQ259" s="21">
        <f t="shared" si="351"/>
        <v>0</v>
      </c>
      <c r="BR259" s="21">
        <f t="shared" si="352"/>
        <v>0</v>
      </c>
      <c r="BS259" s="21">
        <f t="shared" si="353"/>
        <v>0</v>
      </c>
      <c r="BT259" s="21">
        <f t="shared" si="354"/>
        <v>-4</v>
      </c>
      <c r="BU259" s="21">
        <f t="shared" si="355"/>
        <v>-7</v>
      </c>
      <c r="BV259" s="21">
        <f t="shared" si="356"/>
        <v>15</v>
      </c>
      <c r="BW259" s="21">
        <f t="shared" si="357"/>
        <v>0</v>
      </c>
      <c r="BX259" s="21">
        <f t="shared" si="358"/>
        <v>-12</v>
      </c>
      <c r="BY259" s="21">
        <f t="shared" si="359"/>
        <v>-48</v>
      </c>
      <c r="BZ259" s="21">
        <f t="shared" si="360"/>
        <v>-100</v>
      </c>
      <c r="CA259" s="21">
        <f t="shared" si="361"/>
        <v>-122</v>
      </c>
      <c r="CB259" s="21">
        <f t="shared" si="362"/>
        <v>-150</v>
      </c>
      <c r="CC259" s="21">
        <f t="shared" si="363"/>
        <v>-222</v>
      </c>
      <c r="CD259" s="21">
        <f t="shared" si="364"/>
        <v>-416</v>
      </c>
      <c r="CE259" s="21">
        <f t="shared" si="365"/>
        <v>-312</v>
      </c>
      <c r="CF259" s="21">
        <f t="shared" si="366"/>
        <v>0</v>
      </c>
      <c r="CG259" s="21">
        <f t="shared" si="367"/>
        <v>0</v>
      </c>
      <c r="CH259" s="21">
        <f t="shared" si="368"/>
        <v>53</v>
      </c>
      <c r="CI259" s="21">
        <f t="shared" si="369"/>
        <v>0</v>
      </c>
      <c r="CJ259" s="21">
        <f t="shared" si="370"/>
        <v>0</v>
      </c>
      <c r="CK259" s="21">
        <f t="shared" si="371"/>
        <v>0</v>
      </c>
      <c r="CL259" s="21">
        <f t="shared" si="372"/>
        <v>0</v>
      </c>
      <c r="CM259" s="21">
        <f t="shared" si="373"/>
        <v>0</v>
      </c>
      <c r="CN259" s="21">
        <f t="shared" si="374"/>
        <v>0</v>
      </c>
      <c r="CO259" s="20"/>
    </row>
    <row r="260" spans="1:93" x14ac:dyDescent="0.7">
      <c r="A260" s="7"/>
      <c r="E260" s="8" t="s">
        <v>32</v>
      </c>
      <c r="F260" s="42">
        <v>5585</v>
      </c>
      <c r="G260" s="42">
        <v>2172</v>
      </c>
      <c r="H260" s="42">
        <v>3343</v>
      </c>
      <c r="I260" s="42">
        <v>2819</v>
      </c>
      <c r="J260" s="42">
        <v>2537</v>
      </c>
      <c r="K260" s="42">
        <v>3249</v>
      </c>
      <c r="L260" s="42">
        <v>5062</v>
      </c>
      <c r="M260" s="42">
        <v>4890</v>
      </c>
      <c r="N260" s="42">
        <v>5523</v>
      </c>
      <c r="O260" s="42">
        <v>6583</v>
      </c>
      <c r="P260" s="42">
        <v>7442</v>
      </c>
      <c r="Q260" s="42">
        <v>6035</v>
      </c>
      <c r="R260" s="42">
        <v>6890</v>
      </c>
      <c r="S260" s="42">
        <v>6675</v>
      </c>
      <c r="T260" s="42">
        <v>7581</v>
      </c>
      <c r="U260" s="42">
        <v>6431</v>
      </c>
      <c r="V260" s="42">
        <v>7230</v>
      </c>
      <c r="W260" s="42">
        <v>7030</v>
      </c>
      <c r="X260" s="42">
        <v>7989</v>
      </c>
      <c r="Y260" s="42">
        <v>6848</v>
      </c>
      <c r="Z260" s="42">
        <v>7339</v>
      </c>
      <c r="AA260" s="42">
        <v>7213</v>
      </c>
      <c r="AB260" s="42">
        <v>8192</v>
      </c>
      <c r="AC260" s="42">
        <v>7250</v>
      </c>
      <c r="AD260" s="42">
        <v>7847</v>
      </c>
      <c r="AE260" s="7"/>
      <c r="AF260" s="13"/>
      <c r="AG260" s="9"/>
      <c r="AH260" s="9"/>
      <c r="AI260" s="9"/>
      <c r="AJ260" s="9" t="s">
        <v>32</v>
      </c>
      <c r="AK260" s="21">
        <v>5585</v>
      </c>
      <c r="AL260" s="21">
        <v>2173</v>
      </c>
      <c r="AM260" s="21">
        <v>3343</v>
      </c>
      <c r="AN260" s="21">
        <v>2819</v>
      </c>
      <c r="AO260" s="21">
        <v>2561</v>
      </c>
      <c r="AP260" s="21">
        <v>3244</v>
      </c>
      <c r="AQ260" s="21">
        <v>5071</v>
      </c>
      <c r="AR260" s="21">
        <v>4890</v>
      </c>
      <c r="AS260" s="21">
        <v>5523</v>
      </c>
      <c r="AT260" s="21">
        <v>6583</v>
      </c>
      <c r="AU260" s="21">
        <v>7442</v>
      </c>
      <c r="AV260" s="21">
        <v>6032</v>
      </c>
      <c r="AW260" s="21">
        <v>6885</v>
      </c>
      <c r="AX260" s="21">
        <v>6671</v>
      </c>
      <c r="AY260" s="21">
        <v>7575</v>
      </c>
      <c r="AZ260" s="21">
        <v>6368</v>
      </c>
      <c r="BA260" s="21">
        <v>7230</v>
      </c>
      <c r="BB260" s="21">
        <v>7029</v>
      </c>
      <c r="BC260" s="21">
        <v>8041</v>
      </c>
      <c r="BD260" s="21">
        <v>6848</v>
      </c>
      <c r="BE260" s="21">
        <v>7339</v>
      </c>
      <c r="BF260" s="21">
        <v>7213</v>
      </c>
      <c r="BG260" s="21">
        <v>8192</v>
      </c>
      <c r="BH260" s="21">
        <v>7250</v>
      </c>
      <c r="BI260" s="21">
        <v>7993</v>
      </c>
      <c r="BJ260" s="14"/>
      <c r="BK260" s="16"/>
      <c r="BL260" s="9"/>
      <c r="BM260" s="9"/>
      <c r="BN260" s="9"/>
      <c r="BO260" s="9" t="s">
        <v>32</v>
      </c>
      <c r="BP260" s="21">
        <f t="shared" si="350"/>
        <v>0</v>
      </c>
      <c r="BQ260" s="21">
        <f t="shared" si="351"/>
        <v>1</v>
      </c>
      <c r="BR260" s="21">
        <f t="shared" si="352"/>
        <v>0</v>
      </c>
      <c r="BS260" s="21">
        <f t="shared" si="353"/>
        <v>0</v>
      </c>
      <c r="BT260" s="21">
        <f t="shared" si="354"/>
        <v>24</v>
      </c>
      <c r="BU260" s="21">
        <f t="shared" si="355"/>
        <v>-5</v>
      </c>
      <c r="BV260" s="21">
        <f t="shared" si="356"/>
        <v>9</v>
      </c>
      <c r="BW260" s="21">
        <f t="shared" si="357"/>
        <v>0</v>
      </c>
      <c r="BX260" s="21">
        <f t="shared" si="358"/>
        <v>0</v>
      </c>
      <c r="BY260" s="21">
        <f t="shared" si="359"/>
        <v>0</v>
      </c>
      <c r="BZ260" s="21">
        <f t="shared" si="360"/>
        <v>0</v>
      </c>
      <c r="CA260" s="21">
        <f t="shared" si="361"/>
        <v>-3</v>
      </c>
      <c r="CB260" s="21">
        <f t="shared" si="362"/>
        <v>-5</v>
      </c>
      <c r="CC260" s="21">
        <f t="shared" si="363"/>
        <v>-4</v>
      </c>
      <c r="CD260" s="21">
        <f t="shared" si="364"/>
        <v>-6</v>
      </c>
      <c r="CE260" s="21">
        <f t="shared" si="365"/>
        <v>-63</v>
      </c>
      <c r="CF260" s="21">
        <f t="shared" si="366"/>
        <v>0</v>
      </c>
      <c r="CG260" s="21">
        <f t="shared" si="367"/>
        <v>-1</v>
      </c>
      <c r="CH260" s="21">
        <f t="shared" si="368"/>
        <v>52</v>
      </c>
      <c r="CI260" s="21">
        <f t="shared" si="369"/>
        <v>0</v>
      </c>
      <c r="CJ260" s="21">
        <f t="shared" si="370"/>
        <v>0</v>
      </c>
      <c r="CK260" s="21">
        <f t="shared" si="371"/>
        <v>0</v>
      </c>
      <c r="CL260" s="21">
        <f t="shared" si="372"/>
        <v>0</v>
      </c>
      <c r="CM260" s="21">
        <f t="shared" si="373"/>
        <v>0</v>
      </c>
      <c r="CN260" s="21">
        <f t="shared" si="374"/>
        <v>146</v>
      </c>
      <c r="CO260" s="20"/>
    </row>
    <row r="261" spans="1:93" x14ac:dyDescent="0.7">
      <c r="A261" s="7"/>
      <c r="E261" s="8" t="s">
        <v>33</v>
      </c>
      <c r="F261" s="42">
        <v>5585</v>
      </c>
      <c r="G261" s="42">
        <v>2172</v>
      </c>
      <c r="H261" s="42">
        <v>3343</v>
      </c>
      <c r="I261" s="42">
        <v>2819</v>
      </c>
      <c r="J261" s="42">
        <v>2537</v>
      </c>
      <c r="K261" s="42">
        <v>3249</v>
      </c>
      <c r="L261" s="42">
        <v>5062</v>
      </c>
      <c r="M261" s="42">
        <v>4890</v>
      </c>
      <c r="N261" s="42">
        <v>5523</v>
      </c>
      <c r="O261" s="42">
        <v>6583</v>
      </c>
      <c r="P261" s="42">
        <v>7442</v>
      </c>
      <c r="Q261" s="42">
        <v>6035</v>
      </c>
      <c r="R261" s="42">
        <v>6890</v>
      </c>
      <c r="S261" s="42">
        <v>6675</v>
      </c>
      <c r="T261" s="42">
        <v>7581</v>
      </c>
      <c r="U261" s="42">
        <v>6431</v>
      </c>
      <c r="V261" s="42">
        <v>7230</v>
      </c>
      <c r="W261" s="42">
        <v>7030</v>
      </c>
      <c r="X261" s="42">
        <v>7989</v>
      </c>
      <c r="Y261" s="42">
        <v>6848</v>
      </c>
      <c r="Z261" s="42">
        <v>7339</v>
      </c>
      <c r="AA261" s="42">
        <v>7213</v>
      </c>
      <c r="AB261" s="42">
        <v>8192</v>
      </c>
      <c r="AC261" s="42">
        <v>7250</v>
      </c>
      <c r="AD261" s="42">
        <v>7847</v>
      </c>
      <c r="AE261" s="7"/>
      <c r="AF261" s="13"/>
      <c r="AG261" s="9"/>
      <c r="AH261" s="9"/>
      <c r="AI261" s="9"/>
      <c r="AJ261" s="9" t="s">
        <v>33</v>
      </c>
      <c r="AK261" s="21">
        <v>5585</v>
      </c>
      <c r="AL261" s="21">
        <v>2173</v>
      </c>
      <c r="AM261" s="21">
        <v>3343</v>
      </c>
      <c r="AN261" s="21">
        <v>2819</v>
      </c>
      <c r="AO261" s="21">
        <v>2561</v>
      </c>
      <c r="AP261" s="21">
        <v>3244</v>
      </c>
      <c r="AQ261" s="21">
        <v>5071</v>
      </c>
      <c r="AR261" s="21">
        <v>4890</v>
      </c>
      <c r="AS261" s="21">
        <v>5523</v>
      </c>
      <c r="AT261" s="21">
        <v>6583</v>
      </c>
      <c r="AU261" s="21">
        <v>7442</v>
      </c>
      <c r="AV261" s="21">
        <v>6032</v>
      </c>
      <c r="AW261" s="21">
        <v>6885</v>
      </c>
      <c r="AX261" s="21">
        <v>6671</v>
      </c>
      <c r="AY261" s="21">
        <v>7575</v>
      </c>
      <c r="AZ261" s="21">
        <v>6368</v>
      </c>
      <c r="BA261" s="21">
        <v>7230</v>
      </c>
      <c r="BB261" s="21">
        <v>7029</v>
      </c>
      <c r="BC261" s="21">
        <v>8041</v>
      </c>
      <c r="BD261" s="21">
        <v>6848</v>
      </c>
      <c r="BE261" s="21">
        <v>7339</v>
      </c>
      <c r="BF261" s="21">
        <v>7213</v>
      </c>
      <c r="BG261" s="21">
        <v>8192</v>
      </c>
      <c r="BH261" s="21">
        <v>7250</v>
      </c>
      <c r="BI261" s="21">
        <v>7993</v>
      </c>
      <c r="BJ261" s="14"/>
      <c r="BK261" s="16"/>
      <c r="BL261" s="9"/>
      <c r="BM261" s="9"/>
      <c r="BN261" s="9"/>
      <c r="BO261" s="9" t="s">
        <v>33</v>
      </c>
      <c r="BP261" s="21">
        <f t="shared" si="350"/>
        <v>0</v>
      </c>
      <c r="BQ261" s="21">
        <f t="shared" si="351"/>
        <v>1</v>
      </c>
      <c r="BR261" s="21">
        <f t="shared" si="352"/>
        <v>0</v>
      </c>
      <c r="BS261" s="21">
        <f t="shared" si="353"/>
        <v>0</v>
      </c>
      <c r="BT261" s="21">
        <f t="shared" si="354"/>
        <v>24</v>
      </c>
      <c r="BU261" s="21">
        <f t="shared" si="355"/>
        <v>-5</v>
      </c>
      <c r="BV261" s="21">
        <f t="shared" si="356"/>
        <v>9</v>
      </c>
      <c r="BW261" s="21">
        <f t="shared" si="357"/>
        <v>0</v>
      </c>
      <c r="BX261" s="21">
        <f t="shared" si="358"/>
        <v>0</v>
      </c>
      <c r="BY261" s="21">
        <f t="shared" si="359"/>
        <v>0</v>
      </c>
      <c r="BZ261" s="21">
        <f t="shared" si="360"/>
        <v>0</v>
      </c>
      <c r="CA261" s="21">
        <f t="shared" si="361"/>
        <v>-3</v>
      </c>
      <c r="CB261" s="21">
        <f t="shared" si="362"/>
        <v>-5</v>
      </c>
      <c r="CC261" s="21">
        <f t="shared" si="363"/>
        <v>-4</v>
      </c>
      <c r="CD261" s="21">
        <f t="shared" si="364"/>
        <v>-6</v>
      </c>
      <c r="CE261" s="21">
        <f t="shared" si="365"/>
        <v>-63</v>
      </c>
      <c r="CF261" s="21">
        <f t="shared" si="366"/>
        <v>0</v>
      </c>
      <c r="CG261" s="21">
        <f t="shared" si="367"/>
        <v>-1</v>
      </c>
      <c r="CH261" s="21">
        <f t="shared" si="368"/>
        <v>52</v>
      </c>
      <c r="CI261" s="21">
        <f t="shared" si="369"/>
        <v>0</v>
      </c>
      <c r="CJ261" s="21">
        <f t="shared" si="370"/>
        <v>0</v>
      </c>
      <c r="CK261" s="21">
        <f t="shared" si="371"/>
        <v>0</v>
      </c>
      <c r="CL261" s="21">
        <f t="shared" si="372"/>
        <v>0</v>
      </c>
      <c r="CM261" s="21">
        <f t="shared" si="373"/>
        <v>0</v>
      </c>
      <c r="CN261" s="21">
        <f t="shared" si="374"/>
        <v>146</v>
      </c>
      <c r="CO261" s="20"/>
    </row>
    <row r="262" spans="1:93" x14ac:dyDescent="0.7">
      <c r="A262" s="7"/>
      <c r="E262" s="8" t="s">
        <v>34</v>
      </c>
      <c r="F262" s="43" t="s">
        <v>40</v>
      </c>
      <c r="G262" s="43" t="s">
        <v>40</v>
      </c>
      <c r="H262" s="43" t="s">
        <v>40</v>
      </c>
      <c r="I262" s="43" t="s">
        <v>40</v>
      </c>
      <c r="J262" s="43" t="s">
        <v>40</v>
      </c>
      <c r="K262" s="43" t="s">
        <v>40</v>
      </c>
      <c r="L262" s="43" t="s">
        <v>40</v>
      </c>
      <c r="M262" s="43" t="s">
        <v>40</v>
      </c>
      <c r="N262" s="43" t="s">
        <v>40</v>
      </c>
      <c r="O262" s="43" t="s">
        <v>40</v>
      </c>
      <c r="P262" s="43" t="s">
        <v>40</v>
      </c>
      <c r="Q262" s="43" t="s">
        <v>40</v>
      </c>
      <c r="R262" s="43" t="s">
        <v>40</v>
      </c>
      <c r="S262" s="42">
        <v>0</v>
      </c>
      <c r="T262" s="42">
        <v>0</v>
      </c>
      <c r="U262" s="42">
        <v>0</v>
      </c>
      <c r="V262" s="42">
        <v>0</v>
      </c>
      <c r="W262" s="42">
        <v>0</v>
      </c>
      <c r="X262" s="43" t="s">
        <v>40</v>
      </c>
      <c r="Y262" s="43" t="s">
        <v>40</v>
      </c>
      <c r="Z262" s="43" t="s">
        <v>40</v>
      </c>
      <c r="AA262" s="43" t="s">
        <v>40</v>
      </c>
      <c r="AB262" s="43" t="s">
        <v>40</v>
      </c>
      <c r="AC262" s="43" t="s">
        <v>40</v>
      </c>
      <c r="AD262" s="43" t="s">
        <v>40</v>
      </c>
      <c r="AE262" s="7"/>
      <c r="AF262" s="13"/>
      <c r="AG262" s="9"/>
      <c r="AH262" s="9"/>
      <c r="AI262" s="9"/>
      <c r="AJ262" s="9" t="s">
        <v>34</v>
      </c>
      <c r="AK262" s="43" t="s">
        <v>40</v>
      </c>
      <c r="AL262" s="43" t="s">
        <v>40</v>
      </c>
      <c r="AM262" s="43" t="s">
        <v>40</v>
      </c>
      <c r="AN262" s="43" t="s">
        <v>40</v>
      </c>
      <c r="AO262" s="43" t="s">
        <v>40</v>
      </c>
      <c r="AP262" s="43" t="s">
        <v>40</v>
      </c>
      <c r="AQ262" s="43" t="s">
        <v>40</v>
      </c>
      <c r="AR262" s="43" t="s">
        <v>40</v>
      </c>
      <c r="AS262" s="43" t="s">
        <v>40</v>
      </c>
      <c r="AT262" s="43" t="s">
        <v>40</v>
      </c>
      <c r="AU262" s="43" t="s">
        <v>40</v>
      </c>
      <c r="AV262" s="43" t="s">
        <v>40</v>
      </c>
      <c r="AW262" s="43" t="s">
        <v>40</v>
      </c>
      <c r="AX262" s="43" t="s">
        <v>40</v>
      </c>
      <c r="AY262" s="43" t="s">
        <v>40</v>
      </c>
      <c r="AZ262" s="43" t="s">
        <v>40</v>
      </c>
      <c r="BA262" s="43" t="s">
        <v>40</v>
      </c>
      <c r="BB262" s="43" t="s">
        <v>40</v>
      </c>
      <c r="BC262" s="43" t="s">
        <v>40</v>
      </c>
      <c r="BD262" s="43" t="s">
        <v>40</v>
      </c>
      <c r="BE262" s="43" t="s">
        <v>40</v>
      </c>
      <c r="BF262" s="43" t="s">
        <v>40</v>
      </c>
      <c r="BG262" s="43" t="s">
        <v>40</v>
      </c>
      <c r="BH262" s="43" t="s">
        <v>40</v>
      </c>
      <c r="BI262" s="43" t="s">
        <v>40</v>
      </c>
      <c r="BJ262" s="14"/>
      <c r="BK262" s="16"/>
      <c r="BL262" s="9"/>
      <c r="BM262" s="9"/>
      <c r="BN262" s="9"/>
      <c r="BO262" s="9" t="s">
        <v>34</v>
      </c>
      <c r="BP262" s="43" t="s">
        <v>40</v>
      </c>
      <c r="BQ262" s="43" t="s">
        <v>40</v>
      </c>
      <c r="BR262" s="43" t="s">
        <v>40</v>
      </c>
      <c r="BS262" s="43" t="s">
        <v>40</v>
      </c>
      <c r="BT262" s="43" t="s">
        <v>40</v>
      </c>
      <c r="BU262" s="43" t="s">
        <v>40</v>
      </c>
      <c r="BV262" s="43" t="s">
        <v>40</v>
      </c>
      <c r="BW262" s="43" t="s">
        <v>40</v>
      </c>
      <c r="BX262" s="43" t="s">
        <v>40</v>
      </c>
      <c r="BY262" s="43" t="s">
        <v>40</v>
      </c>
      <c r="BZ262" s="43" t="s">
        <v>40</v>
      </c>
      <c r="CA262" s="43" t="s">
        <v>40</v>
      </c>
      <c r="CB262" s="43" t="s">
        <v>40</v>
      </c>
      <c r="CC262" s="43" t="s">
        <v>40</v>
      </c>
      <c r="CD262" s="43" t="s">
        <v>40</v>
      </c>
      <c r="CE262" s="43" t="s">
        <v>40</v>
      </c>
      <c r="CF262" s="43" t="s">
        <v>40</v>
      </c>
      <c r="CG262" s="43" t="s">
        <v>40</v>
      </c>
      <c r="CH262" s="43" t="s">
        <v>40</v>
      </c>
      <c r="CI262" s="43" t="s">
        <v>40</v>
      </c>
      <c r="CJ262" s="43" t="s">
        <v>40</v>
      </c>
      <c r="CK262" s="43" t="s">
        <v>40</v>
      </c>
      <c r="CL262" s="43" t="s">
        <v>40</v>
      </c>
      <c r="CM262" s="43" t="s">
        <v>40</v>
      </c>
      <c r="CN262" s="43" t="s">
        <v>40</v>
      </c>
      <c r="CO262" s="20"/>
    </row>
    <row r="263" spans="1:93" x14ac:dyDescent="0.7">
      <c r="A263" s="7"/>
      <c r="E263" s="8" t="s">
        <v>35</v>
      </c>
      <c r="F263" s="43" t="s">
        <v>40</v>
      </c>
      <c r="G263" s="43" t="s">
        <v>40</v>
      </c>
      <c r="H263" s="43" t="s">
        <v>40</v>
      </c>
      <c r="I263" s="43" t="s">
        <v>40</v>
      </c>
      <c r="J263" s="43" t="s">
        <v>40</v>
      </c>
      <c r="K263" s="43" t="s">
        <v>40</v>
      </c>
      <c r="L263" s="43" t="s">
        <v>40</v>
      </c>
      <c r="M263" s="43" t="s">
        <v>40</v>
      </c>
      <c r="N263" s="43" t="s">
        <v>40</v>
      </c>
      <c r="O263" s="43" t="s">
        <v>40</v>
      </c>
      <c r="P263" s="43" t="s">
        <v>40</v>
      </c>
      <c r="Q263" s="43" t="s">
        <v>40</v>
      </c>
      <c r="R263" s="43" t="s">
        <v>40</v>
      </c>
      <c r="S263" s="42">
        <v>0</v>
      </c>
      <c r="T263" s="42">
        <v>0</v>
      </c>
      <c r="U263" s="42">
        <v>0</v>
      </c>
      <c r="V263" s="42">
        <v>0</v>
      </c>
      <c r="W263" s="42">
        <v>0</v>
      </c>
      <c r="X263" s="43" t="s">
        <v>40</v>
      </c>
      <c r="Y263" s="43" t="s">
        <v>40</v>
      </c>
      <c r="Z263" s="43" t="s">
        <v>40</v>
      </c>
      <c r="AA263" s="43" t="s">
        <v>40</v>
      </c>
      <c r="AB263" s="43" t="s">
        <v>40</v>
      </c>
      <c r="AC263" s="43" t="s">
        <v>40</v>
      </c>
      <c r="AD263" s="43" t="s">
        <v>40</v>
      </c>
      <c r="AE263" s="7"/>
      <c r="AF263" s="13"/>
      <c r="AG263" s="9"/>
      <c r="AH263" s="9"/>
      <c r="AI263" s="9"/>
      <c r="AJ263" s="9" t="s">
        <v>35</v>
      </c>
      <c r="AK263" s="43" t="s">
        <v>40</v>
      </c>
      <c r="AL263" s="43" t="s">
        <v>40</v>
      </c>
      <c r="AM263" s="43" t="s">
        <v>40</v>
      </c>
      <c r="AN263" s="43" t="s">
        <v>40</v>
      </c>
      <c r="AO263" s="43" t="s">
        <v>40</v>
      </c>
      <c r="AP263" s="43" t="s">
        <v>40</v>
      </c>
      <c r="AQ263" s="43" t="s">
        <v>40</v>
      </c>
      <c r="AR263" s="43" t="s">
        <v>40</v>
      </c>
      <c r="AS263" s="43" t="s">
        <v>40</v>
      </c>
      <c r="AT263" s="43" t="s">
        <v>40</v>
      </c>
      <c r="AU263" s="43" t="s">
        <v>40</v>
      </c>
      <c r="AV263" s="43" t="s">
        <v>40</v>
      </c>
      <c r="AW263" s="43" t="s">
        <v>40</v>
      </c>
      <c r="AX263" s="43" t="s">
        <v>40</v>
      </c>
      <c r="AY263" s="43" t="s">
        <v>40</v>
      </c>
      <c r="AZ263" s="43" t="s">
        <v>40</v>
      </c>
      <c r="BA263" s="43" t="s">
        <v>40</v>
      </c>
      <c r="BB263" s="43" t="s">
        <v>40</v>
      </c>
      <c r="BC263" s="43" t="s">
        <v>40</v>
      </c>
      <c r="BD263" s="43" t="s">
        <v>40</v>
      </c>
      <c r="BE263" s="43" t="s">
        <v>40</v>
      </c>
      <c r="BF263" s="43" t="s">
        <v>40</v>
      </c>
      <c r="BG263" s="43" t="s">
        <v>40</v>
      </c>
      <c r="BH263" s="43" t="s">
        <v>40</v>
      </c>
      <c r="BI263" s="43" t="s">
        <v>40</v>
      </c>
      <c r="BJ263" s="14"/>
      <c r="BK263" s="16"/>
      <c r="BL263" s="9"/>
      <c r="BM263" s="9"/>
      <c r="BN263" s="9"/>
      <c r="BO263" s="9" t="s">
        <v>35</v>
      </c>
      <c r="BP263" s="43" t="s">
        <v>40</v>
      </c>
      <c r="BQ263" s="43" t="s">
        <v>40</v>
      </c>
      <c r="BR263" s="43" t="s">
        <v>40</v>
      </c>
      <c r="BS263" s="43" t="s">
        <v>40</v>
      </c>
      <c r="BT263" s="43" t="s">
        <v>40</v>
      </c>
      <c r="BU263" s="43" t="s">
        <v>40</v>
      </c>
      <c r="BV263" s="43" t="s">
        <v>40</v>
      </c>
      <c r="BW263" s="43" t="s">
        <v>40</v>
      </c>
      <c r="BX263" s="43" t="s">
        <v>40</v>
      </c>
      <c r="BY263" s="43" t="s">
        <v>40</v>
      </c>
      <c r="BZ263" s="43" t="s">
        <v>40</v>
      </c>
      <c r="CA263" s="43" t="s">
        <v>40</v>
      </c>
      <c r="CB263" s="43" t="s">
        <v>40</v>
      </c>
      <c r="CC263" s="43" t="s">
        <v>40</v>
      </c>
      <c r="CD263" s="43" t="s">
        <v>40</v>
      </c>
      <c r="CE263" s="43" t="s">
        <v>40</v>
      </c>
      <c r="CF263" s="43" t="s">
        <v>40</v>
      </c>
      <c r="CG263" s="43" t="s">
        <v>40</v>
      </c>
      <c r="CH263" s="43" t="s">
        <v>40</v>
      </c>
      <c r="CI263" s="43" t="s">
        <v>40</v>
      </c>
      <c r="CJ263" s="43" t="s">
        <v>40</v>
      </c>
      <c r="CK263" s="43" t="s">
        <v>40</v>
      </c>
      <c r="CL263" s="43" t="s">
        <v>40</v>
      </c>
      <c r="CM263" s="43" t="s">
        <v>40</v>
      </c>
      <c r="CN263" s="43" t="s">
        <v>40</v>
      </c>
      <c r="CO263" s="20"/>
    </row>
    <row r="264" spans="1:93" x14ac:dyDescent="0.7">
      <c r="A264" s="7"/>
      <c r="E264" s="8" t="s">
        <v>36</v>
      </c>
      <c r="F264" s="43" t="s">
        <v>40</v>
      </c>
      <c r="G264" s="43" t="s">
        <v>40</v>
      </c>
      <c r="H264" s="43" t="s">
        <v>40</v>
      </c>
      <c r="I264" s="43" t="s">
        <v>40</v>
      </c>
      <c r="J264" s="43" t="s">
        <v>40</v>
      </c>
      <c r="K264" s="43" t="s">
        <v>40</v>
      </c>
      <c r="L264" s="43" t="s">
        <v>40</v>
      </c>
      <c r="M264" s="43" t="s">
        <v>40</v>
      </c>
      <c r="N264" s="43" t="s">
        <v>40</v>
      </c>
      <c r="O264" s="43" t="s">
        <v>40</v>
      </c>
      <c r="P264" s="43" t="s">
        <v>40</v>
      </c>
      <c r="Q264" s="43" t="s">
        <v>40</v>
      </c>
      <c r="R264" s="43" t="s">
        <v>40</v>
      </c>
      <c r="S264" s="42">
        <v>0</v>
      </c>
      <c r="T264" s="42">
        <v>0</v>
      </c>
      <c r="U264" s="42">
        <v>0</v>
      </c>
      <c r="V264" s="42">
        <v>0</v>
      </c>
      <c r="W264" s="42">
        <v>0</v>
      </c>
      <c r="X264" s="43" t="s">
        <v>40</v>
      </c>
      <c r="Y264" s="43" t="s">
        <v>40</v>
      </c>
      <c r="Z264" s="43" t="s">
        <v>40</v>
      </c>
      <c r="AA264" s="43" t="s">
        <v>40</v>
      </c>
      <c r="AB264" s="43" t="s">
        <v>40</v>
      </c>
      <c r="AC264" s="43" t="s">
        <v>40</v>
      </c>
      <c r="AD264" s="43" t="s">
        <v>40</v>
      </c>
      <c r="AE264" s="7"/>
      <c r="AF264" s="13"/>
      <c r="AG264" s="9"/>
      <c r="AH264" s="9"/>
      <c r="AI264" s="9"/>
      <c r="AJ264" s="9" t="s">
        <v>36</v>
      </c>
      <c r="AK264" s="43" t="s">
        <v>40</v>
      </c>
      <c r="AL264" s="43" t="s">
        <v>40</v>
      </c>
      <c r="AM264" s="43" t="s">
        <v>40</v>
      </c>
      <c r="AN264" s="43" t="s">
        <v>40</v>
      </c>
      <c r="AO264" s="43" t="s">
        <v>40</v>
      </c>
      <c r="AP264" s="43" t="s">
        <v>40</v>
      </c>
      <c r="AQ264" s="43" t="s">
        <v>40</v>
      </c>
      <c r="AR264" s="43" t="s">
        <v>40</v>
      </c>
      <c r="AS264" s="43" t="s">
        <v>40</v>
      </c>
      <c r="AT264" s="43" t="s">
        <v>40</v>
      </c>
      <c r="AU264" s="43" t="s">
        <v>40</v>
      </c>
      <c r="AV264" s="43" t="s">
        <v>40</v>
      </c>
      <c r="AW264" s="43" t="s">
        <v>40</v>
      </c>
      <c r="AX264" s="43" t="s">
        <v>40</v>
      </c>
      <c r="AY264" s="43" t="s">
        <v>40</v>
      </c>
      <c r="AZ264" s="43" t="s">
        <v>40</v>
      </c>
      <c r="BA264" s="43" t="s">
        <v>40</v>
      </c>
      <c r="BB264" s="43" t="s">
        <v>40</v>
      </c>
      <c r="BC264" s="43" t="s">
        <v>40</v>
      </c>
      <c r="BD264" s="43" t="s">
        <v>40</v>
      </c>
      <c r="BE264" s="43" t="s">
        <v>40</v>
      </c>
      <c r="BF264" s="43" t="s">
        <v>40</v>
      </c>
      <c r="BG264" s="43" t="s">
        <v>40</v>
      </c>
      <c r="BH264" s="43" t="s">
        <v>40</v>
      </c>
      <c r="BI264" s="43" t="s">
        <v>40</v>
      </c>
      <c r="BJ264" s="14"/>
      <c r="BK264" s="16"/>
      <c r="BL264" s="9"/>
      <c r="BM264" s="9"/>
      <c r="BN264" s="9"/>
      <c r="BO264" s="9" t="s">
        <v>36</v>
      </c>
      <c r="BP264" s="43" t="s">
        <v>40</v>
      </c>
      <c r="BQ264" s="43" t="s">
        <v>40</v>
      </c>
      <c r="BR264" s="43" t="s">
        <v>40</v>
      </c>
      <c r="BS264" s="43" t="s">
        <v>40</v>
      </c>
      <c r="BT264" s="43" t="s">
        <v>40</v>
      </c>
      <c r="BU264" s="43" t="s">
        <v>40</v>
      </c>
      <c r="BV264" s="43" t="s">
        <v>40</v>
      </c>
      <c r="BW264" s="43" t="s">
        <v>40</v>
      </c>
      <c r="BX264" s="43" t="s">
        <v>40</v>
      </c>
      <c r="BY264" s="43" t="s">
        <v>40</v>
      </c>
      <c r="BZ264" s="43" t="s">
        <v>40</v>
      </c>
      <c r="CA264" s="43" t="s">
        <v>40</v>
      </c>
      <c r="CB264" s="43" t="s">
        <v>40</v>
      </c>
      <c r="CC264" s="43" t="s">
        <v>40</v>
      </c>
      <c r="CD264" s="43" t="s">
        <v>40</v>
      </c>
      <c r="CE264" s="43" t="s">
        <v>40</v>
      </c>
      <c r="CF264" s="43" t="s">
        <v>40</v>
      </c>
      <c r="CG264" s="43" t="s">
        <v>40</v>
      </c>
      <c r="CH264" s="43" t="s">
        <v>40</v>
      </c>
      <c r="CI264" s="43" t="s">
        <v>40</v>
      </c>
      <c r="CJ264" s="43" t="s">
        <v>40</v>
      </c>
      <c r="CK264" s="43" t="s">
        <v>40</v>
      </c>
      <c r="CL264" s="43" t="s">
        <v>40</v>
      </c>
      <c r="CM264" s="43" t="s">
        <v>40</v>
      </c>
      <c r="CN264" s="43" t="s">
        <v>40</v>
      </c>
      <c r="CO264" s="20"/>
    </row>
    <row r="265" spans="1:93" x14ac:dyDescent="0.7">
      <c r="A265" s="7"/>
      <c r="D265" s="8" t="s">
        <v>37</v>
      </c>
      <c r="E265" s="8" t="s">
        <v>27</v>
      </c>
      <c r="F265" s="42">
        <v>6399</v>
      </c>
      <c r="G265" s="42">
        <v>1584</v>
      </c>
      <c r="H265" s="42">
        <v>5173</v>
      </c>
      <c r="I265" s="42">
        <v>2569</v>
      </c>
      <c r="J265" s="42">
        <v>1948</v>
      </c>
      <c r="K265" s="42">
        <v>3437</v>
      </c>
      <c r="L265" s="42">
        <v>9121</v>
      </c>
      <c r="M265" s="42">
        <v>7214</v>
      </c>
      <c r="N265" s="42">
        <v>7090</v>
      </c>
      <c r="O265" s="42">
        <v>9880</v>
      </c>
      <c r="P265" s="42">
        <v>14970</v>
      </c>
      <c r="Q265" s="42">
        <v>11665</v>
      </c>
      <c r="R265" s="42">
        <v>11993</v>
      </c>
      <c r="S265" s="42">
        <v>13882</v>
      </c>
      <c r="T265" s="42">
        <v>17164</v>
      </c>
      <c r="U265" s="42">
        <v>15962</v>
      </c>
      <c r="V265" s="42">
        <v>17329</v>
      </c>
      <c r="W265" s="42">
        <v>19543</v>
      </c>
      <c r="X265" s="42">
        <v>23644</v>
      </c>
      <c r="Y265" s="42">
        <v>20378</v>
      </c>
      <c r="Z265" s="42">
        <v>19604</v>
      </c>
      <c r="AA265" s="42">
        <v>24151</v>
      </c>
      <c r="AB265" s="42">
        <v>30544</v>
      </c>
      <c r="AC265" s="42">
        <v>25534</v>
      </c>
      <c r="AD265" s="42">
        <v>22169</v>
      </c>
      <c r="AE265" s="7"/>
      <c r="AF265" s="13"/>
      <c r="AG265" s="9"/>
      <c r="AH265" s="9"/>
      <c r="AI265" s="9" t="s">
        <v>37</v>
      </c>
      <c r="AJ265" s="9" t="s">
        <v>27</v>
      </c>
      <c r="AK265" s="21">
        <v>6405</v>
      </c>
      <c r="AL265" s="21">
        <v>1571</v>
      </c>
      <c r="AM265" s="21">
        <v>5206</v>
      </c>
      <c r="AN265" s="21">
        <v>2583</v>
      </c>
      <c r="AO265" s="21">
        <v>1999</v>
      </c>
      <c r="AP265" s="21">
        <v>3455</v>
      </c>
      <c r="AQ265" s="21">
        <v>9271</v>
      </c>
      <c r="AR265" s="21">
        <v>7386</v>
      </c>
      <c r="AS265" s="21">
        <v>6608</v>
      </c>
      <c r="AT265" s="21">
        <v>9276</v>
      </c>
      <c r="AU265" s="21">
        <v>14643</v>
      </c>
      <c r="AV265" s="21">
        <v>11072</v>
      </c>
      <c r="AW265" s="21">
        <v>12238</v>
      </c>
      <c r="AX265" s="21">
        <v>14140</v>
      </c>
      <c r="AY265" s="21">
        <v>17454</v>
      </c>
      <c r="AZ265" s="21">
        <v>16212</v>
      </c>
      <c r="BA265" s="21">
        <v>17593</v>
      </c>
      <c r="BB265" s="21">
        <v>19815</v>
      </c>
      <c r="BC265" s="21">
        <v>24176</v>
      </c>
      <c r="BD265" s="21">
        <v>19367</v>
      </c>
      <c r="BE265" s="21">
        <v>19137</v>
      </c>
      <c r="BF265" s="21">
        <v>22052</v>
      </c>
      <c r="BG265" s="21">
        <v>28416</v>
      </c>
      <c r="BH265" s="21">
        <v>24176</v>
      </c>
      <c r="BI265" s="21">
        <v>21833</v>
      </c>
      <c r="BJ265" s="14"/>
      <c r="BK265" s="16"/>
      <c r="BL265" s="9"/>
      <c r="BM265" s="9"/>
      <c r="BN265" s="9" t="s">
        <v>37</v>
      </c>
      <c r="BO265" s="9" t="s">
        <v>27</v>
      </c>
      <c r="BP265" s="21">
        <f t="shared" ref="BP265:BP266" si="375">AK265-F265</f>
        <v>6</v>
      </c>
      <c r="BQ265" s="21">
        <f t="shared" ref="BQ265:BQ266" si="376">AL265-G265</f>
        <v>-13</v>
      </c>
      <c r="BR265" s="21">
        <f t="shared" ref="BR265:BR266" si="377">AM265-H265</f>
        <v>33</v>
      </c>
      <c r="BS265" s="21">
        <f t="shared" ref="BS265:BS266" si="378">AN265-I265</f>
        <v>14</v>
      </c>
      <c r="BT265" s="21">
        <f t="shared" ref="BT265:BT266" si="379">AO265-J265</f>
        <v>51</v>
      </c>
      <c r="BU265" s="21">
        <f t="shared" ref="BU265:BU266" si="380">AP265-K265</f>
        <v>18</v>
      </c>
      <c r="BV265" s="21">
        <f t="shared" ref="BV265:BV266" si="381">AQ265-L265</f>
        <v>150</v>
      </c>
      <c r="BW265" s="21">
        <f t="shared" ref="BW265:BW266" si="382">AR265-M265</f>
        <v>172</v>
      </c>
      <c r="BX265" s="21">
        <f t="shared" ref="BX265:BX266" si="383">AS265-N265</f>
        <v>-482</v>
      </c>
      <c r="BY265" s="21">
        <f t="shared" ref="BY265:BY266" si="384">AT265-O265</f>
        <v>-604</v>
      </c>
      <c r="BZ265" s="21">
        <f t="shared" ref="BZ265:BZ266" si="385">AU265-P265</f>
        <v>-327</v>
      </c>
      <c r="CA265" s="21">
        <f t="shared" ref="CA265:CA266" si="386">AV265-Q265</f>
        <v>-593</v>
      </c>
      <c r="CB265" s="21">
        <f t="shared" ref="CB265:CB266" si="387">AW265-R265</f>
        <v>245</v>
      </c>
      <c r="CC265" s="21">
        <f t="shared" ref="CC265:CC266" si="388">AX265-S265</f>
        <v>258</v>
      </c>
      <c r="CD265" s="21">
        <f t="shared" ref="CD265:CD266" si="389">AY265-T265</f>
        <v>290</v>
      </c>
      <c r="CE265" s="21">
        <f t="shared" ref="CE265:CE266" si="390">AZ265-U265</f>
        <v>250</v>
      </c>
      <c r="CF265" s="21">
        <f t="shared" ref="CF265:CF266" si="391">BA265-V265</f>
        <v>264</v>
      </c>
      <c r="CG265" s="21">
        <f t="shared" ref="CG265:CG266" si="392">BB265-W265</f>
        <v>272</v>
      </c>
      <c r="CH265" s="21">
        <f t="shared" ref="CH265:CH266" si="393">BC265-X265</f>
        <v>532</v>
      </c>
      <c r="CI265" s="21">
        <f t="shared" ref="CI265:CI266" si="394">BD265-Y265</f>
        <v>-1011</v>
      </c>
      <c r="CJ265" s="21">
        <f t="shared" ref="CJ265:CJ266" si="395">BE265-Z265</f>
        <v>-467</v>
      </c>
      <c r="CK265" s="21">
        <f t="shared" ref="CK265:CK266" si="396">BF265-AA265</f>
        <v>-2099</v>
      </c>
      <c r="CL265" s="21">
        <f t="shared" ref="CL265:CL266" si="397">BG265-AB265</f>
        <v>-2128</v>
      </c>
      <c r="CM265" s="21">
        <f t="shared" ref="CM265:CM266" si="398">BH265-AC265</f>
        <v>-1358</v>
      </c>
      <c r="CN265" s="21">
        <f t="shared" ref="CN265:CN266" si="399">BI265-AD265</f>
        <v>-336</v>
      </c>
      <c r="CO265" s="20"/>
    </row>
    <row r="266" spans="1:93" x14ac:dyDescent="0.7">
      <c r="A266" s="7"/>
      <c r="E266" s="8" t="s">
        <v>28</v>
      </c>
      <c r="F266" s="42">
        <v>4353</v>
      </c>
      <c r="G266" s="42">
        <v>1218</v>
      </c>
      <c r="H266" s="42">
        <v>4016</v>
      </c>
      <c r="I266" s="42">
        <v>2000</v>
      </c>
      <c r="J266" s="42">
        <v>1477</v>
      </c>
      <c r="K266" s="42">
        <v>2718</v>
      </c>
      <c r="L266" s="42">
        <v>7031</v>
      </c>
      <c r="M266" s="42">
        <v>5462</v>
      </c>
      <c r="N266" s="42">
        <v>5234</v>
      </c>
      <c r="O266" s="42">
        <v>7439</v>
      </c>
      <c r="P266" s="42">
        <v>11543</v>
      </c>
      <c r="Q266" s="42">
        <v>9275</v>
      </c>
      <c r="R266" s="42">
        <v>9428</v>
      </c>
      <c r="S266" s="42">
        <v>11297</v>
      </c>
      <c r="T266" s="42">
        <v>14137</v>
      </c>
      <c r="U266" s="42">
        <v>13283</v>
      </c>
      <c r="V266" s="42">
        <v>14173</v>
      </c>
      <c r="W266" s="42">
        <v>16387</v>
      </c>
      <c r="X266" s="42">
        <v>19976</v>
      </c>
      <c r="Y266" s="42">
        <v>17472</v>
      </c>
      <c r="Z266" s="42">
        <v>16598</v>
      </c>
      <c r="AA266" s="42">
        <v>21062</v>
      </c>
      <c r="AB266" s="42">
        <v>26518</v>
      </c>
      <c r="AC266" s="42">
        <v>22355</v>
      </c>
      <c r="AD266" s="42">
        <v>19026</v>
      </c>
      <c r="AE266" s="7"/>
      <c r="AF266" s="13"/>
      <c r="AG266" s="9"/>
      <c r="AH266" s="9"/>
      <c r="AI266" s="9"/>
      <c r="AJ266" s="9" t="s">
        <v>28</v>
      </c>
      <c r="AK266" s="21">
        <v>4369</v>
      </c>
      <c r="AL266" s="21">
        <v>1214</v>
      </c>
      <c r="AM266" s="21">
        <v>4052</v>
      </c>
      <c r="AN266" s="21">
        <v>2018</v>
      </c>
      <c r="AO266" s="21">
        <v>1523</v>
      </c>
      <c r="AP266" s="21">
        <v>2741</v>
      </c>
      <c r="AQ266" s="21">
        <v>7177</v>
      </c>
      <c r="AR266" s="21">
        <v>5634</v>
      </c>
      <c r="AS266" s="21">
        <v>4833</v>
      </c>
      <c r="AT266" s="21">
        <v>6934</v>
      </c>
      <c r="AU266" s="21">
        <v>11306</v>
      </c>
      <c r="AV266" s="21">
        <v>8772</v>
      </c>
      <c r="AW266" s="21">
        <v>9529</v>
      </c>
      <c r="AX266" s="21">
        <v>11430</v>
      </c>
      <c r="AY266" s="21">
        <v>14317</v>
      </c>
      <c r="AZ266" s="21">
        <v>13495</v>
      </c>
      <c r="BA266" s="21">
        <v>14393</v>
      </c>
      <c r="BB266" s="21">
        <v>16651</v>
      </c>
      <c r="BC266" s="21">
        <v>20514</v>
      </c>
      <c r="BD266" s="21">
        <v>16593</v>
      </c>
      <c r="BE266" s="21">
        <v>16257</v>
      </c>
      <c r="BF266" s="21">
        <v>19212</v>
      </c>
      <c r="BG266" s="21">
        <v>24656</v>
      </c>
      <c r="BH266" s="21">
        <v>21242</v>
      </c>
      <c r="BI266" s="21">
        <v>18641</v>
      </c>
      <c r="BJ266" s="14"/>
      <c r="BK266" s="16"/>
      <c r="BL266" s="9"/>
      <c r="BM266" s="9"/>
      <c r="BN266" s="9"/>
      <c r="BO266" s="9" t="s">
        <v>28</v>
      </c>
      <c r="BP266" s="21">
        <f t="shared" si="375"/>
        <v>16</v>
      </c>
      <c r="BQ266" s="21">
        <f t="shared" si="376"/>
        <v>-4</v>
      </c>
      <c r="BR266" s="21">
        <f t="shared" si="377"/>
        <v>36</v>
      </c>
      <c r="BS266" s="21">
        <f t="shared" si="378"/>
        <v>18</v>
      </c>
      <c r="BT266" s="21">
        <f t="shared" si="379"/>
        <v>46</v>
      </c>
      <c r="BU266" s="21">
        <f t="shared" si="380"/>
        <v>23</v>
      </c>
      <c r="BV266" s="21">
        <f t="shared" si="381"/>
        <v>146</v>
      </c>
      <c r="BW266" s="21">
        <f t="shared" si="382"/>
        <v>172</v>
      </c>
      <c r="BX266" s="21">
        <f t="shared" si="383"/>
        <v>-401</v>
      </c>
      <c r="BY266" s="21">
        <f t="shared" si="384"/>
        <v>-505</v>
      </c>
      <c r="BZ266" s="21">
        <f t="shared" si="385"/>
        <v>-237</v>
      </c>
      <c r="CA266" s="21">
        <f t="shared" si="386"/>
        <v>-503</v>
      </c>
      <c r="CB266" s="21">
        <f t="shared" si="387"/>
        <v>101</v>
      </c>
      <c r="CC266" s="21">
        <f t="shared" si="388"/>
        <v>133</v>
      </c>
      <c r="CD266" s="21">
        <f t="shared" si="389"/>
        <v>180</v>
      </c>
      <c r="CE266" s="21">
        <f t="shared" si="390"/>
        <v>212</v>
      </c>
      <c r="CF266" s="21">
        <f t="shared" si="391"/>
        <v>220</v>
      </c>
      <c r="CG266" s="21">
        <f t="shared" si="392"/>
        <v>264</v>
      </c>
      <c r="CH266" s="21">
        <f t="shared" si="393"/>
        <v>538</v>
      </c>
      <c r="CI266" s="21">
        <f t="shared" si="394"/>
        <v>-879</v>
      </c>
      <c r="CJ266" s="21">
        <f t="shared" si="395"/>
        <v>-341</v>
      </c>
      <c r="CK266" s="21">
        <f t="shared" si="396"/>
        <v>-1850</v>
      </c>
      <c r="CL266" s="21">
        <f t="shared" si="397"/>
        <v>-1862</v>
      </c>
      <c r="CM266" s="21">
        <f t="shared" si="398"/>
        <v>-1113</v>
      </c>
      <c r="CN266" s="21">
        <f t="shared" si="399"/>
        <v>-385</v>
      </c>
      <c r="CO266" s="20"/>
    </row>
    <row r="267" spans="1:93" x14ac:dyDescent="0.7">
      <c r="A267" s="7"/>
      <c r="E267" s="8" t="s">
        <v>29</v>
      </c>
      <c r="F267" s="43" t="s">
        <v>40</v>
      </c>
      <c r="G267" s="43" t="s">
        <v>40</v>
      </c>
      <c r="H267" s="43" t="s">
        <v>40</v>
      </c>
      <c r="I267" s="43" t="s">
        <v>40</v>
      </c>
      <c r="J267" s="43" t="s">
        <v>40</v>
      </c>
      <c r="K267" s="43" t="s">
        <v>40</v>
      </c>
      <c r="L267" s="43" t="s">
        <v>40</v>
      </c>
      <c r="M267" s="43" t="s">
        <v>40</v>
      </c>
      <c r="N267" s="43" t="s">
        <v>40</v>
      </c>
      <c r="O267" s="43" t="s">
        <v>40</v>
      </c>
      <c r="P267" s="43" t="s">
        <v>40</v>
      </c>
      <c r="Q267" s="43" t="s">
        <v>40</v>
      </c>
      <c r="R267" s="43" t="s">
        <v>40</v>
      </c>
      <c r="S267" s="42">
        <v>0</v>
      </c>
      <c r="T267" s="42">
        <v>0</v>
      </c>
      <c r="U267" s="42">
        <v>0</v>
      </c>
      <c r="V267" s="42">
        <v>0</v>
      </c>
      <c r="W267" s="42">
        <v>0</v>
      </c>
      <c r="X267" s="43" t="s">
        <v>40</v>
      </c>
      <c r="Y267" s="43" t="s">
        <v>40</v>
      </c>
      <c r="Z267" s="43" t="s">
        <v>40</v>
      </c>
      <c r="AA267" s="43" t="s">
        <v>40</v>
      </c>
      <c r="AB267" s="43" t="s">
        <v>40</v>
      </c>
      <c r="AC267" s="43" t="s">
        <v>40</v>
      </c>
      <c r="AD267" s="43" t="s">
        <v>40</v>
      </c>
      <c r="AE267" s="7"/>
      <c r="AF267" s="13"/>
      <c r="AG267" s="9"/>
      <c r="AH267" s="9"/>
      <c r="AI267" s="9"/>
      <c r="AJ267" s="9" t="s">
        <v>29</v>
      </c>
      <c r="AK267" s="43" t="s">
        <v>40</v>
      </c>
      <c r="AL267" s="43" t="s">
        <v>40</v>
      </c>
      <c r="AM267" s="43" t="s">
        <v>40</v>
      </c>
      <c r="AN267" s="43" t="s">
        <v>40</v>
      </c>
      <c r="AO267" s="43" t="s">
        <v>40</v>
      </c>
      <c r="AP267" s="43" t="s">
        <v>40</v>
      </c>
      <c r="AQ267" s="43" t="s">
        <v>40</v>
      </c>
      <c r="AR267" s="43" t="s">
        <v>40</v>
      </c>
      <c r="AS267" s="43" t="s">
        <v>40</v>
      </c>
      <c r="AT267" s="43" t="s">
        <v>40</v>
      </c>
      <c r="AU267" s="43" t="s">
        <v>40</v>
      </c>
      <c r="AV267" s="43" t="s">
        <v>40</v>
      </c>
      <c r="AW267" s="43" t="s">
        <v>40</v>
      </c>
      <c r="AX267" s="43" t="s">
        <v>40</v>
      </c>
      <c r="AY267" s="43" t="s">
        <v>40</v>
      </c>
      <c r="AZ267" s="43" t="s">
        <v>40</v>
      </c>
      <c r="BA267" s="43" t="s">
        <v>40</v>
      </c>
      <c r="BB267" s="43" t="s">
        <v>40</v>
      </c>
      <c r="BC267" s="43" t="s">
        <v>40</v>
      </c>
      <c r="BD267" s="43" t="s">
        <v>40</v>
      </c>
      <c r="BE267" s="43" t="s">
        <v>40</v>
      </c>
      <c r="BF267" s="43" t="s">
        <v>40</v>
      </c>
      <c r="BG267" s="43" t="s">
        <v>40</v>
      </c>
      <c r="BH267" s="43" t="s">
        <v>40</v>
      </c>
      <c r="BI267" s="43" t="s">
        <v>40</v>
      </c>
      <c r="BJ267" s="14"/>
      <c r="BK267" s="16"/>
      <c r="BL267" s="9"/>
      <c r="BM267" s="9"/>
      <c r="BN267" s="9"/>
      <c r="BO267" s="9" t="s">
        <v>29</v>
      </c>
      <c r="BP267" s="43" t="s">
        <v>40</v>
      </c>
      <c r="BQ267" s="43" t="s">
        <v>40</v>
      </c>
      <c r="BR267" s="43" t="s">
        <v>40</v>
      </c>
      <c r="BS267" s="43" t="s">
        <v>40</v>
      </c>
      <c r="BT267" s="43" t="s">
        <v>40</v>
      </c>
      <c r="BU267" s="43" t="s">
        <v>40</v>
      </c>
      <c r="BV267" s="43" t="s">
        <v>40</v>
      </c>
      <c r="BW267" s="43" t="s">
        <v>40</v>
      </c>
      <c r="BX267" s="43" t="s">
        <v>40</v>
      </c>
      <c r="BY267" s="43" t="s">
        <v>40</v>
      </c>
      <c r="BZ267" s="43" t="s">
        <v>40</v>
      </c>
      <c r="CA267" s="43" t="s">
        <v>40</v>
      </c>
      <c r="CB267" s="43" t="s">
        <v>40</v>
      </c>
      <c r="CC267" s="43" t="s">
        <v>40</v>
      </c>
      <c r="CD267" s="43" t="s">
        <v>40</v>
      </c>
      <c r="CE267" s="43" t="s">
        <v>40</v>
      </c>
      <c r="CF267" s="43" t="s">
        <v>40</v>
      </c>
      <c r="CG267" s="43" t="s">
        <v>40</v>
      </c>
      <c r="CH267" s="43" t="s">
        <v>40</v>
      </c>
      <c r="CI267" s="43" t="s">
        <v>40</v>
      </c>
      <c r="CJ267" s="43" t="s">
        <v>40</v>
      </c>
      <c r="CK267" s="43" t="s">
        <v>40</v>
      </c>
      <c r="CL267" s="43" t="s">
        <v>40</v>
      </c>
      <c r="CM267" s="43" t="s">
        <v>40</v>
      </c>
      <c r="CN267" s="43" t="s">
        <v>40</v>
      </c>
      <c r="CO267" s="20"/>
    </row>
    <row r="268" spans="1:93" x14ac:dyDescent="0.7">
      <c r="A268" s="7"/>
      <c r="E268" s="8" t="s">
        <v>30</v>
      </c>
      <c r="F268" s="42">
        <v>3366</v>
      </c>
      <c r="G268" s="42">
        <v>778</v>
      </c>
      <c r="H268" s="42">
        <v>3037</v>
      </c>
      <c r="I268" s="42">
        <v>1317</v>
      </c>
      <c r="J268" s="42">
        <v>844</v>
      </c>
      <c r="K268" s="42">
        <v>1750</v>
      </c>
      <c r="L268" s="42">
        <v>5098</v>
      </c>
      <c r="M268" s="42">
        <v>3840</v>
      </c>
      <c r="N268" s="42">
        <v>3530</v>
      </c>
      <c r="O268" s="42">
        <v>5140</v>
      </c>
      <c r="P268" s="42">
        <v>8357</v>
      </c>
      <c r="Q268" s="42">
        <v>6668</v>
      </c>
      <c r="R268" s="42">
        <v>5478</v>
      </c>
      <c r="S268" s="42">
        <v>6554</v>
      </c>
      <c r="T268" s="42">
        <v>8462</v>
      </c>
      <c r="U268" s="42">
        <v>7565</v>
      </c>
      <c r="V268" s="42">
        <v>8226</v>
      </c>
      <c r="W268" s="42">
        <v>9522</v>
      </c>
      <c r="X268" s="42">
        <v>11656</v>
      </c>
      <c r="Y268" s="42">
        <v>9949</v>
      </c>
      <c r="Z268" s="42">
        <v>9100</v>
      </c>
      <c r="AA268" s="42">
        <v>11362</v>
      </c>
      <c r="AB268" s="42">
        <v>14637</v>
      </c>
      <c r="AC268" s="42">
        <v>11880</v>
      </c>
      <c r="AD268" s="42">
        <v>10679</v>
      </c>
      <c r="AE268" s="7"/>
      <c r="AF268" s="13"/>
      <c r="AG268" s="9"/>
      <c r="AH268" s="9"/>
      <c r="AI268" s="9"/>
      <c r="AJ268" s="9" t="s">
        <v>30</v>
      </c>
      <c r="AK268" s="21">
        <v>3380</v>
      </c>
      <c r="AL268" s="21">
        <v>782</v>
      </c>
      <c r="AM268" s="21">
        <v>3060</v>
      </c>
      <c r="AN268" s="21">
        <v>1326</v>
      </c>
      <c r="AO268" s="21">
        <v>881</v>
      </c>
      <c r="AP268" s="21">
        <v>1758</v>
      </c>
      <c r="AQ268" s="21">
        <v>5184</v>
      </c>
      <c r="AR268" s="21">
        <v>3949</v>
      </c>
      <c r="AS268" s="21">
        <v>3330</v>
      </c>
      <c r="AT268" s="21">
        <v>4886</v>
      </c>
      <c r="AU268" s="21">
        <v>8280</v>
      </c>
      <c r="AV268" s="21">
        <v>6446</v>
      </c>
      <c r="AW268" s="21">
        <v>6131</v>
      </c>
      <c r="AX268" s="21">
        <v>7240</v>
      </c>
      <c r="AY268" s="21">
        <v>9280</v>
      </c>
      <c r="AZ268" s="21">
        <v>8200</v>
      </c>
      <c r="BA268" s="21">
        <v>8616</v>
      </c>
      <c r="BB268" s="21">
        <v>9860</v>
      </c>
      <c r="BC268" s="21">
        <v>12137</v>
      </c>
      <c r="BD268" s="21">
        <v>9255</v>
      </c>
      <c r="BE268" s="21">
        <v>8897</v>
      </c>
      <c r="BF268" s="21">
        <v>10367</v>
      </c>
      <c r="BG268" s="21">
        <v>13654</v>
      </c>
      <c r="BH268" s="21">
        <v>10767</v>
      </c>
      <c r="BI268" s="21">
        <v>10294</v>
      </c>
      <c r="BJ268" s="14"/>
      <c r="BK268" s="16"/>
      <c r="BL268" s="9"/>
      <c r="BM268" s="9"/>
      <c r="BN268" s="9"/>
      <c r="BO268" s="9" t="s">
        <v>30</v>
      </c>
      <c r="BP268" s="21">
        <f t="shared" ref="BP268:BP271" si="400">AK268-F268</f>
        <v>14</v>
      </c>
      <c r="BQ268" s="21">
        <f t="shared" ref="BQ268:BQ271" si="401">AL268-G268</f>
        <v>4</v>
      </c>
      <c r="BR268" s="21">
        <f t="shared" ref="BR268:BR271" si="402">AM268-H268</f>
        <v>23</v>
      </c>
      <c r="BS268" s="21">
        <f t="shared" ref="BS268:BS271" si="403">AN268-I268</f>
        <v>9</v>
      </c>
      <c r="BT268" s="21">
        <f t="shared" ref="BT268:BT271" si="404">AO268-J268</f>
        <v>37</v>
      </c>
      <c r="BU268" s="21">
        <f t="shared" ref="BU268:BU271" si="405">AP268-K268</f>
        <v>8</v>
      </c>
      <c r="BV268" s="21">
        <f t="shared" ref="BV268:BV271" si="406">AQ268-L268</f>
        <v>86</v>
      </c>
      <c r="BW268" s="21">
        <f t="shared" ref="BW268:BW271" si="407">AR268-M268</f>
        <v>109</v>
      </c>
      <c r="BX268" s="21">
        <f t="shared" ref="BX268:BX271" si="408">AS268-N268</f>
        <v>-200</v>
      </c>
      <c r="BY268" s="21">
        <f t="shared" ref="BY268:BY271" si="409">AT268-O268</f>
        <v>-254</v>
      </c>
      <c r="BZ268" s="21">
        <f t="shared" ref="BZ268:BZ271" si="410">AU268-P268</f>
        <v>-77</v>
      </c>
      <c r="CA268" s="21">
        <f t="shared" ref="CA268:CA271" si="411">AV268-Q268</f>
        <v>-222</v>
      </c>
      <c r="CB268" s="21">
        <f t="shared" ref="CB268:CB271" si="412">AW268-R268</f>
        <v>653</v>
      </c>
      <c r="CC268" s="21">
        <f t="shared" ref="CC268:CC271" si="413">AX268-S268</f>
        <v>686</v>
      </c>
      <c r="CD268" s="21">
        <f t="shared" ref="CD268:CD271" si="414">AY268-T268</f>
        <v>818</v>
      </c>
      <c r="CE268" s="21">
        <f t="shared" ref="CE268:CE271" si="415">AZ268-U268</f>
        <v>635</v>
      </c>
      <c r="CF268" s="21">
        <f t="shared" ref="CF268:CF271" si="416">BA268-V268</f>
        <v>390</v>
      </c>
      <c r="CG268" s="21">
        <f t="shared" ref="CG268:CG271" si="417">BB268-W268</f>
        <v>338</v>
      </c>
      <c r="CH268" s="21">
        <f t="shared" ref="CH268:CH271" si="418">BC268-X268</f>
        <v>481</v>
      </c>
      <c r="CI268" s="21">
        <f t="shared" ref="CI268:CI271" si="419">BD268-Y268</f>
        <v>-694</v>
      </c>
      <c r="CJ268" s="21">
        <f t="shared" ref="CJ268:CJ271" si="420">BE268-Z268</f>
        <v>-203</v>
      </c>
      <c r="CK268" s="21">
        <f t="shared" ref="CK268:CK271" si="421">BF268-AA268</f>
        <v>-995</v>
      </c>
      <c r="CL268" s="21">
        <f t="shared" ref="CL268:CL271" si="422">BG268-AB268</f>
        <v>-983</v>
      </c>
      <c r="CM268" s="21">
        <f t="shared" ref="CM268:CM271" si="423">BH268-AC268</f>
        <v>-1113</v>
      </c>
      <c r="CN268" s="21">
        <f t="shared" ref="CN268:CN271" si="424">BI268-AD268</f>
        <v>-385</v>
      </c>
      <c r="CO268" s="20"/>
    </row>
    <row r="269" spans="1:93" x14ac:dyDescent="0.7">
      <c r="A269" s="7"/>
      <c r="E269" s="8" t="s">
        <v>31</v>
      </c>
      <c r="F269" s="42">
        <v>987</v>
      </c>
      <c r="G269" s="42">
        <v>440</v>
      </c>
      <c r="H269" s="42">
        <v>979</v>
      </c>
      <c r="I269" s="42">
        <v>683</v>
      </c>
      <c r="J269" s="42">
        <v>633</v>
      </c>
      <c r="K269" s="42">
        <v>968</v>
      </c>
      <c r="L269" s="42">
        <v>1933</v>
      </c>
      <c r="M269" s="42">
        <v>1622</v>
      </c>
      <c r="N269" s="42">
        <v>1704</v>
      </c>
      <c r="O269" s="42">
        <v>2299</v>
      </c>
      <c r="P269" s="42">
        <v>3186</v>
      </c>
      <c r="Q269" s="42">
        <v>2607</v>
      </c>
      <c r="R269" s="42">
        <v>3950</v>
      </c>
      <c r="S269" s="42">
        <v>4741</v>
      </c>
      <c r="T269" s="42">
        <v>5705</v>
      </c>
      <c r="U269" s="42">
        <v>5696</v>
      </c>
      <c r="V269" s="42">
        <v>5942</v>
      </c>
      <c r="W269" s="42">
        <v>6860</v>
      </c>
      <c r="X269" s="42">
        <v>8320</v>
      </c>
      <c r="Y269" s="42">
        <v>7522</v>
      </c>
      <c r="Z269" s="42">
        <v>7497</v>
      </c>
      <c r="AA269" s="42">
        <v>9700</v>
      </c>
      <c r="AB269" s="42">
        <v>11881</v>
      </c>
      <c r="AC269" s="42">
        <v>10475</v>
      </c>
      <c r="AD269" s="42">
        <v>8348</v>
      </c>
      <c r="AE269" s="7"/>
      <c r="AF269" s="13"/>
      <c r="AG269" s="9"/>
      <c r="AH269" s="9"/>
      <c r="AI269" s="9"/>
      <c r="AJ269" s="9" t="s">
        <v>31</v>
      </c>
      <c r="AK269" s="21">
        <v>989</v>
      </c>
      <c r="AL269" s="21">
        <v>433</v>
      </c>
      <c r="AM269" s="21">
        <v>992</v>
      </c>
      <c r="AN269" s="21">
        <v>691</v>
      </c>
      <c r="AO269" s="21">
        <v>642</v>
      </c>
      <c r="AP269" s="21">
        <v>983</v>
      </c>
      <c r="AQ269" s="21">
        <v>1994</v>
      </c>
      <c r="AR269" s="21">
        <v>1685</v>
      </c>
      <c r="AS269" s="21">
        <v>1504</v>
      </c>
      <c r="AT269" s="21">
        <v>2048</v>
      </c>
      <c r="AU269" s="21">
        <v>3026</v>
      </c>
      <c r="AV269" s="21">
        <v>2326</v>
      </c>
      <c r="AW269" s="21">
        <v>3153</v>
      </c>
      <c r="AX269" s="21">
        <v>3963</v>
      </c>
      <c r="AY269" s="21">
        <v>4920</v>
      </c>
      <c r="AZ269" s="21">
        <v>5127</v>
      </c>
      <c r="BA269" s="21">
        <v>5655</v>
      </c>
      <c r="BB269" s="21">
        <v>6716</v>
      </c>
      <c r="BC269" s="21">
        <v>8377</v>
      </c>
      <c r="BD269" s="21">
        <v>7338</v>
      </c>
      <c r="BE269" s="21">
        <v>7360</v>
      </c>
      <c r="BF269" s="21">
        <v>8845</v>
      </c>
      <c r="BG269" s="21">
        <v>11002</v>
      </c>
      <c r="BH269" s="21">
        <v>10475</v>
      </c>
      <c r="BI269" s="21">
        <v>8348</v>
      </c>
      <c r="BJ269" s="14"/>
      <c r="BK269" s="16"/>
      <c r="BL269" s="9"/>
      <c r="BM269" s="9"/>
      <c r="BN269" s="9"/>
      <c r="BO269" s="9" t="s">
        <v>31</v>
      </c>
      <c r="BP269" s="21">
        <f t="shared" si="400"/>
        <v>2</v>
      </c>
      <c r="BQ269" s="21">
        <f t="shared" si="401"/>
        <v>-7</v>
      </c>
      <c r="BR269" s="21">
        <f t="shared" si="402"/>
        <v>13</v>
      </c>
      <c r="BS269" s="21">
        <f t="shared" si="403"/>
        <v>8</v>
      </c>
      <c r="BT269" s="21">
        <f t="shared" si="404"/>
        <v>9</v>
      </c>
      <c r="BU269" s="21">
        <f t="shared" si="405"/>
        <v>15</v>
      </c>
      <c r="BV269" s="21">
        <f t="shared" si="406"/>
        <v>61</v>
      </c>
      <c r="BW269" s="21">
        <f t="shared" si="407"/>
        <v>63</v>
      </c>
      <c r="BX269" s="21">
        <f t="shared" si="408"/>
        <v>-200</v>
      </c>
      <c r="BY269" s="21">
        <f t="shared" si="409"/>
        <v>-251</v>
      </c>
      <c r="BZ269" s="21">
        <f t="shared" si="410"/>
        <v>-160</v>
      </c>
      <c r="CA269" s="21">
        <f t="shared" si="411"/>
        <v>-281</v>
      </c>
      <c r="CB269" s="21">
        <f t="shared" si="412"/>
        <v>-797</v>
      </c>
      <c r="CC269" s="21">
        <f t="shared" si="413"/>
        <v>-778</v>
      </c>
      <c r="CD269" s="21">
        <f t="shared" si="414"/>
        <v>-785</v>
      </c>
      <c r="CE269" s="21">
        <f t="shared" si="415"/>
        <v>-569</v>
      </c>
      <c r="CF269" s="21">
        <f t="shared" si="416"/>
        <v>-287</v>
      </c>
      <c r="CG269" s="21">
        <f t="shared" si="417"/>
        <v>-144</v>
      </c>
      <c r="CH269" s="21">
        <f t="shared" si="418"/>
        <v>57</v>
      </c>
      <c r="CI269" s="21">
        <f t="shared" si="419"/>
        <v>-184</v>
      </c>
      <c r="CJ269" s="21">
        <f t="shared" si="420"/>
        <v>-137</v>
      </c>
      <c r="CK269" s="21">
        <f t="shared" si="421"/>
        <v>-855</v>
      </c>
      <c r="CL269" s="21">
        <f t="shared" si="422"/>
        <v>-879</v>
      </c>
      <c r="CM269" s="21">
        <f t="shared" si="423"/>
        <v>0</v>
      </c>
      <c r="CN269" s="21">
        <f t="shared" si="424"/>
        <v>0</v>
      </c>
      <c r="CO269" s="20"/>
    </row>
    <row r="270" spans="1:93" x14ac:dyDescent="0.7">
      <c r="A270" s="7"/>
      <c r="E270" s="8" t="s">
        <v>32</v>
      </c>
      <c r="F270" s="42">
        <v>2046</v>
      </c>
      <c r="G270" s="42">
        <v>366</v>
      </c>
      <c r="H270" s="42">
        <v>1157</v>
      </c>
      <c r="I270" s="42">
        <v>569</v>
      </c>
      <c r="J270" s="42">
        <v>471</v>
      </c>
      <c r="K270" s="42">
        <v>719</v>
      </c>
      <c r="L270" s="42">
        <v>2090</v>
      </c>
      <c r="M270" s="42">
        <v>1752</v>
      </c>
      <c r="N270" s="42">
        <v>1856</v>
      </c>
      <c r="O270" s="42">
        <v>2441</v>
      </c>
      <c r="P270" s="42">
        <v>3427</v>
      </c>
      <c r="Q270" s="42">
        <v>2390</v>
      </c>
      <c r="R270" s="42">
        <v>2565</v>
      </c>
      <c r="S270" s="42">
        <v>2588</v>
      </c>
      <c r="T270" s="42">
        <v>3028</v>
      </c>
      <c r="U270" s="42">
        <v>2681</v>
      </c>
      <c r="V270" s="42">
        <v>3117</v>
      </c>
      <c r="W270" s="42">
        <v>3149</v>
      </c>
      <c r="X270" s="42">
        <v>3668</v>
      </c>
      <c r="Y270" s="42">
        <v>2907</v>
      </c>
      <c r="Z270" s="42">
        <v>3007</v>
      </c>
      <c r="AA270" s="42">
        <v>3089</v>
      </c>
      <c r="AB270" s="42">
        <v>4026</v>
      </c>
      <c r="AC270" s="42">
        <v>3179</v>
      </c>
      <c r="AD270" s="42">
        <v>3143</v>
      </c>
      <c r="AE270" s="7"/>
      <c r="AF270" s="13"/>
      <c r="AG270" s="9"/>
      <c r="AH270" s="9"/>
      <c r="AI270" s="9"/>
      <c r="AJ270" s="9" t="s">
        <v>32</v>
      </c>
      <c r="AK270" s="21">
        <v>2036</v>
      </c>
      <c r="AL270" s="21">
        <v>356</v>
      </c>
      <c r="AM270" s="21">
        <v>1154</v>
      </c>
      <c r="AN270" s="21">
        <v>565</v>
      </c>
      <c r="AO270" s="21">
        <v>477</v>
      </c>
      <c r="AP270" s="21">
        <v>714</v>
      </c>
      <c r="AQ270" s="21">
        <v>2093</v>
      </c>
      <c r="AR270" s="21">
        <v>1752</v>
      </c>
      <c r="AS270" s="21">
        <v>1775</v>
      </c>
      <c r="AT270" s="21">
        <v>2342</v>
      </c>
      <c r="AU270" s="21">
        <v>3338</v>
      </c>
      <c r="AV270" s="21">
        <v>2300</v>
      </c>
      <c r="AW270" s="21">
        <v>2696</v>
      </c>
      <c r="AX270" s="21">
        <v>2690</v>
      </c>
      <c r="AY270" s="21">
        <v>3112</v>
      </c>
      <c r="AZ270" s="21">
        <v>2703</v>
      </c>
      <c r="BA270" s="21">
        <v>3145</v>
      </c>
      <c r="BB270" s="21">
        <v>3148</v>
      </c>
      <c r="BC270" s="21">
        <v>3662</v>
      </c>
      <c r="BD270" s="21">
        <v>2774</v>
      </c>
      <c r="BE270" s="21">
        <v>2880</v>
      </c>
      <c r="BF270" s="21">
        <v>2840</v>
      </c>
      <c r="BG270" s="21">
        <v>3761</v>
      </c>
      <c r="BH270" s="21">
        <v>2934</v>
      </c>
      <c r="BI270" s="21">
        <v>3192</v>
      </c>
      <c r="BJ270" s="14"/>
      <c r="BK270" s="16"/>
      <c r="BL270" s="9"/>
      <c r="BM270" s="9"/>
      <c r="BN270" s="9"/>
      <c r="BO270" s="9" t="s">
        <v>32</v>
      </c>
      <c r="BP270" s="21">
        <f t="shared" si="400"/>
        <v>-10</v>
      </c>
      <c r="BQ270" s="21">
        <f t="shared" si="401"/>
        <v>-10</v>
      </c>
      <c r="BR270" s="21">
        <f t="shared" si="402"/>
        <v>-3</v>
      </c>
      <c r="BS270" s="21">
        <f t="shared" si="403"/>
        <v>-4</v>
      </c>
      <c r="BT270" s="21">
        <f t="shared" si="404"/>
        <v>6</v>
      </c>
      <c r="BU270" s="21">
        <f t="shared" si="405"/>
        <v>-5</v>
      </c>
      <c r="BV270" s="21">
        <f t="shared" si="406"/>
        <v>3</v>
      </c>
      <c r="BW270" s="21">
        <f t="shared" si="407"/>
        <v>0</v>
      </c>
      <c r="BX270" s="21">
        <f t="shared" si="408"/>
        <v>-81</v>
      </c>
      <c r="BY270" s="21">
        <f t="shared" si="409"/>
        <v>-99</v>
      </c>
      <c r="BZ270" s="21">
        <f t="shared" si="410"/>
        <v>-89</v>
      </c>
      <c r="CA270" s="21">
        <f t="shared" si="411"/>
        <v>-90</v>
      </c>
      <c r="CB270" s="21">
        <f t="shared" si="412"/>
        <v>131</v>
      </c>
      <c r="CC270" s="21">
        <f t="shared" si="413"/>
        <v>102</v>
      </c>
      <c r="CD270" s="21">
        <f t="shared" si="414"/>
        <v>84</v>
      </c>
      <c r="CE270" s="21">
        <f t="shared" si="415"/>
        <v>22</v>
      </c>
      <c r="CF270" s="21">
        <f t="shared" si="416"/>
        <v>28</v>
      </c>
      <c r="CG270" s="21">
        <f t="shared" si="417"/>
        <v>-1</v>
      </c>
      <c r="CH270" s="21">
        <f t="shared" si="418"/>
        <v>-6</v>
      </c>
      <c r="CI270" s="21">
        <f t="shared" si="419"/>
        <v>-133</v>
      </c>
      <c r="CJ270" s="21">
        <f t="shared" si="420"/>
        <v>-127</v>
      </c>
      <c r="CK270" s="21">
        <f t="shared" si="421"/>
        <v>-249</v>
      </c>
      <c r="CL270" s="21">
        <f t="shared" si="422"/>
        <v>-265</v>
      </c>
      <c r="CM270" s="21">
        <f t="shared" si="423"/>
        <v>-245</v>
      </c>
      <c r="CN270" s="21">
        <f t="shared" si="424"/>
        <v>49</v>
      </c>
      <c r="CO270" s="20"/>
    </row>
    <row r="271" spans="1:93" x14ac:dyDescent="0.7">
      <c r="A271" s="7"/>
      <c r="E271" s="8" t="s">
        <v>33</v>
      </c>
      <c r="F271" s="42">
        <v>2046</v>
      </c>
      <c r="G271" s="42">
        <v>366</v>
      </c>
      <c r="H271" s="42">
        <v>1157</v>
      </c>
      <c r="I271" s="42">
        <v>569</v>
      </c>
      <c r="J271" s="42">
        <v>471</v>
      </c>
      <c r="K271" s="42">
        <v>719</v>
      </c>
      <c r="L271" s="42">
        <v>2090</v>
      </c>
      <c r="M271" s="42">
        <v>1752</v>
      </c>
      <c r="N271" s="42">
        <v>1856</v>
      </c>
      <c r="O271" s="42">
        <v>2441</v>
      </c>
      <c r="P271" s="42">
        <v>3427</v>
      </c>
      <c r="Q271" s="42">
        <v>2390</v>
      </c>
      <c r="R271" s="42">
        <v>2565</v>
      </c>
      <c r="S271" s="42">
        <v>2588</v>
      </c>
      <c r="T271" s="42">
        <v>3028</v>
      </c>
      <c r="U271" s="42">
        <v>2681</v>
      </c>
      <c r="V271" s="42">
        <v>3117</v>
      </c>
      <c r="W271" s="42">
        <v>3149</v>
      </c>
      <c r="X271" s="42">
        <v>3668</v>
      </c>
      <c r="Y271" s="42">
        <v>2907</v>
      </c>
      <c r="Z271" s="42">
        <v>3007</v>
      </c>
      <c r="AA271" s="42">
        <v>3089</v>
      </c>
      <c r="AB271" s="42">
        <v>4026</v>
      </c>
      <c r="AC271" s="42">
        <v>3179</v>
      </c>
      <c r="AD271" s="42">
        <v>3143</v>
      </c>
      <c r="AE271" s="7"/>
      <c r="AF271" s="13"/>
      <c r="AG271" s="9"/>
      <c r="AH271" s="9"/>
      <c r="AI271" s="9"/>
      <c r="AJ271" s="9" t="s">
        <v>33</v>
      </c>
      <c r="AK271" s="21">
        <v>2036</v>
      </c>
      <c r="AL271" s="21">
        <v>356</v>
      </c>
      <c r="AM271" s="21">
        <v>1154</v>
      </c>
      <c r="AN271" s="21">
        <v>565</v>
      </c>
      <c r="AO271" s="21">
        <v>477</v>
      </c>
      <c r="AP271" s="21">
        <v>714</v>
      </c>
      <c r="AQ271" s="21">
        <v>2093</v>
      </c>
      <c r="AR271" s="21">
        <v>1752</v>
      </c>
      <c r="AS271" s="21">
        <v>1775</v>
      </c>
      <c r="AT271" s="21">
        <v>2342</v>
      </c>
      <c r="AU271" s="21">
        <v>3338</v>
      </c>
      <c r="AV271" s="21">
        <v>2300</v>
      </c>
      <c r="AW271" s="21">
        <v>2696</v>
      </c>
      <c r="AX271" s="21">
        <v>2690</v>
      </c>
      <c r="AY271" s="21">
        <v>3112</v>
      </c>
      <c r="AZ271" s="21">
        <v>2703</v>
      </c>
      <c r="BA271" s="21">
        <v>3145</v>
      </c>
      <c r="BB271" s="21">
        <v>3148</v>
      </c>
      <c r="BC271" s="21">
        <v>3662</v>
      </c>
      <c r="BD271" s="21">
        <v>2774</v>
      </c>
      <c r="BE271" s="21">
        <v>2880</v>
      </c>
      <c r="BF271" s="21">
        <v>2840</v>
      </c>
      <c r="BG271" s="21">
        <v>3761</v>
      </c>
      <c r="BH271" s="21">
        <v>2934</v>
      </c>
      <c r="BI271" s="21">
        <v>3192</v>
      </c>
      <c r="BJ271" s="14"/>
      <c r="BK271" s="16"/>
      <c r="BL271" s="9"/>
      <c r="BM271" s="9"/>
      <c r="BN271" s="9"/>
      <c r="BO271" s="9" t="s">
        <v>33</v>
      </c>
      <c r="BP271" s="21">
        <f t="shared" si="400"/>
        <v>-10</v>
      </c>
      <c r="BQ271" s="21">
        <f t="shared" si="401"/>
        <v>-10</v>
      </c>
      <c r="BR271" s="21">
        <f t="shared" si="402"/>
        <v>-3</v>
      </c>
      <c r="BS271" s="21">
        <f t="shared" si="403"/>
        <v>-4</v>
      </c>
      <c r="BT271" s="21">
        <f t="shared" si="404"/>
        <v>6</v>
      </c>
      <c r="BU271" s="21">
        <f t="shared" si="405"/>
        <v>-5</v>
      </c>
      <c r="BV271" s="21">
        <f t="shared" si="406"/>
        <v>3</v>
      </c>
      <c r="BW271" s="21">
        <f t="shared" si="407"/>
        <v>0</v>
      </c>
      <c r="BX271" s="21">
        <f t="shared" si="408"/>
        <v>-81</v>
      </c>
      <c r="BY271" s="21">
        <f t="shared" si="409"/>
        <v>-99</v>
      </c>
      <c r="BZ271" s="21">
        <f t="shared" si="410"/>
        <v>-89</v>
      </c>
      <c r="CA271" s="21">
        <f t="shared" si="411"/>
        <v>-90</v>
      </c>
      <c r="CB271" s="21">
        <f t="shared" si="412"/>
        <v>131</v>
      </c>
      <c r="CC271" s="21">
        <f t="shared" si="413"/>
        <v>102</v>
      </c>
      <c r="CD271" s="21">
        <f t="shared" si="414"/>
        <v>84</v>
      </c>
      <c r="CE271" s="21">
        <f t="shared" si="415"/>
        <v>22</v>
      </c>
      <c r="CF271" s="21">
        <f t="shared" si="416"/>
        <v>28</v>
      </c>
      <c r="CG271" s="21">
        <f t="shared" si="417"/>
        <v>-1</v>
      </c>
      <c r="CH271" s="21">
        <f t="shared" si="418"/>
        <v>-6</v>
      </c>
      <c r="CI271" s="21">
        <f t="shared" si="419"/>
        <v>-133</v>
      </c>
      <c r="CJ271" s="21">
        <f t="shared" si="420"/>
        <v>-127</v>
      </c>
      <c r="CK271" s="21">
        <f t="shared" si="421"/>
        <v>-249</v>
      </c>
      <c r="CL271" s="21">
        <f t="shared" si="422"/>
        <v>-265</v>
      </c>
      <c r="CM271" s="21">
        <f t="shared" si="423"/>
        <v>-245</v>
      </c>
      <c r="CN271" s="21">
        <f t="shared" si="424"/>
        <v>49</v>
      </c>
      <c r="CO271" s="20"/>
    </row>
    <row r="272" spans="1:93" x14ac:dyDescent="0.7">
      <c r="A272" s="7"/>
      <c r="E272" s="8" t="s">
        <v>34</v>
      </c>
      <c r="F272" s="43" t="s">
        <v>40</v>
      </c>
      <c r="G272" s="43" t="s">
        <v>40</v>
      </c>
      <c r="H272" s="43" t="s">
        <v>40</v>
      </c>
      <c r="I272" s="43" t="s">
        <v>40</v>
      </c>
      <c r="J272" s="43" t="s">
        <v>40</v>
      </c>
      <c r="K272" s="43" t="s">
        <v>40</v>
      </c>
      <c r="L272" s="43" t="s">
        <v>40</v>
      </c>
      <c r="M272" s="43" t="s">
        <v>40</v>
      </c>
      <c r="N272" s="43" t="s">
        <v>40</v>
      </c>
      <c r="O272" s="43" t="s">
        <v>40</v>
      </c>
      <c r="P272" s="43" t="s">
        <v>40</v>
      </c>
      <c r="Q272" s="43" t="s">
        <v>40</v>
      </c>
      <c r="R272" s="43" t="s">
        <v>40</v>
      </c>
      <c r="S272" s="42">
        <v>0</v>
      </c>
      <c r="T272" s="42">
        <v>0</v>
      </c>
      <c r="U272" s="42">
        <v>0</v>
      </c>
      <c r="V272" s="42">
        <v>0</v>
      </c>
      <c r="W272" s="42">
        <v>0</v>
      </c>
      <c r="X272" s="43" t="s">
        <v>40</v>
      </c>
      <c r="Y272" s="43" t="s">
        <v>40</v>
      </c>
      <c r="Z272" s="43" t="s">
        <v>40</v>
      </c>
      <c r="AA272" s="43" t="s">
        <v>40</v>
      </c>
      <c r="AB272" s="43" t="s">
        <v>40</v>
      </c>
      <c r="AC272" s="43" t="s">
        <v>40</v>
      </c>
      <c r="AD272" s="43" t="s">
        <v>40</v>
      </c>
      <c r="AE272" s="7"/>
      <c r="AF272" s="13"/>
      <c r="AG272" s="9"/>
      <c r="AH272" s="9"/>
      <c r="AI272" s="9"/>
      <c r="AJ272" s="9" t="s">
        <v>34</v>
      </c>
      <c r="AK272" s="43" t="s">
        <v>40</v>
      </c>
      <c r="AL272" s="43" t="s">
        <v>40</v>
      </c>
      <c r="AM272" s="43" t="s">
        <v>40</v>
      </c>
      <c r="AN272" s="43" t="s">
        <v>40</v>
      </c>
      <c r="AO272" s="43" t="s">
        <v>40</v>
      </c>
      <c r="AP272" s="43" t="s">
        <v>40</v>
      </c>
      <c r="AQ272" s="43" t="s">
        <v>40</v>
      </c>
      <c r="AR272" s="43" t="s">
        <v>40</v>
      </c>
      <c r="AS272" s="43" t="s">
        <v>40</v>
      </c>
      <c r="AT272" s="43" t="s">
        <v>40</v>
      </c>
      <c r="AU272" s="43" t="s">
        <v>40</v>
      </c>
      <c r="AV272" s="43" t="s">
        <v>40</v>
      </c>
      <c r="AW272" s="43" t="s">
        <v>40</v>
      </c>
      <c r="AX272" s="43" t="s">
        <v>40</v>
      </c>
      <c r="AY272" s="43" t="s">
        <v>40</v>
      </c>
      <c r="AZ272" s="43" t="s">
        <v>40</v>
      </c>
      <c r="BA272" s="43" t="s">
        <v>40</v>
      </c>
      <c r="BB272" s="43" t="s">
        <v>40</v>
      </c>
      <c r="BC272" s="43" t="s">
        <v>40</v>
      </c>
      <c r="BD272" s="43" t="s">
        <v>40</v>
      </c>
      <c r="BE272" s="43" t="s">
        <v>40</v>
      </c>
      <c r="BF272" s="43" t="s">
        <v>40</v>
      </c>
      <c r="BG272" s="43" t="s">
        <v>40</v>
      </c>
      <c r="BH272" s="43" t="s">
        <v>40</v>
      </c>
      <c r="BI272" s="43" t="s">
        <v>40</v>
      </c>
      <c r="BJ272" s="14"/>
      <c r="BK272" s="16"/>
      <c r="BL272" s="9"/>
      <c r="BM272" s="9"/>
      <c r="BN272" s="9"/>
      <c r="BO272" s="9" t="s">
        <v>34</v>
      </c>
      <c r="BP272" s="43" t="s">
        <v>40</v>
      </c>
      <c r="BQ272" s="43" t="s">
        <v>40</v>
      </c>
      <c r="BR272" s="43" t="s">
        <v>40</v>
      </c>
      <c r="BS272" s="43" t="s">
        <v>40</v>
      </c>
      <c r="BT272" s="43" t="s">
        <v>40</v>
      </c>
      <c r="BU272" s="43" t="s">
        <v>40</v>
      </c>
      <c r="BV272" s="43" t="s">
        <v>40</v>
      </c>
      <c r="BW272" s="43" t="s">
        <v>40</v>
      </c>
      <c r="BX272" s="43" t="s">
        <v>40</v>
      </c>
      <c r="BY272" s="43" t="s">
        <v>40</v>
      </c>
      <c r="BZ272" s="43" t="s">
        <v>40</v>
      </c>
      <c r="CA272" s="43" t="s">
        <v>40</v>
      </c>
      <c r="CB272" s="43" t="s">
        <v>40</v>
      </c>
      <c r="CC272" s="43" t="s">
        <v>40</v>
      </c>
      <c r="CD272" s="43" t="s">
        <v>40</v>
      </c>
      <c r="CE272" s="43" t="s">
        <v>40</v>
      </c>
      <c r="CF272" s="43" t="s">
        <v>40</v>
      </c>
      <c r="CG272" s="43" t="s">
        <v>40</v>
      </c>
      <c r="CH272" s="43" t="s">
        <v>40</v>
      </c>
      <c r="CI272" s="43" t="s">
        <v>40</v>
      </c>
      <c r="CJ272" s="43" t="s">
        <v>40</v>
      </c>
      <c r="CK272" s="43" t="s">
        <v>40</v>
      </c>
      <c r="CL272" s="43" t="s">
        <v>40</v>
      </c>
      <c r="CM272" s="43" t="s">
        <v>40</v>
      </c>
      <c r="CN272" s="43" t="s">
        <v>40</v>
      </c>
      <c r="CO272" s="20"/>
    </row>
    <row r="273" spans="1:93" x14ac:dyDescent="0.7">
      <c r="A273" s="7"/>
      <c r="E273" s="8" t="s">
        <v>35</v>
      </c>
      <c r="F273" s="43" t="s">
        <v>40</v>
      </c>
      <c r="G273" s="43" t="s">
        <v>40</v>
      </c>
      <c r="H273" s="43" t="s">
        <v>40</v>
      </c>
      <c r="I273" s="43" t="s">
        <v>40</v>
      </c>
      <c r="J273" s="43" t="s">
        <v>40</v>
      </c>
      <c r="K273" s="43" t="s">
        <v>40</v>
      </c>
      <c r="L273" s="43" t="s">
        <v>40</v>
      </c>
      <c r="M273" s="43" t="s">
        <v>40</v>
      </c>
      <c r="N273" s="43" t="s">
        <v>40</v>
      </c>
      <c r="O273" s="43" t="s">
        <v>40</v>
      </c>
      <c r="P273" s="43" t="s">
        <v>40</v>
      </c>
      <c r="Q273" s="43" t="s">
        <v>40</v>
      </c>
      <c r="R273" s="43" t="s">
        <v>40</v>
      </c>
      <c r="S273" s="42">
        <v>0</v>
      </c>
      <c r="T273" s="42">
        <v>0</v>
      </c>
      <c r="U273" s="42">
        <v>0</v>
      </c>
      <c r="V273" s="42">
        <v>0</v>
      </c>
      <c r="W273" s="42">
        <v>0</v>
      </c>
      <c r="X273" s="43" t="s">
        <v>40</v>
      </c>
      <c r="Y273" s="43" t="s">
        <v>40</v>
      </c>
      <c r="Z273" s="43" t="s">
        <v>40</v>
      </c>
      <c r="AA273" s="43" t="s">
        <v>40</v>
      </c>
      <c r="AB273" s="43" t="s">
        <v>40</v>
      </c>
      <c r="AC273" s="43" t="s">
        <v>40</v>
      </c>
      <c r="AD273" s="43" t="s">
        <v>40</v>
      </c>
      <c r="AE273" s="7"/>
      <c r="AF273" s="13"/>
      <c r="AG273" s="9"/>
      <c r="AH273" s="9"/>
      <c r="AI273" s="9"/>
      <c r="AJ273" s="9" t="s">
        <v>35</v>
      </c>
      <c r="AK273" s="43" t="s">
        <v>40</v>
      </c>
      <c r="AL273" s="43" t="s">
        <v>40</v>
      </c>
      <c r="AM273" s="43" t="s">
        <v>40</v>
      </c>
      <c r="AN273" s="43" t="s">
        <v>40</v>
      </c>
      <c r="AO273" s="43" t="s">
        <v>40</v>
      </c>
      <c r="AP273" s="43" t="s">
        <v>40</v>
      </c>
      <c r="AQ273" s="43" t="s">
        <v>40</v>
      </c>
      <c r="AR273" s="43" t="s">
        <v>40</v>
      </c>
      <c r="AS273" s="43" t="s">
        <v>40</v>
      </c>
      <c r="AT273" s="43" t="s">
        <v>40</v>
      </c>
      <c r="AU273" s="43" t="s">
        <v>40</v>
      </c>
      <c r="AV273" s="43" t="s">
        <v>40</v>
      </c>
      <c r="AW273" s="43" t="s">
        <v>40</v>
      </c>
      <c r="AX273" s="43" t="s">
        <v>40</v>
      </c>
      <c r="AY273" s="43" t="s">
        <v>40</v>
      </c>
      <c r="AZ273" s="43" t="s">
        <v>40</v>
      </c>
      <c r="BA273" s="43" t="s">
        <v>40</v>
      </c>
      <c r="BB273" s="43" t="s">
        <v>40</v>
      </c>
      <c r="BC273" s="43" t="s">
        <v>40</v>
      </c>
      <c r="BD273" s="43" t="s">
        <v>40</v>
      </c>
      <c r="BE273" s="43" t="s">
        <v>40</v>
      </c>
      <c r="BF273" s="43" t="s">
        <v>40</v>
      </c>
      <c r="BG273" s="43" t="s">
        <v>40</v>
      </c>
      <c r="BH273" s="43" t="s">
        <v>40</v>
      </c>
      <c r="BI273" s="43" t="s">
        <v>40</v>
      </c>
      <c r="BJ273" s="14"/>
      <c r="BK273" s="16"/>
      <c r="BL273" s="9"/>
      <c r="BM273" s="9"/>
      <c r="BN273" s="9"/>
      <c r="BO273" s="9" t="s">
        <v>35</v>
      </c>
      <c r="BP273" s="43" t="s">
        <v>40</v>
      </c>
      <c r="BQ273" s="43" t="s">
        <v>40</v>
      </c>
      <c r="BR273" s="43" t="s">
        <v>40</v>
      </c>
      <c r="BS273" s="43" t="s">
        <v>40</v>
      </c>
      <c r="BT273" s="43" t="s">
        <v>40</v>
      </c>
      <c r="BU273" s="43" t="s">
        <v>40</v>
      </c>
      <c r="BV273" s="43" t="s">
        <v>40</v>
      </c>
      <c r="BW273" s="43" t="s">
        <v>40</v>
      </c>
      <c r="BX273" s="43" t="s">
        <v>40</v>
      </c>
      <c r="BY273" s="43" t="s">
        <v>40</v>
      </c>
      <c r="BZ273" s="43" t="s">
        <v>40</v>
      </c>
      <c r="CA273" s="43" t="s">
        <v>40</v>
      </c>
      <c r="CB273" s="43" t="s">
        <v>40</v>
      </c>
      <c r="CC273" s="43" t="s">
        <v>40</v>
      </c>
      <c r="CD273" s="43" t="s">
        <v>40</v>
      </c>
      <c r="CE273" s="43" t="s">
        <v>40</v>
      </c>
      <c r="CF273" s="43" t="s">
        <v>40</v>
      </c>
      <c r="CG273" s="43" t="s">
        <v>40</v>
      </c>
      <c r="CH273" s="43" t="s">
        <v>40</v>
      </c>
      <c r="CI273" s="43" t="s">
        <v>40</v>
      </c>
      <c r="CJ273" s="43" t="s">
        <v>40</v>
      </c>
      <c r="CK273" s="43" t="s">
        <v>40</v>
      </c>
      <c r="CL273" s="43" t="s">
        <v>40</v>
      </c>
      <c r="CM273" s="43" t="s">
        <v>40</v>
      </c>
      <c r="CN273" s="43" t="s">
        <v>40</v>
      </c>
      <c r="CO273" s="20"/>
    </row>
    <row r="274" spans="1:93" x14ac:dyDescent="0.7">
      <c r="A274" s="7"/>
      <c r="E274" s="8" t="s">
        <v>36</v>
      </c>
      <c r="F274" s="43" t="s">
        <v>40</v>
      </c>
      <c r="G274" s="43" t="s">
        <v>40</v>
      </c>
      <c r="H274" s="43" t="s">
        <v>40</v>
      </c>
      <c r="I274" s="43" t="s">
        <v>40</v>
      </c>
      <c r="J274" s="43" t="s">
        <v>40</v>
      </c>
      <c r="K274" s="43" t="s">
        <v>40</v>
      </c>
      <c r="L274" s="43" t="s">
        <v>40</v>
      </c>
      <c r="M274" s="43" t="s">
        <v>40</v>
      </c>
      <c r="N274" s="43" t="s">
        <v>40</v>
      </c>
      <c r="O274" s="43" t="s">
        <v>40</v>
      </c>
      <c r="P274" s="43" t="s">
        <v>40</v>
      </c>
      <c r="Q274" s="43" t="s">
        <v>40</v>
      </c>
      <c r="R274" s="43" t="s">
        <v>40</v>
      </c>
      <c r="S274" s="42">
        <v>0</v>
      </c>
      <c r="T274" s="42">
        <v>0</v>
      </c>
      <c r="U274" s="42">
        <v>0</v>
      </c>
      <c r="V274" s="42">
        <v>0</v>
      </c>
      <c r="W274" s="42">
        <v>0</v>
      </c>
      <c r="X274" s="43" t="s">
        <v>40</v>
      </c>
      <c r="Y274" s="43" t="s">
        <v>40</v>
      </c>
      <c r="Z274" s="43" t="s">
        <v>40</v>
      </c>
      <c r="AA274" s="43" t="s">
        <v>40</v>
      </c>
      <c r="AB274" s="43" t="s">
        <v>40</v>
      </c>
      <c r="AC274" s="43" t="s">
        <v>40</v>
      </c>
      <c r="AD274" s="43" t="s">
        <v>40</v>
      </c>
      <c r="AE274" s="7"/>
      <c r="AF274" s="13"/>
      <c r="AG274" s="9"/>
      <c r="AH274" s="9"/>
      <c r="AI274" s="9"/>
      <c r="AJ274" s="9" t="s">
        <v>36</v>
      </c>
      <c r="AK274" s="43" t="s">
        <v>40</v>
      </c>
      <c r="AL274" s="43" t="s">
        <v>40</v>
      </c>
      <c r="AM274" s="43" t="s">
        <v>40</v>
      </c>
      <c r="AN274" s="43" t="s">
        <v>40</v>
      </c>
      <c r="AO274" s="43" t="s">
        <v>40</v>
      </c>
      <c r="AP274" s="43" t="s">
        <v>40</v>
      </c>
      <c r="AQ274" s="43" t="s">
        <v>40</v>
      </c>
      <c r="AR274" s="43" t="s">
        <v>40</v>
      </c>
      <c r="AS274" s="43" t="s">
        <v>40</v>
      </c>
      <c r="AT274" s="43" t="s">
        <v>40</v>
      </c>
      <c r="AU274" s="43" t="s">
        <v>40</v>
      </c>
      <c r="AV274" s="43" t="s">
        <v>40</v>
      </c>
      <c r="AW274" s="43" t="s">
        <v>40</v>
      </c>
      <c r="AX274" s="43" t="s">
        <v>40</v>
      </c>
      <c r="AY274" s="43" t="s">
        <v>40</v>
      </c>
      <c r="AZ274" s="43" t="s">
        <v>40</v>
      </c>
      <c r="BA274" s="43" t="s">
        <v>40</v>
      </c>
      <c r="BB274" s="43" t="s">
        <v>40</v>
      </c>
      <c r="BC274" s="43" t="s">
        <v>40</v>
      </c>
      <c r="BD274" s="43" t="s">
        <v>40</v>
      </c>
      <c r="BE274" s="43" t="s">
        <v>40</v>
      </c>
      <c r="BF274" s="43" t="s">
        <v>40</v>
      </c>
      <c r="BG274" s="43" t="s">
        <v>40</v>
      </c>
      <c r="BH274" s="43" t="s">
        <v>40</v>
      </c>
      <c r="BI274" s="43" t="s">
        <v>40</v>
      </c>
      <c r="BJ274" s="14"/>
      <c r="BK274" s="16"/>
      <c r="BL274" s="9"/>
      <c r="BM274" s="9"/>
      <c r="BN274" s="9"/>
      <c r="BO274" s="9" t="s">
        <v>36</v>
      </c>
      <c r="BP274" s="43" t="s">
        <v>40</v>
      </c>
      <c r="BQ274" s="43" t="s">
        <v>40</v>
      </c>
      <c r="BR274" s="43" t="s">
        <v>40</v>
      </c>
      <c r="BS274" s="43" t="s">
        <v>40</v>
      </c>
      <c r="BT274" s="43" t="s">
        <v>40</v>
      </c>
      <c r="BU274" s="43" t="s">
        <v>40</v>
      </c>
      <c r="BV274" s="43" t="s">
        <v>40</v>
      </c>
      <c r="BW274" s="43" t="s">
        <v>40</v>
      </c>
      <c r="BX274" s="43" t="s">
        <v>40</v>
      </c>
      <c r="BY274" s="43" t="s">
        <v>40</v>
      </c>
      <c r="BZ274" s="43" t="s">
        <v>40</v>
      </c>
      <c r="CA274" s="43" t="s">
        <v>40</v>
      </c>
      <c r="CB274" s="43" t="s">
        <v>40</v>
      </c>
      <c r="CC274" s="43" t="s">
        <v>40</v>
      </c>
      <c r="CD274" s="43" t="s">
        <v>40</v>
      </c>
      <c r="CE274" s="43" t="s">
        <v>40</v>
      </c>
      <c r="CF274" s="43" t="s">
        <v>40</v>
      </c>
      <c r="CG274" s="43" t="s">
        <v>40</v>
      </c>
      <c r="CH274" s="43" t="s">
        <v>40</v>
      </c>
      <c r="CI274" s="43" t="s">
        <v>40</v>
      </c>
      <c r="CJ274" s="43" t="s">
        <v>40</v>
      </c>
      <c r="CK274" s="43" t="s">
        <v>40</v>
      </c>
      <c r="CL274" s="43" t="s">
        <v>40</v>
      </c>
      <c r="CM274" s="43" t="s">
        <v>40</v>
      </c>
      <c r="CN274" s="43" t="s">
        <v>40</v>
      </c>
      <c r="CO274" s="20"/>
    </row>
    <row r="275" spans="1:93" x14ac:dyDescent="0.7">
      <c r="A275" s="7"/>
      <c r="D275" s="8" t="s">
        <v>38</v>
      </c>
      <c r="E275" s="8" t="s">
        <v>27</v>
      </c>
      <c r="F275" s="42">
        <v>14901</v>
      </c>
      <c r="G275" s="42">
        <v>13047</v>
      </c>
      <c r="H275" s="42">
        <v>13314</v>
      </c>
      <c r="I275" s="42">
        <v>15852</v>
      </c>
      <c r="J275" s="42">
        <v>15044</v>
      </c>
      <c r="K275" s="42">
        <v>16318</v>
      </c>
      <c r="L275" s="42">
        <v>15998</v>
      </c>
      <c r="M275" s="42">
        <v>17167</v>
      </c>
      <c r="N275" s="42">
        <v>16904</v>
      </c>
      <c r="O275" s="42">
        <v>18692</v>
      </c>
      <c r="P275" s="42">
        <v>18077</v>
      </c>
      <c r="Q275" s="42">
        <v>17467</v>
      </c>
      <c r="R275" s="42">
        <v>18335</v>
      </c>
      <c r="S275" s="42">
        <v>19234</v>
      </c>
      <c r="T275" s="42">
        <v>21584</v>
      </c>
      <c r="U275" s="42">
        <v>18238</v>
      </c>
      <c r="V275" s="42">
        <v>18002</v>
      </c>
      <c r="W275" s="42">
        <v>18460</v>
      </c>
      <c r="X275" s="42">
        <v>20304</v>
      </c>
      <c r="Y275" s="42">
        <v>19920</v>
      </c>
      <c r="Z275" s="42">
        <v>19848</v>
      </c>
      <c r="AA275" s="42">
        <v>19092</v>
      </c>
      <c r="AB275" s="42">
        <v>18799</v>
      </c>
      <c r="AC275" s="42">
        <v>20345</v>
      </c>
      <c r="AD275" s="42">
        <v>20568</v>
      </c>
      <c r="AE275" s="7"/>
      <c r="AF275" s="13"/>
      <c r="AG275" s="9"/>
      <c r="AH275" s="9"/>
      <c r="AI275" s="9" t="s">
        <v>38</v>
      </c>
      <c r="AJ275" s="9" t="s">
        <v>27</v>
      </c>
      <c r="AK275" s="21">
        <v>14895</v>
      </c>
      <c r="AL275" s="21">
        <v>13061</v>
      </c>
      <c r="AM275" s="21">
        <v>13281</v>
      </c>
      <c r="AN275" s="21">
        <v>15838</v>
      </c>
      <c r="AO275" s="21">
        <v>15037</v>
      </c>
      <c r="AP275" s="21">
        <v>16265</v>
      </c>
      <c r="AQ275" s="21">
        <v>15924</v>
      </c>
      <c r="AR275" s="21">
        <v>16995</v>
      </c>
      <c r="AS275" s="21">
        <v>17386</v>
      </c>
      <c r="AT275" s="21">
        <v>19299</v>
      </c>
      <c r="AU275" s="21">
        <v>18406</v>
      </c>
      <c r="AV275" s="21">
        <v>18018</v>
      </c>
      <c r="AW275" s="21">
        <v>18047</v>
      </c>
      <c r="AX275" s="21">
        <v>18932</v>
      </c>
      <c r="AY275" s="21">
        <v>21246</v>
      </c>
      <c r="AZ275" s="21">
        <v>17955</v>
      </c>
      <c r="BA275" s="21">
        <v>17738</v>
      </c>
      <c r="BB275" s="21">
        <v>18187</v>
      </c>
      <c r="BC275" s="21">
        <v>20192</v>
      </c>
      <c r="BD275" s="21">
        <v>20411</v>
      </c>
      <c r="BE275" s="21">
        <v>20026</v>
      </c>
      <c r="BF275" s="21">
        <v>21191</v>
      </c>
      <c r="BG275" s="21">
        <v>20926</v>
      </c>
      <c r="BH275" s="21">
        <v>21703</v>
      </c>
      <c r="BI275" s="21">
        <v>21094</v>
      </c>
      <c r="BJ275" s="14"/>
      <c r="BK275" s="16"/>
      <c r="BL275" s="9"/>
      <c r="BM275" s="9"/>
      <c r="BN275" s="9" t="s">
        <v>38</v>
      </c>
      <c r="BO275" s="9" t="s">
        <v>27</v>
      </c>
      <c r="BP275" s="21">
        <f t="shared" ref="BP275:BP276" si="425">AK275-F275</f>
        <v>-6</v>
      </c>
      <c r="BQ275" s="21">
        <f t="shared" ref="BQ275:BQ276" si="426">AL275-G275</f>
        <v>14</v>
      </c>
      <c r="BR275" s="21">
        <f t="shared" ref="BR275:BR276" si="427">AM275-H275</f>
        <v>-33</v>
      </c>
      <c r="BS275" s="21">
        <f t="shared" ref="BS275:BS276" si="428">AN275-I275</f>
        <v>-14</v>
      </c>
      <c r="BT275" s="21">
        <f t="shared" ref="BT275:BT276" si="429">AO275-J275</f>
        <v>-7</v>
      </c>
      <c r="BU275" s="21">
        <f t="shared" ref="BU275:BU276" si="430">AP275-K275</f>
        <v>-53</v>
      </c>
      <c r="BV275" s="21">
        <f t="shared" ref="BV275:BV276" si="431">AQ275-L275</f>
        <v>-74</v>
      </c>
      <c r="BW275" s="21">
        <f t="shared" ref="BW275:BW276" si="432">AR275-M275</f>
        <v>-172</v>
      </c>
      <c r="BX275" s="21">
        <f t="shared" ref="BX275:BX276" si="433">AS275-N275</f>
        <v>482</v>
      </c>
      <c r="BY275" s="21">
        <f t="shared" ref="BY275:BY276" si="434">AT275-O275</f>
        <v>607</v>
      </c>
      <c r="BZ275" s="21">
        <f t="shared" ref="BZ275:BZ276" si="435">AU275-P275</f>
        <v>329</v>
      </c>
      <c r="CA275" s="21">
        <f t="shared" ref="CA275:CA276" si="436">AV275-Q275</f>
        <v>551</v>
      </c>
      <c r="CB275" s="21">
        <f t="shared" ref="CB275:CB276" si="437">AW275-R275</f>
        <v>-288</v>
      </c>
      <c r="CC275" s="21">
        <f t="shared" ref="CC275:CC276" si="438">AX275-S275</f>
        <v>-302</v>
      </c>
      <c r="CD275" s="21">
        <f t="shared" ref="CD275:CD276" si="439">AY275-T275</f>
        <v>-338</v>
      </c>
      <c r="CE275" s="21">
        <f t="shared" ref="CE275:CE276" si="440">AZ275-U275</f>
        <v>-283</v>
      </c>
      <c r="CF275" s="21">
        <f t="shared" ref="CF275:CF276" si="441">BA275-V275</f>
        <v>-264</v>
      </c>
      <c r="CG275" s="21">
        <f t="shared" ref="CG275:CG276" si="442">BB275-W275</f>
        <v>-273</v>
      </c>
      <c r="CH275" s="21">
        <f t="shared" ref="CH275:CH276" si="443">BC275-X275</f>
        <v>-112</v>
      </c>
      <c r="CI275" s="21">
        <f t="shared" ref="CI275:CI276" si="444">BD275-Y275</f>
        <v>491</v>
      </c>
      <c r="CJ275" s="21">
        <f t="shared" ref="CJ275:CJ276" si="445">BE275-Z275</f>
        <v>178</v>
      </c>
      <c r="CK275" s="21">
        <f t="shared" ref="CK275:CK276" si="446">BF275-AA275</f>
        <v>2099</v>
      </c>
      <c r="CL275" s="21">
        <f t="shared" ref="CL275:CL276" si="447">BG275-AB275</f>
        <v>2127</v>
      </c>
      <c r="CM275" s="21">
        <f t="shared" ref="CM275:CM276" si="448">BH275-AC275</f>
        <v>1358</v>
      </c>
      <c r="CN275" s="21">
        <f t="shared" ref="CN275:CN276" si="449">BI275-AD275</f>
        <v>526</v>
      </c>
      <c r="CO275" s="20"/>
    </row>
    <row r="276" spans="1:93" x14ac:dyDescent="0.7">
      <c r="A276" s="7"/>
      <c r="E276" s="8" t="s">
        <v>28</v>
      </c>
      <c r="F276" s="42">
        <v>11574</v>
      </c>
      <c r="G276" s="42">
        <v>11271</v>
      </c>
      <c r="H276" s="42">
        <v>11222</v>
      </c>
      <c r="I276" s="42">
        <v>13649</v>
      </c>
      <c r="J276" s="42">
        <v>13016</v>
      </c>
      <c r="K276" s="42">
        <v>13838</v>
      </c>
      <c r="L276" s="42">
        <v>13185</v>
      </c>
      <c r="M276" s="42">
        <v>14136</v>
      </c>
      <c r="N276" s="42">
        <v>13350</v>
      </c>
      <c r="O276" s="42">
        <v>14699</v>
      </c>
      <c r="P276" s="42">
        <v>14301</v>
      </c>
      <c r="Q276" s="42">
        <v>13965</v>
      </c>
      <c r="R276" s="42">
        <v>14180</v>
      </c>
      <c r="S276" s="42">
        <v>15294</v>
      </c>
      <c r="T276" s="42">
        <v>17255</v>
      </c>
      <c r="U276" s="42">
        <v>14631</v>
      </c>
      <c r="V276" s="42">
        <v>14097</v>
      </c>
      <c r="W276" s="42">
        <v>14717</v>
      </c>
      <c r="X276" s="42">
        <v>16191</v>
      </c>
      <c r="Y276" s="42">
        <v>16117</v>
      </c>
      <c r="Z276" s="42">
        <v>15678</v>
      </c>
      <c r="AA276" s="42">
        <v>15088</v>
      </c>
      <c r="AB276" s="42">
        <v>14814</v>
      </c>
      <c r="AC276" s="42">
        <v>16402</v>
      </c>
      <c r="AD276" s="42">
        <v>16022</v>
      </c>
      <c r="AE276" s="7"/>
      <c r="AF276" s="13"/>
      <c r="AG276" s="9"/>
      <c r="AH276" s="9"/>
      <c r="AI276" s="9"/>
      <c r="AJ276" s="9" t="s">
        <v>28</v>
      </c>
      <c r="AK276" s="21">
        <v>11557</v>
      </c>
      <c r="AL276" s="21">
        <v>11275</v>
      </c>
      <c r="AM276" s="21">
        <v>11186</v>
      </c>
      <c r="AN276" s="21">
        <v>13631</v>
      </c>
      <c r="AO276" s="21">
        <v>12992</v>
      </c>
      <c r="AP276" s="21">
        <v>13785</v>
      </c>
      <c r="AQ276" s="21">
        <v>13106</v>
      </c>
      <c r="AR276" s="21">
        <v>13964</v>
      </c>
      <c r="AS276" s="21">
        <v>13751</v>
      </c>
      <c r="AT276" s="21">
        <v>15207</v>
      </c>
      <c r="AU276" s="21">
        <v>14540</v>
      </c>
      <c r="AV276" s="21">
        <v>14429</v>
      </c>
      <c r="AW276" s="21">
        <v>14040</v>
      </c>
      <c r="AX276" s="21">
        <v>15121</v>
      </c>
      <c r="AY276" s="21">
        <v>17031</v>
      </c>
      <c r="AZ276" s="21">
        <v>14449</v>
      </c>
      <c r="BA276" s="21">
        <v>13877</v>
      </c>
      <c r="BB276" s="21">
        <v>14452</v>
      </c>
      <c r="BC276" s="21">
        <v>16017</v>
      </c>
      <c r="BD276" s="21">
        <v>16475</v>
      </c>
      <c r="BE276" s="21">
        <v>15729</v>
      </c>
      <c r="BF276" s="21">
        <v>16939</v>
      </c>
      <c r="BG276" s="21">
        <v>16677</v>
      </c>
      <c r="BH276" s="21">
        <v>17515</v>
      </c>
      <c r="BI276" s="21">
        <v>16452</v>
      </c>
      <c r="BJ276" s="14"/>
      <c r="BK276" s="16"/>
      <c r="BL276" s="9"/>
      <c r="BM276" s="9"/>
      <c r="BN276" s="9"/>
      <c r="BO276" s="9" t="s">
        <v>28</v>
      </c>
      <c r="BP276" s="21">
        <f t="shared" si="425"/>
        <v>-17</v>
      </c>
      <c r="BQ276" s="21">
        <f t="shared" si="426"/>
        <v>4</v>
      </c>
      <c r="BR276" s="21">
        <f t="shared" si="427"/>
        <v>-36</v>
      </c>
      <c r="BS276" s="21">
        <f t="shared" si="428"/>
        <v>-18</v>
      </c>
      <c r="BT276" s="21">
        <f t="shared" si="429"/>
        <v>-24</v>
      </c>
      <c r="BU276" s="21">
        <f t="shared" si="430"/>
        <v>-53</v>
      </c>
      <c r="BV276" s="21">
        <f t="shared" si="431"/>
        <v>-79</v>
      </c>
      <c r="BW276" s="21">
        <f t="shared" si="432"/>
        <v>-172</v>
      </c>
      <c r="BX276" s="21">
        <f t="shared" si="433"/>
        <v>401</v>
      </c>
      <c r="BY276" s="21">
        <f t="shared" si="434"/>
        <v>508</v>
      </c>
      <c r="BZ276" s="21">
        <f t="shared" si="435"/>
        <v>239</v>
      </c>
      <c r="CA276" s="21">
        <f t="shared" si="436"/>
        <v>464</v>
      </c>
      <c r="CB276" s="21">
        <f t="shared" si="437"/>
        <v>-140</v>
      </c>
      <c r="CC276" s="21">
        <f t="shared" si="438"/>
        <v>-173</v>
      </c>
      <c r="CD276" s="21">
        <f t="shared" si="439"/>
        <v>-224</v>
      </c>
      <c r="CE276" s="21">
        <f t="shared" si="440"/>
        <v>-182</v>
      </c>
      <c r="CF276" s="21">
        <f t="shared" si="441"/>
        <v>-220</v>
      </c>
      <c r="CG276" s="21">
        <f t="shared" si="442"/>
        <v>-265</v>
      </c>
      <c r="CH276" s="21">
        <f t="shared" si="443"/>
        <v>-174</v>
      </c>
      <c r="CI276" s="21">
        <f t="shared" si="444"/>
        <v>358</v>
      </c>
      <c r="CJ276" s="21">
        <f t="shared" si="445"/>
        <v>51</v>
      </c>
      <c r="CK276" s="21">
        <f t="shared" si="446"/>
        <v>1851</v>
      </c>
      <c r="CL276" s="21">
        <f t="shared" si="447"/>
        <v>1863</v>
      </c>
      <c r="CM276" s="21">
        <f t="shared" si="448"/>
        <v>1113</v>
      </c>
      <c r="CN276" s="21">
        <f t="shared" si="449"/>
        <v>430</v>
      </c>
      <c r="CO276" s="20"/>
    </row>
    <row r="277" spans="1:93" x14ac:dyDescent="0.7">
      <c r="A277" s="7"/>
      <c r="E277" s="8" t="s">
        <v>29</v>
      </c>
      <c r="F277" s="43" t="s">
        <v>40</v>
      </c>
      <c r="G277" s="43" t="s">
        <v>40</v>
      </c>
      <c r="H277" s="43" t="s">
        <v>40</v>
      </c>
      <c r="I277" s="43" t="s">
        <v>40</v>
      </c>
      <c r="J277" s="43" t="s">
        <v>40</v>
      </c>
      <c r="K277" s="43" t="s">
        <v>40</v>
      </c>
      <c r="L277" s="43" t="s">
        <v>40</v>
      </c>
      <c r="M277" s="43" t="s">
        <v>40</v>
      </c>
      <c r="N277" s="43" t="s">
        <v>40</v>
      </c>
      <c r="O277" s="43" t="s">
        <v>40</v>
      </c>
      <c r="P277" s="43" t="s">
        <v>40</v>
      </c>
      <c r="Q277" s="43" t="s">
        <v>40</v>
      </c>
      <c r="R277" s="43" t="s">
        <v>40</v>
      </c>
      <c r="S277" s="42">
        <v>0</v>
      </c>
      <c r="T277" s="42">
        <v>0</v>
      </c>
      <c r="U277" s="42">
        <v>0</v>
      </c>
      <c r="V277" s="42">
        <v>0</v>
      </c>
      <c r="W277" s="42">
        <v>0</v>
      </c>
      <c r="X277" s="43" t="s">
        <v>40</v>
      </c>
      <c r="Y277" s="43" t="s">
        <v>40</v>
      </c>
      <c r="Z277" s="43" t="s">
        <v>40</v>
      </c>
      <c r="AA277" s="43" t="s">
        <v>40</v>
      </c>
      <c r="AB277" s="43" t="s">
        <v>40</v>
      </c>
      <c r="AC277" s="43" t="s">
        <v>40</v>
      </c>
      <c r="AD277" s="43" t="s">
        <v>40</v>
      </c>
      <c r="AE277" s="7"/>
      <c r="AF277" s="13"/>
      <c r="AG277" s="9"/>
      <c r="AH277" s="9"/>
      <c r="AI277" s="9"/>
      <c r="AJ277" s="9" t="s">
        <v>29</v>
      </c>
      <c r="AK277" s="43" t="s">
        <v>40</v>
      </c>
      <c r="AL277" s="43" t="s">
        <v>40</v>
      </c>
      <c r="AM277" s="43" t="s">
        <v>40</v>
      </c>
      <c r="AN277" s="43" t="s">
        <v>40</v>
      </c>
      <c r="AO277" s="43" t="s">
        <v>40</v>
      </c>
      <c r="AP277" s="43" t="s">
        <v>40</v>
      </c>
      <c r="AQ277" s="43" t="s">
        <v>40</v>
      </c>
      <c r="AR277" s="43" t="s">
        <v>40</v>
      </c>
      <c r="AS277" s="43" t="s">
        <v>40</v>
      </c>
      <c r="AT277" s="43" t="s">
        <v>40</v>
      </c>
      <c r="AU277" s="43" t="s">
        <v>40</v>
      </c>
      <c r="AV277" s="43" t="s">
        <v>40</v>
      </c>
      <c r="AW277" s="43" t="s">
        <v>40</v>
      </c>
      <c r="AX277" s="43" t="s">
        <v>40</v>
      </c>
      <c r="AY277" s="43" t="s">
        <v>40</v>
      </c>
      <c r="AZ277" s="43" t="s">
        <v>40</v>
      </c>
      <c r="BA277" s="43" t="s">
        <v>40</v>
      </c>
      <c r="BB277" s="43" t="s">
        <v>40</v>
      </c>
      <c r="BC277" s="43" t="s">
        <v>40</v>
      </c>
      <c r="BD277" s="43" t="s">
        <v>40</v>
      </c>
      <c r="BE277" s="43" t="s">
        <v>40</v>
      </c>
      <c r="BF277" s="43" t="s">
        <v>40</v>
      </c>
      <c r="BG277" s="43" t="s">
        <v>40</v>
      </c>
      <c r="BH277" s="43" t="s">
        <v>40</v>
      </c>
      <c r="BI277" s="43" t="s">
        <v>40</v>
      </c>
      <c r="BJ277" s="14"/>
      <c r="BK277" s="16"/>
      <c r="BL277" s="9"/>
      <c r="BM277" s="9"/>
      <c r="BN277" s="9"/>
      <c r="BO277" s="9" t="s">
        <v>29</v>
      </c>
      <c r="BP277" s="43" t="s">
        <v>40</v>
      </c>
      <c r="BQ277" s="43" t="s">
        <v>40</v>
      </c>
      <c r="BR277" s="43" t="s">
        <v>40</v>
      </c>
      <c r="BS277" s="43" t="s">
        <v>40</v>
      </c>
      <c r="BT277" s="43" t="s">
        <v>40</v>
      </c>
      <c r="BU277" s="43" t="s">
        <v>40</v>
      </c>
      <c r="BV277" s="43" t="s">
        <v>40</v>
      </c>
      <c r="BW277" s="43" t="s">
        <v>40</v>
      </c>
      <c r="BX277" s="43" t="s">
        <v>40</v>
      </c>
      <c r="BY277" s="43" t="s">
        <v>40</v>
      </c>
      <c r="BZ277" s="43" t="s">
        <v>40</v>
      </c>
      <c r="CA277" s="43" t="s">
        <v>40</v>
      </c>
      <c r="CB277" s="43" t="s">
        <v>40</v>
      </c>
      <c r="CC277" s="43" t="s">
        <v>40</v>
      </c>
      <c r="CD277" s="43" t="s">
        <v>40</v>
      </c>
      <c r="CE277" s="43" t="s">
        <v>40</v>
      </c>
      <c r="CF277" s="43" t="s">
        <v>40</v>
      </c>
      <c r="CG277" s="43" t="s">
        <v>40</v>
      </c>
      <c r="CH277" s="43" t="s">
        <v>40</v>
      </c>
      <c r="CI277" s="43" t="s">
        <v>40</v>
      </c>
      <c r="CJ277" s="43" t="s">
        <v>40</v>
      </c>
      <c r="CK277" s="43" t="s">
        <v>40</v>
      </c>
      <c r="CL277" s="43" t="s">
        <v>40</v>
      </c>
      <c r="CM277" s="43" t="s">
        <v>40</v>
      </c>
      <c r="CN277" s="43" t="s">
        <v>40</v>
      </c>
      <c r="CO277" s="20"/>
    </row>
    <row r="278" spans="1:93" x14ac:dyDescent="0.7">
      <c r="A278" s="7"/>
      <c r="E278" s="8" t="s">
        <v>30</v>
      </c>
      <c r="F278" s="42">
        <v>7269</v>
      </c>
      <c r="G278" s="42">
        <v>6578</v>
      </c>
      <c r="H278" s="42">
        <v>6614</v>
      </c>
      <c r="I278" s="42">
        <v>8013</v>
      </c>
      <c r="J278" s="42">
        <v>7549</v>
      </c>
      <c r="K278" s="42">
        <v>8005</v>
      </c>
      <c r="L278" s="42">
        <v>7794</v>
      </c>
      <c r="M278" s="42">
        <v>8285</v>
      </c>
      <c r="N278" s="42">
        <v>7677</v>
      </c>
      <c r="O278" s="42">
        <v>8394</v>
      </c>
      <c r="P278" s="42">
        <v>8104</v>
      </c>
      <c r="Q278" s="42">
        <v>7714</v>
      </c>
      <c r="R278" s="42">
        <v>7507</v>
      </c>
      <c r="S278" s="42">
        <v>8020</v>
      </c>
      <c r="T278" s="42">
        <v>9258</v>
      </c>
      <c r="U278" s="42">
        <v>7403</v>
      </c>
      <c r="V278" s="42">
        <v>7201</v>
      </c>
      <c r="W278" s="42">
        <v>7448</v>
      </c>
      <c r="X278" s="42">
        <v>8136</v>
      </c>
      <c r="Y278" s="42">
        <v>7964</v>
      </c>
      <c r="Z278" s="42">
        <v>7764</v>
      </c>
      <c r="AA278" s="42">
        <v>7120</v>
      </c>
      <c r="AB278" s="42">
        <v>6878</v>
      </c>
      <c r="AC278" s="42">
        <v>6628</v>
      </c>
      <c r="AD278" s="42">
        <v>7050</v>
      </c>
      <c r="AE278" s="7"/>
      <c r="AF278" s="13"/>
      <c r="AG278" s="9"/>
      <c r="AH278" s="9"/>
      <c r="AI278" s="9"/>
      <c r="AJ278" s="9" t="s">
        <v>30</v>
      </c>
      <c r="AK278" s="21">
        <v>7255</v>
      </c>
      <c r="AL278" s="21">
        <v>6575</v>
      </c>
      <c r="AM278" s="21">
        <v>6591</v>
      </c>
      <c r="AN278" s="21">
        <v>8003</v>
      </c>
      <c r="AO278" s="21">
        <v>7538</v>
      </c>
      <c r="AP278" s="21">
        <v>7974</v>
      </c>
      <c r="AQ278" s="21">
        <v>7761</v>
      </c>
      <c r="AR278" s="21">
        <v>8176</v>
      </c>
      <c r="AS278" s="21">
        <v>7889</v>
      </c>
      <c r="AT278" s="21">
        <v>8697</v>
      </c>
      <c r="AU278" s="21">
        <v>8278</v>
      </c>
      <c r="AV278" s="21">
        <v>8013</v>
      </c>
      <c r="AW278" s="21">
        <v>6959</v>
      </c>
      <c r="AX278" s="21">
        <v>7509</v>
      </c>
      <c r="AY278" s="21">
        <v>8794</v>
      </c>
      <c r="AZ278" s="21">
        <v>7100</v>
      </c>
      <c r="BA278" s="21">
        <v>6811</v>
      </c>
      <c r="BB278" s="21">
        <v>7110</v>
      </c>
      <c r="BC278" s="21">
        <v>7971</v>
      </c>
      <c r="BD278" s="21">
        <v>8137</v>
      </c>
      <c r="BE278" s="21">
        <v>7677</v>
      </c>
      <c r="BF278" s="21">
        <v>8114</v>
      </c>
      <c r="BG278" s="21">
        <v>7861</v>
      </c>
      <c r="BH278" s="21">
        <v>7740</v>
      </c>
      <c r="BI278" s="21">
        <v>7480</v>
      </c>
      <c r="BJ278" s="14"/>
      <c r="BK278" s="16"/>
      <c r="BL278" s="9"/>
      <c r="BM278" s="9"/>
      <c r="BN278" s="9"/>
      <c r="BO278" s="9" t="s">
        <v>30</v>
      </c>
      <c r="BP278" s="21">
        <f t="shared" ref="BP278:BP281" si="450">AK278-F278</f>
        <v>-14</v>
      </c>
      <c r="BQ278" s="21">
        <f t="shared" ref="BQ278:BQ281" si="451">AL278-G278</f>
        <v>-3</v>
      </c>
      <c r="BR278" s="21">
        <f t="shared" ref="BR278:BR281" si="452">AM278-H278</f>
        <v>-23</v>
      </c>
      <c r="BS278" s="21">
        <f t="shared" ref="BS278:BS281" si="453">AN278-I278</f>
        <v>-10</v>
      </c>
      <c r="BT278" s="21">
        <f t="shared" ref="BT278:BT281" si="454">AO278-J278</f>
        <v>-11</v>
      </c>
      <c r="BU278" s="21">
        <f t="shared" ref="BU278:BU281" si="455">AP278-K278</f>
        <v>-31</v>
      </c>
      <c r="BV278" s="21">
        <f t="shared" ref="BV278:BV281" si="456">AQ278-L278</f>
        <v>-33</v>
      </c>
      <c r="BW278" s="21">
        <f t="shared" ref="BW278:BW281" si="457">AR278-M278</f>
        <v>-109</v>
      </c>
      <c r="BX278" s="21">
        <f t="shared" ref="BX278:BX281" si="458">AS278-N278</f>
        <v>212</v>
      </c>
      <c r="BY278" s="21">
        <f t="shared" ref="BY278:BY281" si="459">AT278-O278</f>
        <v>303</v>
      </c>
      <c r="BZ278" s="21">
        <f t="shared" ref="BZ278:BZ281" si="460">AU278-P278</f>
        <v>174</v>
      </c>
      <c r="CA278" s="21">
        <f t="shared" ref="CA278:CA281" si="461">AV278-Q278</f>
        <v>299</v>
      </c>
      <c r="CB278" s="21">
        <f t="shared" ref="CB278:CB281" si="462">AW278-R278</f>
        <v>-548</v>
      </c>
      <c r="CC278" s="21">
        <f t="shared" ref="CC278:CC281" si="463">AX278-S278</f>
        <v>-511</v>
      </c>
      <c r="CD278" s="21">
        <f t="shared" ref="CD278:CD281" si="464">AY278-T278</f>
        <v>-464</v>
      </c>
      <c r="CE278" s="21">
        <f t="shared" ref="CE278:CE281" si="465">AZ278-U278</f>
        <v>-303</v>
      </c>
      <c r="CF278" s="21">
        <f t="shared" ref="CF278:CF281" si="466">BA278-V278</f>
        <v>-390</v>
      </c>
      <c r="CG278" s="21">
        <f t="shared" ref="CG278:CG281" si="467">BB278-W278</f>
        <v>-338</v>
      </c>
      <c r="CH278" s="21">
        <f t="shared" ref="CH278:CH281" si="468">BC278-X278</f>
        <v>-165</v>
      </c>
      <c r="CI278" s="21">
        <f t="shared" ref="CI278:CI281" si="469">BD278-Y278</f>
        <v>173</v>
      </c>
      <c r="CJ278" s="21">
        <f t="shared" ref="CJ278:CJ281" si="470">BE278-Z278</f>
        <v>-87</v>
      </c>
      <c r="CK278" s="21">
        <f t="shared" ref="CK278:CK281" si="471">BF278-AA278</f>
        <v>994</v>
      </c>
      <c r="CL278" s="21">
        <f t="shared" ref="CL278:CL281" si="472">BG278-AB278</f>
        <v>983</v>
      </c>
      <c r="CM278" s="21">
        <f t="shared" ref="CM278:CM281" si="473">BH278-AC278</f>
        <v>1112</v>
      </c>
      <c r="CN278" s="21">
        <f t="shared" ref="CN278:CN281" si="474">BI278-AD278</f>
        <v>430</v>
      </c>
      <c r="CO278" s="20"/>
    </row>
    <row r="279" spans="1:93" x14ac:dyDescent="0.7">
      <c r="A279" s="7"/>
      <c r="E279" s="8" t="s">
        <v>31</v>
      </c>
      <c r="F279" s="42">
        <v>4305</v>
      </c>
      <c r="G279" s="42">
        <v>4693</v>
      </c>
      <c r="H279" s="42">
        <v>4608</v>
      </c>
      <c r="I279" s="42">
        <v>5636</v>
      </c>
      <c r="J279" s="42">
        <v>5467</v>
      </c>
      <c r="K279" s="42">
        <v>5833</v>
      </c>
      <c r="L279" s="42">
        <v>5391</v>
      </c>
      <c r="M279" s="42">
        <v>5851</v>
      </c>
      <c r="N279" s="42">
        <v>5673</v>
      </c>
      <c r="O279" s="42">
        <v>6305</v>
      </c>
      <c r="P279" s="42">
        <v>6197</v>
      </c>
      <c r="Q279" s="42">
        <v>6251</v>
      </c>
      <c r="R279" s="42">
        <v>6673</v>
      </c>
      <c r="S279" s="42">
        <v>7276</v>
      </c>
      <c r="T279" s="42">
        <v>7967</v>
      </c>
      <c r="U279" s="42">
        <v>7250</v>
      </c>
      <c r="V279" s="42">
        <v>6901</v>
      </c>
      <c r="W279" s="42">
        <v>7274</v>
      </c>
      <c r="X279" s="42">
        <v>8056</v>
      </c>
      <c r="Y279" s="42">
        <v>8153</v>
      </c>
      <c r="Z279" s="42">
        <v>7914</v>
      </c>
      <c r="AA279" s="42">
        <v>7968</v>
      </c>
      <c r="AB279" s="42">
        <v>7936</v>
      </c>
      <c r="AC279" s="42">
        <v>9774</v>
      </c>
      <c r="AD279" s="42">
        <v>8972</v>
      </c>
      <c r="AE279" s="7"/>
      <c r="AF279" s="13"/>
      <c r="AG279" s="9"/>
      <c r="AH279" s="9"/>
      <c r="AI279" s="9"/>
      <c r="AJ279" s="9" t="s">
        <v>31</v>
      </c>
      <c r="AK279" s="21">
        <v>4302</v>
      </c>
      <c r="AL279" s="21">
        <v>4701</v>
      </c>
      <c r="AM279" s="21">
        <v>4595</v>
      </c>
      <c r="AN279" s="21">
        <v>5628</v>
      </c>
      <c r="AO279" s="21">
        <v>5454</v>
      </c>
      <c r="AP279" s="21">
        <v>5811</v>
      </c>
      <c r="AQ279" s="21">
        <v>5346</v>
      </c>
      <c r="AR279" s="21">
        <v>5787</v>
      </c>
      <c r="AS279" s="21">
        <v>5862</v>
      </c>
      <c r="AT279" s="21">
        <v>6510</v>
      </c>
      <c r="AU279" s="21">
        <v>6263</v>
      </c>
      <c r="AV279" s="21">
        <v>6416</v>
      </c>
      <c r="AW279" s="21">
        <v>7326</v>
      </c>
      <c r="AX279" s="21">
        <v>7840</v>
      </c>
      <c r="AY279" s="21">
        <v>8355</v>
      </c>
      <c r="AZ279" s="21">
        <v>7518</v>
      </c>
      <c r="BA279" s="21">
        <v>7188</v>
      </c>
      <c r="BB279" s="21">
        <v>7418</v>
      </c>
      <c r="BC279" s="21">
        <v>8047</v>
      </c>
      <c r="BD279" s="21">
        <v>8338</v>
      </c>
      <c r="BE279" s="21">
        <v>8051</v>
      </c>
      <c r="BF279" s="21">
        <v>8824</v>
      </c>
      <c r="BG279" s="21">
        <v>8815</v>
      </c>
      <c r="BH279" s="21">
        <v>9774</v>
      </c>
      <c r="BI279" s="21">
        <v>8972</v>
      </c>
      <c r="BJ279" s="14"/>
      <c r="BK279" s="16"/>
      <c r="BL279" s="9"/>
      <c r="BM279" s="9"/>
      <c r="BN279" s="9"/>
      <c r="BO279" s="9" t="s">
        <v>31</v>
      </c>
      <c r="BP279" s="21">
        <f t="shared" si="450"/>
        <v>-3</v>
      </c>
      <c r="BQ279" s="21">
        <f t="shared" si="451"/>
        <v>8</v>
      </c>
      <c r="BR279" s="21">
        <f t="shared" si="452"/>
        <v>-13</v>
      </c>
      <c r="BS279" s="21">
        <f t="shared" si="453"/>
        <v>-8</v>
      </c>
      <c r="BT279" s="21">
        <f t="shared" si="454"/>
        <v>-13</v>
      </c>
      <c r="BU279" s="21">
        <f t="shared" si="455"/>
        <v>-22</v>
      </c>
      <c r="BV279" s="21">
        <f t="shared" si="456"/>
        <v>-45</v>
      </c>
      <c r="BW279" s="21">
        <f t="shared" si="457"/>
        <v>-64</v>
      </c>
      <c r="BX279" s="21">
        <f t="shared" si="458"/>
        <v>189</v>
      </c>
      <c r="BY279" s="21">
        <f t="shared" si="459"/>
        <v>205</v>
      </c>
      <c r="BZ279" s="21">
        <f t="shared" si="460"/>
        <v>66</v>
      </c>
      <c r="CA279" s="21">
        <f t="shared" si="461"/>
        <v>165</v>
      </c>
      <c r="CB279" s="21">
        <f t="shared" si="462"/>
        <v>653</v>
      </c>
      <c r="CC279" s="21">
        <f t="shared" si="463"/>
        <v>564</v>
      </c>
      <c r="CD279" s="21">
        <f t="shared" si="464"/>
        <v>388</v>
      </c>
      <c r="CE279" s="21">
        <f t="shared" si="465"/>
        <v>268</v>
      </c>
      <c r="CF279" s="21">
        <f t="shared" si="466"/>
        <v>287</v>
      </c>
      <c r="CG279" s="21">
        <f t="shared" si="467"/>
        <v>144</v>
      </c>
      <c r="CH279" s="21">
        <f t="shared" si="468"/>
        <v>-9</v>
      </c>
      <c r="CI279" s="21">
        <f t="shared" si="469"/>
        <v>185</v>
      </c>
      <c r="CJ279" s="21">
        <f t="shared" si="470"/>
        <v>137</v>
      </c>
      <c r="CK279" s="21">
        <f t="shared" si="471"/>
        <v>856</v>
      </c>
      <c r="CL279" s="21">
        <f t="shared" si="472"/>
        <v>879</v>
      </c>
      <c r="CM279" s="21">
        <f t="shared" si="473"/>
        <v>0</v>
      </c>
      <c r="CN279" s="21">
        <f t="shared" si="474"/>
        <v>0</v>
      </c>
      <c r="CO279" s="20"/>
    </row>
    <row r="280" spans="1:93" x14ac:dyDescent="0.7">
      <c r="A280" s="7"/>
      <c r="E280" s="8" t="s">
        <v>32</v>
      </c>
      <c r="F280" s="42">
        <v>3327</v>
      </c>
      <c r="G280" s="42">
        <v>1776</v>
      </c>
      <c r="H280" s="42">
        <v>2092</v>
      </c>
      <c r="I280" s="42">
        <v>2203</v>
      </c>
      <c r="J280" s="42">
        <v>2028</v>
      </c>
      <c r="K280" s="42">
        <v>2480</v>
      </c>
      <c r="L280" s="42">
        <v>2813</v>
      </c>
      <c r="M280" s="42">
        <v>3031</v>
      </c>
      <c r="N280" s="42">
        <v>3554</v>
      </c>
      <c r="O280" s="42">
        <v>3993</v>
      </c>
      <c r="P280" s="42">
        <v>3776</v>
      </c>
      <c r="Q280" s="42">
        <v>3502</v>
      </c>
      <c r="R280" s="42">
        <v>4155</v>
      </c>
      <c r="S280" s="42">
        <v>3937</v>
      </c>
      <c r="T280" s="42">
        <v>4328</v>
      </c>
      <c r="U280" s="42">
        <v>3605</v>
      </c>
      <c r="V280" s="42">
        <v>3944</v>
      </c>
      <c r="W280" s="42">
        <v>3750</v>
      </c>
      <c r="X280" s="42">
        <v>4113</v>
      </c>
      <c r="Y280" s="42">
        <v>3803</v>
      </c>
      <c r="Z280" s="42">
        <v>4171</v>
      </c>
      <c r="AA280" s="42">
        <v>4003</v>
      </c>
      <c r="AB280" s="42">
        <v>3985</v>
      </c>
      <c r="AC280" s="42">
        <v>3943</v>
      </c>
      <c r="AD280" s="42">
        <v>4545</v>
      </c>
      <c r="AE280" s="7"/>
      <c r="AF280" s="13"/>
      <c r="AG280" s="9"/>
      <c r="AH280" s="9"/>
      <c r="AI280" s="9"/>
      <c r="AJ280" s="9" t="s">
        <v>32</v>
      </c>
      <c r="AK280" s="21">
        <v>3338</v>
      </c>
      <c r="AL280" s="21">
        <v>1786</v>
      </c>
      <c r="AM280" s="21">
        <v>2095</v>
      </c>
      <c r="AN280" s="21">
        <v>2206</v>
      </c>
      <c r="AO280" s="21">
        <v>2045</v>
      </c>
      <c r="AP280" s="21">
        <v>2480</v>
      </c>
      <c r="AQ280" s="21">
        <v>2818</v>
      </c>
      <c r="AR280" s="21">
        <v>3032</v>
      </c>
      <c r="AS280" s="21">
        <v>3635</v>
      </c>
      <c r="AT280" s="21">
        <v>4092</v>
      </c>
      <c r="AU280" s="21">
        <v>3866</v>
      </c>
      <c r="AV280" s="21">
        <v>3589</v>
      </c>
      <c r="AW280" s="21">
        <v>4019</v>
      </c>
      <c r="AX280" s="21">
        <v>3831</v>
      </c>
      <c r="AY280" s="21">
        <v>4238</v>
      </c>
      <c r="AZ280" s="21">
        <v>3520</v>
      </c>
      <c r="BA280" s="21">
        <v>3917</v>
      </c>
      <c r="BB280" s="21">
        <v>3751</v>
      </c>
      <c r="BC280" s="21">
        <v>4175</v>
      </c>
      <c r="BD280" s="21">
        <v>3936</v>
      </c>
      <c r="BE280" s="21">
        <v>4298</v>
      </c>
      <c r="BF280" s="21">
        <v>4252</v>
      </c>
      <c r="BG280" s="21">
        <v>4250</v>
      </c>
      <c r="BH280" s="21">
        <v>4189</v>
      </c>
      <c r="BI280" s="21">
        <v>4642</v>
      </c>
      <c r="BJ280" s="14"/>
      <c r="BK280" s="16"/>
      <c r="BL280" s="9"/>
      <c r="BM280" s="9"/>
      <c r="BN280" s="9"/>
      <c r="BO280" s="9" t="s">
        <v>32</v>
      </c>
      <c r="BP280" s="21">
        <f t="shared" si="450"/>
        <v>11</v>
      </c>
      <c r="BQ280" s="21">
        <f t="shared" si="451"/>
        <v>10</v>
      </c>
      <c r="BR280" s="21">
        <f t="shared" si="452"/>
        <v>3</v>
      </c>
      <c r="BS280" s="21">
        <f t="shared" si="453"/>
        <v>3</v>
      </c>
      <c r="BT280" s="21">
        <f t="shared" si="454"/>
        <v>17</v>
      </c>
      <c r="BU280" s="21">
        <f t="shared" si="455"/>
        <v>0</v>
      </c>
      <c r="BV280" s="21">
        <f t="shared" si="456"/>
        <v>5</v>
      </c>
      <c r="BW280" s="21">
        <f t="shared" si="457"/>
        <v>1</v>
      </c>
      <c r="BX280" s="21">
        <f t="shared" si="458"/>
        <v>81</v>
      </c>
      <c r="BY280" s="21">
        <f t="shared" si="459"/>
        <v>99</v>
      </c>
      <c r="BZ280" s="21">
        <f t="shared" si="460"/>
        <v>90</v>
      </c>
      <c r="CA280" s="21">
        <f t="shared" si="461"/>
        <v>87</v>
      </c>
      <c r="CB280" s="21">
        <f t="shared" si="462"/>
        <v>-136</v>
      </c>
      <c r="CC280" s="21">
        <f t="shared" si="463"/>
        <v>-106</v>
      </c>
      <c r="CD280" s="21">
        <f t="shared" si="464"/>
        <v>-90</v>
      </c>
      <c r="CE280" s="21">
        <f t="shared" si="465"/>
        <v>-85</v>
      </c>
      <c r="CF280" s="21">
        <f t="shared" si="466"/>
        <v>-27</v>
      </c>
      <c r="CG280" s="21">
        <f t="shared" si="467"/>
        <v>1</v>
      </c>
      <c r="CH280" s="21">
        <f t="shared" si="468"/>
        <v>62</v>
      </c>
      <c r="CI280" s="21">
        <f t="shared" si="469"/>
        <v>133</v>
      </c>
      <c r="CJ280" s="21">
        <f t="shared" si="470"/>
        <v>127</v>
      </c>
      <c r="CK280" s="21">
        <f t="shared" si="471"/>
        <v>249</v>
      </c>
      <c r="CL280" s="21">
        <f t="shared" si="472"/>
        <v>265</v>
      </c>
      <c r="CM280" s="21">
        <f t="shared" si="473"/>
        <v>246</v>
      </c>
      <c r="CN280" s="21">
        <f t="shared" si="474"/>
        <v>97</v>
      </c>
      <c r="CO280" s="20"/>
    </row>
    <row r="281" spans="1:93" x14ac:dyDescent="0.7">
      <c r="A281" s="7"/>
      <c r="E281" s="8" t="s">
        <v>33</v>
      </c>
      <c r="F281" s="42">
        <v>3327</v>
      </c>
      <c r="G281" s="42">
        <v>1776</v>
      </c>
      <c r="H281" s="42">
        <v>2092</v>
      </c>
      <c r="I281" s="42">
        <v>2203</v>
      </c>
      <c r="J281" s="42">
        <v>2028</v>
      </c>
      <c r="K281" s="42">
        <v>2480</v>
      </c>
      <c r="L281" s="42">
        <v>2813</v>
      </c>
      <c r="M281" s="42">
        <v>3031</v>
      </c>
      <c r="N281" s="42">
        <v>3554</v>
      </c>
      <c r="O281" s="42">
        <v>3993</v>
      </c>
      <c r="P281" s="42">
        <v>3776</v>
      </c>
      <c r="Q281" s="42">
        <v>3502</v>
      </c>
      <c r="R281" s="42">
        <v>4155</v>
      </c>
      <c r="S281" s="42">
        <v>3937</v>
      </c>
      <c r="T281" s="42">
        <v>4328</v>
      </c>
      <c r="U281" s="42">
        <v>3605</v>
      </c>
      <c r="V281" s="42">
        <v>3944</v>
      </c>
      <c r="W281" s="42">
        <v>3750</v>
      </c>
      <c r="X281" s="42">
        <v>4113</v>
      </c>
      <c r="Y281" s="42">
        <v>3803</v>
      </c>
      <c r="Z281" s="42">
        <v>4171</v>
      </c>
      <c r="AA281" s="42">
        <v>4003</v>
      </c>
      <c r="AB281" s="42">
        <v>3985</v>
      </c>
      <c r="AC281" s="42">
        <v>3943</v>
      </c>
      <c r="AD281" s="42">
        <v>4545</v>
      </c>
      <c r="AE281" s="7"/>
      <c r="AF281" s="13"/>
      <c r="AG281" s="9"/>
      <c r="AH281" s="9"/>
      <c r="AI281" s="9"/>
      <c r="AJ281" s="9" t="s">
        <v>33</v>
      </c>
      <c r="AK281" s="21">
        <v>3338</v>
      </c>
      <c r="AL281" s="21">
        <v>1786</v>
      </c>
      <c r="AM281" s="21">
        <v>2095</v>
      </c>
      <c r="AN281" s="21">
        <v>2206</v>
      </c>
      <c r="AO281" s="21">
        <v>2045</v>
      </c>
      <c r="AP281" s="21">
        <v>2480</v>
      </c>
      <c r="AQ281" s="21">
        <v>2818</v>
      </c>
      <c r="AR281" s="21">
        <v>3032</v>
      </c>
      <c r="AS281" s="21">
        <v>3635</v>
      </c>
      <c r="AT281" s="21">
        <v>4092</v>
      </c>
      <c r="AU281" s="21">
        <v>3866</v>
      </c>
      <c r="AV281" s="21">
        <v>3589</v>
      </c>
      <c r="AW281" s="21">
        <v>4019</v>
      </c>
      <c r="AX281" s="21">
        <v>3831</v>
      </c>
      <c r="AY281" s="21">
        <v>4238</v>
      </c>
      <c r="AZ281" s="21">
        <v>3520</v>
      </c>
      <c r="BA281" s="21">
        <v>3917</v>
      </c>
      <c r="BB281" s="21">
        <v>3751</v>
      </c>
      <c r="BC281" s="21">
        <v>4175</v>
      </c>
      <c r="BD281" s="21">
        <v>3936</v>
      </c>
      <c r="BE281" s="21">
        <v>4298</v>
      </c>
      <c r="BF281" s="21">
        <v>4252</v>
      </c>
      <c r="BG281" s="21">
        <v>4250</v>
      </c>
      <c r="BH281" s="21">
        <v>4189</v>
      </c>
      <c r="BI281" s="21">
        <v>4642</v>
      </c>
      <c r="BJ281" s="14"/>
      <c r="BK281" s="16"/>
      <c r="BL281" s="9"/>
      <c r="BM281" s="9"/>
      <c r="BN281" s="9"/>
      <c r="BO281" s="9" t="s">
        <v>33</v>
      </c>
      <c r="BP281" s="21">
        <f t="shared" si="450"/>
        <v>11</v>
      </c>
      <c r="BQ281" s="21">
        <f t="shared" si="451"/>
        <v>10</v>
      </c>
      <c r="BR281" s="21">
        <f t="shared" si="452"/>
        <v>3</v>
      </c>
      <c r="BS281" s="21">
        <f t="shared" si="453"/>
        <v>3</v>
      </c>
      <c r="BT281" s="21">
        <f t="shared" si="454"/>
        <v>17</v>
      </c>
      <c r="BU281" s="21">
        <f t="shared" si="455"/>
        <v>0</v>
      </c>
      <c r="BV281" s="21">
        <f t="shared" si="456"/>
        <v>5</v>
      </c>
      <c r="BW281" s="21">
        <f t="shared" si="457"/>
        <v>1</v>
      </c>
      <c r="BX281" s="21">
        <f t="shared" si="458"/>
        <v>81</v>
      </c>
      <c r="BY281" s="21">
        <f t="shared" si="459"/>
        <v>99</v>
      </c>
      <c r="BZ281" s="21">
        <f t="shared" si="460"/>
        <v>90</v>
      </c>
      <c r="CA281" s="21">
        <f t="shared" si="461"/>
        <v>87</v>
      </c>
      <c r="CB281" s="21">
        <f t="shared" si="462"/>
        <v>-136</v>
      </c>
      <c r="CC281" s="21">
        <f t="shared" si="463"/>
        <v>-106</v>
      </c>
      <c r="CD281" s="21">
        <f t="shared" si="464"/>
        <v>-90</v>
      </c>
      <c r="CE281" s="21">
        <f t="shared" si="465"/>
        <v>-85</v>
      </c>
      <c r="CF281" s="21">
        <f t="shared" si="466"/>
        <v>-27</v>
      </c>
      <c r="CG281" s="21">
        <f t="shared" si="467"/>
        <v>1</v>
      </c>
      <c r="CH281" s="21">
        <f t="shared" si="468"/>
        <v>62</v>
      </c>
      <c r="CI281" s="21">
        <f t="shared" si="469"/>
        <v>133</v>
      </c>
      <c r="CJ281" s="21">
        <f t="shared" si="470"/>
        <v>127</v>
      </c>
      <c r="CK281" s="21">
        <f t="shared" si="471"/>
        <v>249</v>
      </c>
      <c r="CL281" s="21">
        <f t="shared" si="472"/>
        <v>265</v>
      </c>
      <c r="CM281" s="21">
        <f t="shared" si="473"/>
        <v>246</v>
      </c>
      <c r="CN281" s="21">
        <f t="shared" si="474"/>
        <v>97</v>
      </c>
      <c r="CO281" s="20"/>
    </row>
    <row r="282" spans="1:93" x14ac:dyDescent="0.7">
      <c r="A282" s="7"/>
      <c r="E282" s="8" t="s">
        <v>34</v>
      </c>
      <c r="F282" s="43" t="s">
        <v>40</v>
      </c>
      <c r="G282" s="43" t="s">
        <v>40</v>
      </c>
      <c r="H282" s="43" t="s">
        <v>40</v>
      </c>
      <c r="I282" s="43" t="s">
        <v>40</v>
      </c>
      <c r="J282" s="43" t="s">
        <v>40</v>
      </c>
      <c r="K282" s="43" t="s">
        <v>40</v>
      </c>
      <c r="L282" s="43" t="s">
        <v>40</v>
      </c>
      <c r="M282" s="43" t="s">
        <v>40</v>
      </c>
      <c r="N282" s="43" t="s">
        <v>40</v>
      </c>
      <c r="O282" s="43" t="s">
        <v>40</v>
      </c>
      <c r="P282" s="43" t="s">
        <v>40</v>
      </c>
      <c r="Q282" s="43" t="s">
        <v>40</v>
      </c>
      <c r="R282" s="43" t="s">
        <v>40</v>
      </c>
      <c r="S282" s="42">
        <v>0</v>
      </c>
      <c r="T282" s="42">
        <v>0</v>
      </c>
      <c r="U282" s="42">
        <v>0</v>
      </c>
      <c r="V282" s="42">
        <v>0</v>
      </c>
      <c r="W282" s="42">
        <v>0</v>
      </c>
      <c r="X282" s="43" t="s">
        <v>40</v>
      </c>
      <c r="Y282" s="43" t="s">
        <v>40</v>
      </c>
      <c r="Z282" s="43" t="s">
        <v>40</v>
      </c>
      <c r="AA282" s="43" t="s">
        <v>40</v>
      </c>
      <c r="AB282" s="43" t="s">
        <v>40</v>
      </c>
      <c r="AC282" s="43" t="s">
        <v>40</v>
      </c>
      <c r="AD282" s="43" t="s">
        <v>40</v>
      </c>
      <c r="AE282" s="7"/>
      <c r="AF282" s="13"/>
      <c r="AG282" s="9"/>
      <c r="AH282" s="9"/>
      <c r="AI282" s="9"/>
      <c r="AJ282" s="9" t="s">
        <v>34</v>
      </c>
      <c r="AK282" s="43" t="s">
        <v>40</v>
      </c>
      <c r="AL282" s="43" t="s">
        <v>40</v>
      </c>
      <c r="AM282" s="43" t="s">
        <v>40</v>
      </c>
      <c r="AN282" s="43" t="s">
        <v>40</v>
      </c>
      <c r="AO282" s="43" t="s">
        <v>40</v>
      </c>
      <c r="AP282" s="43" t="s">
        <v>40</v>
      </c>
      <c r="AQ282" s="43" t="s">
        <v>40</v>
      </c>
      <c r="AR282" s="43" t="s">
        <v>40</v>
      </c>
      <c r="AS282" s="43" t="s">
        <v>40</v>
      </c>
      <c r="AT282" s="43" t="s">
        <v>40</v>
      </c>
      <c r="AU282" s="43" t="s">
        <v>40</v>
      </c>
      <c r="AV282" s="43" t="s">
        <v>40</v>
      </c>
      <c r="AW282" s="43" t="s">
        <v>40</v>
      </c>
      <c r="AX282" s="43" t="s">
        <v>40</v>
      </c>
      <c r="AY282" s="43" t="s">
        <v>40</v>
      </c>
      <c r="AZ282" s="43" t="s">
        <v>40</v>
      </c>
      <c r="BA282" s="43" t="s">
        <v>40</v>
      </c>
      <c r="BB282" s="43" t="s">
        <v>40</v>
      </c>
      <c r="BC282" s="43" t="s">
        <v>40</v>
      </c>
      <c r="BD282" s="43" t="s">
        <v>40</v>
      </c>
      <c r="BE282" s="43" t="s">
        <v>40</v>
      </c>
      <c r="BF282" s="43" t="s">
        <v>40</v>
      </c>
      <c r="BG282" s="43" t="s">
        <v>40</v>
      </c>
      <c r="BH282" s="43" t="s">
        <v>40</v>
      </c>
      <c r="BI282" s="43" t="s">
        <v>40</v>
      </c>
      <c r="BJ282" s="14"/>
      <c r="BK282" s="16"/>
      <c r="BL282" s="9"/>
      <c r="BM282" s="9"/>
      <c r="BN282" s="9"/>
      <c r="BO282" s="9" t="s">
        <v>34</v>
      </c>
      <c r="BP282" s="43" t="s">
        <v>40</v>
      </c>
      <c r="BQ282" s="43" t="s">
        <v>40</v>
      </c>
      <c r="BR282" s="43" t="s">
        <v>40</v>
      </c>
      <c r="BS282" s="43" t="s">
        <v>40</v>
      </c>
      <c r="BT282" s="43" t="s">
        <v>40</v>
      </c>
      <c r="BU282" s="43" t="s">
        <v>40</v>
      </c>
      <c r="BV282" s="43" t="s">
        <v>40</v>
      </c>
      <c r="BW282" s="43" t="s">
        <v>40</v>
      </c>
      <c r="BX282" s="43" t="s">
        <v>40</v>
      </c>
      <c r="BY282" s="43" t="s">
        <v>40</v>
      </c>
      <c r="BZ282" s="43" t="s">
        <v>40</v>
      </c>
      <c r="CA282" s="43" t="s">
        <v>40</v>
      </c>
      <c r="CB282" s="43" t="s">
        <v>40</v>
      </c>
      <c r="CC282" s="43" t="s">
        <v>40</v>
      </c>
      <c r="CD282" s="43" t="s">
        <v>40</v>
      </c>
      <c r="CE282" s="43" t="s">
        <v>40</v>
      </c>
      <c r="CF282" s="43" t="s">
        <v>40</v>
      </c>
      <c r="CG282" s="43" t="s">
        <v>40</v>
      </c>
      <c r="CH282" s="43" t="s">
        <v>40</v>
      </c>
      <c r="CI282" s="43" t="s">
        <v>40</v>
      </c>
      <c r="CJ282" s="43" t="s">
        <v>40</v>
      </c>
      <c r="CK282" s="43" t="s">
        <v>40</v>
      </c>
      <c r="CL282" s="43" t="s">
        <v>40</v>
      </c>
      <c r="CM282" s="43" t="s">
        <v>40</v>
      </c>
      <c r="CN282" s="43" t="s">
        <v>40</v>
      </c>
      <c r="CO282" s="20"/>
    </row>
    <row r="283" spans="1:93" x14ac:dyDescent="0.7">
      <c r="A283" s="7"/>
      <c r="E283" s="8" t="s">
        <v>35</v>
      </c>
      <c r="F283" s="43" t="s">
        <v>40</v>
      </c>
      <c r="G283" s="43" t="s">
        <v>40</v>
      </c>
      <c r="H283" s="43" t="s">
        <v>40</v>
      </c>
      <c r="I283" s="43" t="s">
        <v>40</v>
      </c>
      <c r="J283" s="43" t="s">
        <v>40</v>
      </c>
      <c r="K283" s="43" t="s">
        <v>40</v>
      </c>
      <c r="L283" s="43" t="s">
        <v>40</v>
      </c>
      <c r="M283" s="43" t="s">
        <v>40</v>
      </c>
      <c r="N283" s="43" t="s">
        <v>40</v>
      </c>
      <c r="O283" s="43" t="s">
        <v>40</v>
      </c>
      <c r="P283" s="43" t="s">
        <v>40</v>
      </c>
      <c r="Q283" s="43" t="s">
        <v>40</v>
      </c>
      <c r="R283" s="43" t="s">
        <v>40</v>
      </c>
      <c r="S283" s="42">
        <v>0</v>
      </c>
      <c r="T283" s="42">
        <v>0</v>
      </c>
      <c r="U283" s="42">
        <v>0</v>
      </c>
      <c r="V283" s="42">
        <v>0</v>
      </c>
      <c r="W283" s="42">
        <v>0</v>
      </c>
      <c r="X283" s="43" t="s">
        <v>40</v>
      </c>
      <c r="Y283" s="43" t="s">
        <v>40</v>
      </c>
      <c r="Z283" s="43" t="s">
        <v>40</v>
      </c>
      <c r="AA283" s="43" t="s">
        <v>40</v>
      </c>
      <c r="AB283" s="43" t="s">
        <v>40</v>
      </c>
      <c r="AC283" s="43" t="s">
        <v>40</v>
      </c>
      <c r="AD283" s="43" t="s">
        <v>40</v>
      </c>
      <c r="AE283" s="7"/>
      <c r="AF283" s="13"/>
      <c r="AG283" s="9"/>
      <c r="AH283" s="9"/>
      <c r="AI283" s="9"/>
      <c r="AJ283" s="9" t="s">
        <v>35</v>
      </c>
      <c r="AK283" s="43" t="s">
        <v>40</v>
      </c>
      <c r="AL283" s="43" t="s">
        <v>40</v>
      </c>
      <c r="AM283" s="43" t="s">
        <v>40</v>
      </c>
      <c r="AN283" s="43" t="s">
        <v>40</v>
      </c>
      <c r="AO283" s="43" t="s">
        <v>40</v>
      </c>
      <c r="AP283" s="43" t="s">
        <v>40</v>
      </c>
      <c r="AQ283" s="43" t="s">
        <v>40</v>
      </c>
      <c r="AR283" s="43" t="s">
        <v>40</v>
      </c>
      <c r="AS283" s="43" t="s">
        <v>40</v>
      </c>
      <c r="AT283" s="43" t="s">
        <v>40</v>
      </c>
      <c r="AU283" s="43" t="s">
        <v>40</v>
      </c>
      <c r="AV283" s="43" t="s">
        <v>40</v>
      </c>
      <c r="AW283" s="43" t="s">
        <v>40</v>
      </c>
      <c r="AX283" s="43" t="s">
        <v>40</v>
      </c>
      <c r="AY283" s="43" t="s">
        <v>40</v>
      </c>
      <c r="AZ283" s="43" t="s">
        <v>40</v>
      </c>
      <c r="BA283" s="43" t="s">
        <v>40</v>
      </c>
      <c r="BB283" s="43" t="s">
        <v>40</v>
      </c>
      <c r="BC283" s="43" t="s">
        <v>40</v>
      </c>
      <c r="BD283" s="43" t="s">
        <v>40</v>
      </c>
      <c r="BE283" s="43" t="s">
        <v>40</v>
      </c>
      <c r="BF283" s="43" t="s">
        <v>40</v>
      </c>
      <c r="BG283" s="43" t="s">
        <v>40</v>
      </c>
      <c r="BH283" s="43" t="s">
        <v>40</v>
      </c>
      <c r="BI283" s="43" t="s">
        <v>40</v>
      </c>
      <c r="BJ283" s="14"/>
      <c r="BK283" s="16"/>
      <c r="BL283" s="9"/>
      <c r="BM283" s="9"/>
      <c r="BN283" s="9"/>
      <c r="BO283" s="9" t="s">
        <v>35</v>
      </c>
      <c r="BP283" s="43" t="s">
        <v>40</v>
      </c>
      <c r="BQ283" s="43" t="s">
        <v>40</v>
      </c>
      <c r="BR283" s="43" t="s">
        <v>40</v>
      </c>
      <c r="BS283" s="43" t="s">
        <v>40</v>
      </c>
      <c r="BT283" s="43" t="s">
        <v>40</v>
      </c>
      <c r="BU283" s="43" t="s">
        <v>40</v>
      </c>
      <c r="BV283" s="43" t="s">
        <v>40</v>
      </c>
      <c r="BW283" s="43" t="s">
        <v>40</v>
      </c>
      <c r="BX283" s="43" t="s">
        <v>40</v>
      </c>
      <c r="BY283" s="43" t="s">
        <v>40</v>
      </c>
      <c r="BZ283" s="43" t="s">
        <v>40</v>
      </c>
      <c r="CA283" s="43" t="s">
        <v>40</v>
      </c>
      <c r="CB283" s="43" t="s">
        <v>40</v>
      </c>
      <c r="CC283" s="43" t="s">
        <v>40</v>
      </c>
      <c r="CD283" s="43" t="s">
        <v>40</v>
      </c>
      <c r="CE283" s="43" t="s">
        <v>40</v>
      </c>
      <c r="CF283" s="43" t="s">
        <v>40</v>
      </c>
      <c r="CG283" s="43" t="s">
        <v>40</v>
      </c>
      <c r="CH283" s="43" t="s">
        <v>40</v>
      </c>
      <c r="CI283" s="43" t="s">
        <v>40</v>
      </c>
      <c r="CJ283" s="43" t="s">
        <v>40</v>
      </c>
      <c r="CK283" s="43" t="s">
        <v>40</v>
      </c>
      <c r="CL283" s="43" t="s">
        <v>40</v>
      </c>
      <c r="CM283" s="43" t="s">
        <v>40</v>
      </c>
      <c r="CN283" s="43" t="s">
        <v>40</v>
      </c>
      <c r="CO283" s="20"/>
    </row>
    <row r="284" spans="1:93" x14ac:dyDescent="0.7">
      <c r="A284" s="7"/>
      <c r="E284" s="8" t="s">
        <v>36</v>
      </c>
      <c r="F284" s="43" t="s">
        <v>40</v>
      </c>
      <c r="G284" s="43" t="s">
        <v>40</v>
      </c>
      <c r="H284" s="43" t="s">
        <v>40</v>
      </c>
      <c r="I284" s="43" t="s">
        <v>40</v>
      </c>
      <c r="J284" s="43" t="s">
        <v>40</v>
      </c>
      <c r="K284" s="43" t="s">
        <v>40</v>
      </c>
      <c r="L284" s="43" t="s">
        <v>40</v>
      </c>
      <c r="M284" s="43" t="s">
        <v>40</v>
      </c>
      <c r="N284" s="43" t="s">
        <v>40</v>
      </c>
      <c r="O284" s="43" t="s">
        <v>40</v>
      </c>
      <c r="P284" s="43" t="s">
        <v>40</v>
      </c>
      <c r="Q284" s="43" t="s">
        <v>40</v>
      </c>
      <c r="R284" s="43" t="s">
        <v>40</v>
      </c>
      <c r="S284" s="42">
        <v>0</v>
      </c>
      <c r="T284" s="42">
        <v>0</v>
      </c>
      <c r="U284" s="42">
        <v>0</v>
      </c>
      <c r="V284" s="42">
        <v>0</v>
      </c>
      <c r="W284" s="42">
        <v>0</v>
      </c>
      <c r="X284" s="43" t="s">
        <v>40</v>
      </c>
      <c r="Y284" s="43" t="s">
        <v>40</v>
      </c>
      <c r="Z284" s="43" t="s">
        <v>40</v>
      </c>
      <c r="AA284" s="43" t="s">
        <v>40</v>
      </c>
      <c r="AB284" s="43" t="s">
        <v>40</v>
      </c>
      <c r="AC284" s="43" t="s">
        <v>40</v>
      </c>
      <c r="AD284" s="43" t="s">
        <v>40</v>
      </c>
      <c r="AE284" s="7"/>
      <c r="AF284" s="13"/>
      <c r="AG284" s="9"/>
      <c r="AH284" s="9"/>
      <c r="AI284" s="9"/>
      <c r="AJ284" s="9" t="s">
        <v>36</v>
      </c>
      <c r="AK284" s="43" t="s">
        <v>40</v>
      </c>
      <c r="AL284" s="43" t="s">
        <v>40</v>
      </c>
      <c r="AM284" s="43" t="s">
        <v>40</v>
      </c>
      <c r="AN284" s="43" t="s">
        <v>40</v>
      </c>
      <c r="AO284" s="43" t="s">
        <v>40</v>
      </c>
      <c r="AP284" s="43" t="s">
        <v>40</v>
      </c>
      <c r="AQ284" s="43" t="s">
        <v>40</v>
      </c>
      <c r="AR284" s="43" t="s">
        <v>40</v>
      </c>
      <c r="AS284" s="43" t="s">
        <v>40</v>
      </c>
      <c r="AT284" s="43" t="s">
        <v>40</v>
      </c>
      <c r="AU284" s="43" t="s">
        <v>40</v>
      </c>
      <c r="AV284" s="43" t="s">
        <v>40</v>
      </c>
      <c r="AW284" s="43" t="s">
        <v>40</v>
      </c>
      <c r="AX284" s="43" t="s">
        <v>40</v>
      </c>
      <c r="AY284" s="43" t="s">
        <v>40</v>
      </c>
      <c r="AZ284" s="43" t="s">
        <v>40</v>
      </c>
      <c r="BA284" s="43" t="s">
        <v>40</v>
      </c>
      <c r="BB284" s="43" t="s">
        <v>40</v>
      </c>
      <c r="BC284" s="43" t="s">
        <v>40</v>
      </c>
      <c r="BD284" s="43" t="s">
        <v>40</v>
      </c>
      <c r="BE284" s="43" t="s">
        <v>40</v>
      </c>
      <c r="BF284" s="43" t="s">
        <v>40</v>
      </c>
      <c r="BG284" s="43" t="s">
        <v>40</v>
      </c>
      <c r="BH284" s="43" t="s">
        <v>40</v>
      </c>
      <c r="BI284" s="43" t="s">
        <v>40</v>
      </c>
      <c r="BJ284" s="14"/>
      <c r="BK284" s="16"/>
      <c r="BL284" s="9"/>
      <c r="BM284" s="9"/>
      <c r="BN284" s="9"/>
      <c r="BO284" s="9" t="s">
        <v>36</v>
      </c>
      <c r="BP284" s="43" t="s">
        <v>40</v>
      </c>
      <c r="BQ284" s="43" t="s">
        <v>40</v>
      </c>
      <c r="BR284" s="43" t="s">
        <v>40</v>
      </c>
      <c r="BS284" s="43" t="s">
        <v>40</v>
      </c>
      <c r="BT284" s="43" t="s">
        <v>40</v>
      </c>
      <c r="BU284" s="43" t="s">
        <v>40</v>
      </c>
      <c r="BV284" s="43" t="s">
        <v>40</v>
      </c>
      <c r="BW284" s="43" t="s">
        <v>40</v>
      </c>
      <c r="BX284" s="43" t="s">
        <v>40</v>
      </c>
      <c r="BY284" s="43" t="s">
        <v>40</v>
      </c>
      <c r="BZ284" s="43" t="s">
        <v>40</v>
      </c>
      <c r="CA284" s="43" t="s">
        <v>40</v>
      </c>
      <c r="CB284" s="43" t="s">
        <v>40</v>
      </c>
      <c r="CC284" s="43" t="s">
        <v>40</v>
      </c>
      <c r="CD284" s="43" t="s">
        <v>40</v>
      </c>
      <c r="CE284" s="43" t="s">
        <v>40</v>
      </c>
      <c r="CF284" s="43" t="s">
        <v>40</v>
      </c>
      <c r="CG284" s="43" t="s">
        <v>40</v>
      </c>
      <c r="CH284" s="43" t="s">
        <v>40</v>
      </c>
      <c r="CI284" s="43" t="s">
        <v>40</v>
      </c>
      <c r="CJ284" s="43" t="s">
        <v>40</v>
      </c>
      <c r="CK284" s="43" t="s">
        <v>40</v>
      </c>
      <c r="CL284" s="43" t="s">
        <v>40</v>
      </c>
      <c r="CM284" s="43" t="s">
        <v>40</v>
      </c>
      <c r="CN284" s="43" t="s">
        <v>40</v>
      </c>
      <c r="CO284" s="20"/>
    </row>
    <row r="285" spans="1:93" x14ac:dyDescent="0.7">
      <c r="A285" s="7"/>
      <c r="D285" s="8" t="s">
        <v>39</v>
      </c>
      <c r="E285" s="8" t="s">
        <v>27</v>
      </c>
      <c r="F285" s="43" t="s">
        <v>40</v>
      </c>
      <c r="G285" s="43" t="s">
        <v>40</v>
      </c>
      <c r="H285" s="43" t="s">
        <v>40</v>
      </c>
      <c r="I285" s="43" t="s">
        <v>40</v>
      </c>
      <c r="J285" s="43" t="s">
        <v>40</v>
      </c>
      <c r="K285" s="43" t="s">
        <v>40</v>
      </c>
      <c r="L285" s="43" t="s">
        <v>40</v>
      </c>
      <c r="M285" s="43" t="s">
        <v>40</v>
      </c>
      <c r="N285" s="43" t="s">
        <v>40</v>
      </c>
      <c r="O285" s="43" t="s">
        <v>40</v>
      </c>
      <c r="P285" s="43" t="s">
        <v>40</v>
      </c>
      <c r="Q285" s="43" t="s">
        <v>40</v>
      </c>
      <c r="R285" s="43" t="s">
        <v>40</v>
      </c>
      <c r="S285" s="42">
        <v>0</v>
      </c>
      <c r="T285" s="42">
        <v>0</v>
      </c>
      <c r="U285" s="42">
        <v>0</v>
      </c>
      <c r="V285" s="42">
        <v>0</v>
      </c>
      <c r="W285" s="42">
        <v>0</v>
      </c>
      <c r="X285" s="43" t="s">
        <v>40</v>
      </c>
      <c r="Y285" s="43" t="s">
        <v>40</v>
      </c>
      <c r="Z285" s="43" t="s">
        <v>40</v>
      </c>
      <c r="AA285" s="43" t="s">
        <v>40</v>
      </c>
      <c r="AB285" s="43" t="s">
        <v>40</v>
      </c>
      <c r="AC285" s="43" t="s">
        <v>40</v>
      </c>
      <c r="AD285" s="43" t="s">
        <v>40</v>
      </c>
      <c r="AE285" s="7"/>
      <c r="AF285" s="13"/>
      <c r="AG285" s="9"/>
      <c r="AH285" s="9"/>
      <c r="AI285" s="9" t="s">
        <v>39</v>
      </c>
      <c r="AJ285" s="9" t="s">
        <v>27</v>
      </c>
      <c r="AK285" s="43" t="s">
        <v>40</v>
      </c>
      <c r="AL285" s="43" t="s">
        <v>40</v>
      </c>
      <c r="AM285" s="43" t="s">
        <v>40</v>
      </c>
      <c r="AN285" s="43" t="s">
        <v>40</v>
      </c>
      <c r="AO285" s="43" t="s">
        <v>40</v>
      </c>
      <c r="AP285" s="43" t="s">
        <v>40</v>
      </c>
      <c r="AQ285" s="43" t="s">
        <v>40</v>
      </c>
      <c r="AR285" s="43" t="s">
        <v>40</v>
      </c>
      <c r="AS285" s="43" t="s">
        <v>40</v>
      </c>
      <c r="AT285" s="43" t="s">
        <v>40</v>
      </c>
      <c r="AU285" s="43" t="s">
        <v>40</v>
      </c>
      <c r="AV285" s="43" t="s">
        <v>40</v>
      </c>
      <c r="AW285" s="43" t="s">
        <v>40</v>
      </c>
      <c r="AX285" s="43" t="s">
        <v>40</v>
      </c>
      <c r="AY285" s="43" t="s">
        <v>40</v>
      </c>
      <c r="AZ285" s="43" t="s">
        <v>40</v>
      </c>
      <c r="BA285" s="43" t="s">
        <v>40</v>
      </c>
      <c r="BB285" s="43" t="s">
        <v>40</v>
      </c>
      <c r="BC285" s="43" t="s">
        <v>40</v>
      </c>
      <c r="BD285" s="43" t="s">
        <v>40</v>
      </c>
      <c r="BE285" s="43" t="s">
        <v>40</v>
      </c>
      <c r="BF285" s="43" t="s">
        <v>40</v>
      </c>
      <c r="BG285" s="43" t="s">
        <v>40</v>
      </c>
      <c r="BH285" s="43" t="s">
        <v>40</v>
      </c>
      <c r="BI285" s="43" t="s">
        <v>40</v>
      </c>
      <c r="BJ285" s="14"/>
      <c r="BK285" s="16"/>
      <c r="BL285" s="9"/>
      <c r="BM285" s="9"/>
      <c r="BN285" s="9" t="s">
        <v>39</v>
      </c>
      <c r="BO285" s="9" t="s">
        <v>27</v>
      </c>
      <c r="BP285" s="43" t="s">
        <v>40</v>
      </c>
      <c r="BQ285" s="43" t="s">
        <v>40</v>
      </c>
      <c r="BR285" s="43" t="s">
        <v>40</v>
      </c>
      <c r="BS285" s="43" t="s">
        <v>40</v>
      </c>
      <c r="BT285" s="43" t="s">
        <v>40</v>
      </c>
      <c r="BU285" s="43" t="s">
        <v>40</v>
      </c>
      <c r="BV285" s="43" t="s">
        <v>40</v>
      </c>
      <c r="BW285" s="43" t="s">
        <v>40</v>
      </c>
      <c r="BX285" s="43" t="s">
        <v>40</v>
      </c>
      <c r="BY285" s="43" t="s">
        <v>40</v>
      </c>
      <c r="BZ285" s="43" t="s">
        <v>40</v>
      </c>
      <c r="CA285" s="43" t="s">
        <v>40</v>
      </c>
      <c r="CB285" s="43" t="s">
        <v>40</v>
      </c>
      <c r="CC285" s="43" t="s">
        <v>40</v>
      </c>
      <c r="CD285" s="43" t="s">
        <v>40</v>
      </c>
      <c r="CE285" s="43" t="s">
        <v>40</v>
      </c>
      <c r="CF285" s="43" t="s">
        <v>40</v>
      </c>
      <c r="CG285" s="43" t="s">
        <v>40</v>
      </c>
      <c r="CH285" s="43" t="s">
        <v>40</v>
      </c>
      <c r="CI285" s="43" t="s">
        <v>40</v>
      </c>
      <c r="CJ285" s="43" t="s">
        <v>40</v>
      </c>
      <c r="CK285" s="43" t="s">
        <v>40</v>
      </c>
      <c r="CL285" s="43" t="s">
        <v>40</v>
      </c>
      <c r="CM285" s="43" t="s">
        <v>40</v>
      </c>
      <c r="CN285" s="43" t="s">
        <v>40</v>
      </c>
      <c r="CO285" s="20"/>
    </row>
    <row r="286" spans="1:93" x14ac:dyDescent="0.7">
      <c r="A286" s="7"/>
      <c r="E286" s="8" t="s">
        <v>28</v>
      </c>
      <c r="F286" s="43" t="s">
        <v>40</v>
      </c>
      <c r="G286" s="43" t="s">
        <v>40</v>
      </c>
      <c r="H286" s="43" t="s">
        <v>40</v>
      </c>
      <c r="I286" s="43" t="s">
        <v>40</v>
      </c>
      <c r="J286" s="43" t="s">
        <v>40</v>
      </c>
      <c r="K286" s="43" t="s">
        <v>40</v>
      </c>
      <c r="L286" s="43" t="s">
        <v>40</v>
      </c>
      <c r="M286" s="43" t="s">
        <v>40</v>
      </c>
      <c r="N286" s="43" t="s">
        <v>40</v>
      </c>
      <c r="O286" s="43" t="s">
        <v>40</v>
      </c>
      <c r="P286" s="43" t="s">
        <v>40</v>
      </c>
      <c r="Q286" s="43" t="s">
        <v>40</v>
      </c>
      <c r="R286" s="43" t="s">
        <v>40</v>
      </c>
      <c r="S286" s="42">
        <v>0</v>
      </c>
      <c r="T286" s="42">
        <v>0</v>
      </c>
      <c r="U286" s="42">
        <v>0</v>
      </c>
      <c r="V286" s="42">
        <v>0</v>
      </c>
      <c r="W286" s="42">
        <v>0</v>
      </c>
      <c r="X286" s="43" t="s">
        <v>40</v>
      </c>
      <c r="Y286" s="43" t="s">
        <v>40</v>
      </c>
      <c r="Z286" s="43" t="s">
        <v>40</v>
      </c>
      <c r="AA286" s="43" t="s">
        <v>40</v>
      </c>
      <c r="AB286" s="43" t="s">
        <v>40</v>
      </c>
      <c r="AC286" s="43" t="s">
        <v>40</v>
      </c>
      <c r="AD286" s="43" t="s">
        <v>40</v>
      </c>
      <c r="AE286" s="7"/>
      <c r="AF286" s="13"/>
      <c r="AG286" s="9"/>
      <c r="AH286" s="9"/>
      <c r="AI286" s="9"/>
      <c r="AJ286" s="9" t="s">
        <v>28</v>
      </c>
      <c r="AK286" s="43" t="s">
        <v>40</v>
      </c>
      <c r="AL286" s="43" t="s">
        <v>40</v>
      </c>
      <c r="AM286" s="43" t="s">
        <v>40</v>
      </c>
      <c r="AN286" s="43" t="s">
        <v>40</v>
      </c>
      <c r="AO286" s="43" t="s">
        <v>40</v>
      </c>
      <c r="AP286" s="43" t="s">
        <v>40</v>
      </c>
      <c r="AQ286" s="43" t="s">
        <v>40</v>
      </c>
      <c r="AR286" s="43" t="s">
        <v>40</v>
      </c>
      <c r="AS286" s="43" t="s">
        <v>40</v>
      </c>
      <c r="AT286" s="43" t="s">
        <v>40</v>
      </c>
      <c r="AU286" s="43" t="s">
        <v>40</v>
      </c>
      <c r="AV286" s="43" t="s">
        <v>40</v>
      </c>
      <c r="AW286" s="43" t="s">
        <v>40</v>
      </c>
      <c r="AX286" s="43" t="s">
        <v>40</v>
      </c>
      <c r="AY286" s="43" t="s">
        <v>40</v>
      </c>
      <c r="AZ286" s="43" t="s">
        <v>40</v>
      </c>
      <c r="BA286" s="43" t="s">
        <v>40</v>
      </c>
      <c r="BB286" s="43" t="s">
        <v>40</v>
      </c>
      <c r="BC286" s="43" t="s">
        <v>40</v>
      </c>
      <c r="BD286" s="43" t="s">
        <v>40</v>
      </c>
      <c r="BE286" s="43" t="s">
        <v>40</v>
      </c>
      <c r="BF286" s="43" t="s">
        <v>40</v>
      </c>
      <c r="BG286" s="43" t="s">
        <v>40</v>
      </c>
      <c r="BH286" s="43" t="s">
        <v>40</v>
      </c>
      <c r="BI286" s="43" t="s">
        <v>40</v>
      </c>
      <c r="BJ286" s="14"/>
      <c r="BK286" s="16"/>
      <c r="BL286" s="9"/>
      <c r="BM286" s="9"/>
      <c r="BN286" s="9"/>
      <c r="BO286" s="9" t="s">
        <v>28</v>
      </c>
      <c r="BP286" s="43" t="s">
        <v>40</v>
      </c>
      <c r="BQ286" s="43" t="s">
        <v>40</v>
      </c>
      <c r="BR286" s="43" t="s">
        <v>40</v>
      </c>
      <c r="BS286" s="43" t="s">
        <v>40</v>
      </c>
      <c r="BT286" s="43" t="s">
        <v>40</v>
      </c>
      <c r="BU286" s="43" t="s">
        <v>40</v>
      </c>
      <c r="BV286" s="43" t="s">
        <v>40</v>
      </c>
      <c r="BW286" s="43" t="s">
        <v>40</v>
      </c>
      <c r="BX286" s="43" t="s">
        <v>40</v>
      </c>
      <c r="BY286" s="43" t="s">
        <v>40</v>
      </c>
      <c r="BZ286" s="43" t="s">
        <v>40</v>
      </c>
      <c r="CA286" s="43" t="s">
        <v>40</v>
      </c>
      <c r="CB286" s="43" t="s">
        <v>40</v>
      </c>
      <c r="CC286" s="43" t="s">
        <v>40</v>
      </c>
      <c r="CD286" s="43" t="s">
        <v>40</v>
      </c>
      <c r="CE286" s="43" t="s">
        <v>40</v>
      </c>
      <c r="CF286" s="43" t="s">
        <v>40</v>
      </c>
      <c r="CG286" s="43" t="s">
        <v>40</v>
      </c>
      <c r="CH286" s="43" t="s">
        <v>40</v>
      </c>
      <c r="CI286" s="43" t="s">
        <v>40</v>
      </c>
      <c r="CJ286" s="43" t="s">
        <v>40</v>
      </c>
      <c r="CK286" s="43" t="s">
        <v>40</v>
      </c>
      <c r="CL286" s="43" t="s">
        <v>40</v>
      </c>
      <c r="CM286" s="43" t="s">
        <v>40</v>
      </c>
      <c r="CN286" s="43" t="s">
        <v>40</v>
      </c>
      <c r="CO286" s="20"/>
    </row>
    <row r="287" spans="1:93" x14ac:dyDescent="0.7">
      <c r="A287" s="7"/>
      <c r="E287" s="8" t="s">
        <v>29</v>
      </c>
      <c r="F287" s="43" t="s">
        <v>40</v>
      </c>
      <c r="G287" s="43" t="s">
        <v>40</v>
      </c>
      <c r="H287" s="43" t="s">
        <v>40</v>
      </c>
      <c r="I287" s="43" t="s">
        <v>40</v>
      </c>
      <c r="J287" s="43" t="s">
        <v>40</v>
      </c>
      <c r="K287" s="43" t="s">
        <v>40</v>
      </c>
      <c r="L287" s="43" t="s">
        <v>40</v>
      </c>
      <c r="M287" s="43" t="s">
        <v>40</v>
      </c>
      <c r="N287" s="43" t="s">
        <v>40</v>
      </c>
      <c r="O287" s="43" t="s">
        <v>40</v>
      </c>
      <c r="P287" s="43" t="s">
        <v>40</v>
      </c>
      <c r="Q287" s="43" t="s">
        <v>40</v>
      </c>
      <c r="R287" s="43" t="s">
        <v>40</v>
      </c>
      <c r="S287" s="42">
        <v>0</v>
      </c>
      <c r="T287" s="42">
        <v>0</v>
      </c>
      <c r="U287" s="42">
        <v>0</v>
      </c>
      <c r="V287" s="42">
        <v>0</v>
      </c>
      <c r="W287" s="42">
        <v>0</v>
      </c>
      <c r="X287" s="43" t="s">
        <v>40</v>
      </c>
      <c r="Y287" s="43" t="s">
        <v>40</v>
      </c>
      <c r="Z287" s="43" t="s">
        <v>40</v>
      </c>
      <c r="AA287" s="43" t="s">
        <v>40</v>
      </c>
      <c r="AB287" s="43" t="s">
        <v>40</v>
      </c>
      <c r="AC287" s="43" t="s">
        <v>40</v>
      </c>
      <c r="AD287" s="43" t="s">
        <v>40</v>
      </c>
      <c r="AE287" s="7"/>
      <c r="AF287" s="13"/>
      <c r="AG287" s="9"/>
      <c r="AH287" s="9"/>
      <c r="AI287" s="9"/>
      <c r="AJ287" s="9" t="s">
        <v>29</v>
      </c>
      <c r="AK287" s="43" t="s">
        <v>40</v>
      </c>
      <c r="AL287" s="43" t="s">
        <v>40</v>
      </c>
      <c r="AM287" s="43" t="s">
        <v>40</v>
      </c>
      <c r="AN287" s="43" t="s">
        <v>40</v>
      </c>
      <c r="AO287" s="43" t="s">
        <v>40</v>
      </c>
      <c r="AP287" s="43" t="s">
        <v>40</v>
      </c>
      <c r="AQ287" s="43" t="s">
        <v>40</v>
      </c>
      <c r="AR287" s="43" t="s">
        <v>40</v>
      </c>
      <c r="AS287" s="43" t="s">
        <v>40</v>
      </c>
      <c r="AT287" s="43" t="s">
        <v>40</v>
      </c>
      <c r="AU287" s="43" t="s">
        <v>40</v>
      </c>
      <c r="AV287" s="43" t="s">
        <v>40</v>
      </c>
      <c r="AW287" s="43" t="s">
        <v>40</v>
      </c>
      <c r="AX287" s="43" t="s">
        <v>40</v>
      </c>
      <c r="AY287" s="43" t="s">
        <v>40</v>
      </c>
      <c r="AZ287" s="43" t="s">
        <v>40</v>
      </c>
      <c r="BA287" s="43" t="s">
        <v>40</v>
      </c>
      <c r="BB287" s="43" t="s">
        <v>40</v>
      </c>
      <c r="BC287" s="43" t="s">
        <v>40</v>
      </c>
      <c r="BD287" s="43" t="s">
        <v>40</v>
      </c>
      <c r="BE287" s="43" t="s">
        <v>40</v>
      </c>
      <c r="BF287" s="43" t="s">
        <v>40</v>
      </c>
      <c r="BG287" s="43" t="s">
        <v>40</v>
      </c>
      <c r="BH287" s="43" t="s">
        <v>40</v>
      </c>
      <c r="BI287" s="43" t="s">
        <v>40</v>
      </c>
      <c r="BJ287" s="14"/>
      <c r="BK287" s="16"/>
      <c r="BL287" s="9"/>
      <c r="BM287" s="9"/>
      <c r="BN287" s="9"/>
      <c r="BO287" s="9" t="s">
        <v>29</v>
      </c>
      <c r="BP287" s="43" t="s">
        <v>40</v>
      </c>
      <c r="BQ287" s="43" t="s">
        <v>40</v>
      </c>
      <c r="BR287" s="43" t="s">
        <v>40</v>
      </c>
      <c r="BS287" s="43" t="s">
        <v>40</v>
      </c>
      <c r="BT287" s="43" t="s">
        <v>40</v>
      </c>
      <c r="BU287" s="43" t="s">
        <v>40</v>
      </c>
      <c r="BV287" s="43" t="s">
        <v>40</v>
      </c>
      <c r="BW287" s="43" t="s">
        <v>40</v>
      </c>
      <c r="BX287" s="43" t="s">
        <v>40</v>
      </c>
      <c r="BY287" s="43" t="s">
        <v>40</v>
      </c>
      <c r="BZ287" s="43" t="s">
        <v>40</v>
      </c>
      <c r="CA287" s="43" t="s">
        <v>40</v>
      </c>
      <c r="CB287" s="43" t="s">
        <v>40</v>
      </c>
      <c r="CC287" s="43" t="s">
        <v>40</v>
      </c>
      <c r="CD287" s="43" t="s">
        <v>40</v>
      </c>
      <c r="CE287" s="43" t="s">
        <v>40</v>
      </c>
      <c r="CF287" s="43" t="s">
        <v>40</v>
      </c>
      <c r="CG287" s="43" t="s">
        <v>40</v>
      </c>
      <c r="CH287" s="43" t="s">
        <v>40</v>
      </c>
      <c r="CI287" s="43" t="s">
        <v>40</v>
      </c>
      <c r="CJ287" s="43" t="s">
        <v>40</v>
      </c>
      <c r="CK287" s="43" t="s">
        <v>40</v>
      </c>
      <c r="CL287" s="43" t="s">
        <v>40</v>
      </c>
      <c r="CM287" s="43" t="s">
        <v>40</v>
      </c>
      <c r="CN287" s="43" t="s">
        <v>40</v>
      </c>
      <c r="CO287" s="20"/>
    </row>
    <row r="288" spans="1:93" x14ac:dyDescent="0.7">
      <c r="A288" s="7"/>
      <c r="E288" s="8" t="s">
        <v>30</v>
      </c>
      <c r="F288" s="43" t="s">
        <v>40</v>
      </c>
      <c r="G288" s="43" t="s">
        <v>40</v>
      </c>
      <c r="H288" s="43" t="s">
        <v>40</v>
      </c>
      <c r="I288" s="43" t="s">
        <v>40</v>
      </c>
      <c r="J288" s="43" t="s">
        <v>40</v>
      </c>
      <c r="K288" s="43" t="s">
        <v>40</v>
      </c>
      <c r="L288" s="43" t="s">
        <v>40</v>
      </c>
      <c r="M288" s="43" t="s">
        <v>40</v>
      </c>
      <c r="N288" s="43" t="s">
        <v>40</v>
      </c>
      <c r="O288" s="43" t="s">
        <v>40</v>
      </c>
      <c r="P288" s="43" t="s">
        <v>40</v>
      </c>
      <c r="Q288" s="43" t="s">
        <v>40</v>
      </c>
      <c r="R288" s="43" t="s">
        <v>40</v>
      </c>
      <c r="S288" s="42">
        <v>0</v>
      </c>
      <c r="T288" s="42">
        <v>0</v>
      </c>
      <c r="U288" s="42">
        <v>0</v>
      </c>
      <c r="V288" s="42">
        <v>0</v>
      </c>
      <c r="W288" s="42">
        <v>0</v>
      </c>
      <c r="X288" s="43" t="s">
        <v>40</v>
      </c>
      <c r="Y288" s="43" t="s">
        <v>40</v>
      </c>
      <c r="Z288" s="43" t="s">
        <v>40</v>
      </c>
      <c r="AA288" s="43" t="s">
        <v>40</v>
      </c>
      <c r="AB288" s="43" t="s">
        <v>40</v>
      </c>
      <c r="AC288" s="43" t="s">
        <v>40</v>
      </c>
      <c r="AD288" s="43" t="s">
        <v>40</v>
      </c>
      <c r="AE288" s="7"/>
      <c r="AF288" s="13"/>
      <c r="AG288" s="9"/>
      <c r="AH288" s="9"/>
      <c r="AI288" s="9"/>
      <c r="AJ288" s="9" t="s">
        <v>30</v>
      </c>
      <c r="AK288" s="43" t="s">
        <v>40</v>
      </c>
      <c r="AL288" s="43" t="s">
        <v>40</v>
      </c>
      <c r="AM288" s="43" t="s">
        <v>40</v>
      </c>
      <c r="AN288" s="43" t="s">
        <v>40</v>
      </c>
      <c r="AO288" s="43" t="s">
        <v>40</v>
      </c>
      <c r="AP288" s="43" t="s">
        <v>40</v>
      </c>
      <c r="AQ288" s="43" t="s">
        <v>40</v>
      </c>
      <c r="AR288" s="43" t="s">
        <v>40</v>
      </c>
      <c r="AS288" s="43" t="s">
        <v>40</v>
      </c>
      <c r="AT288" s="43" t="s">
        <v>40</v>
      </c>
      <c r="AU288" s="43" t="s">
        <v>40</v>
      </c>
      <c r="AV288" s="43" t="s">
        <v>40</v>
      </c>
      <c r="AW288" s="43" t="s">
        <v>40</v>
      </c>
      <c r="AX288" s="43" t="s">
        <v>40</v>
      </c>
      <c r="AY288" s="43" t="s">
        <v>40</v>
      </c>
      <c r="AZ288" s="43" t="s">
        <v>40</v>
      </c>
      <c r="BA288" s="43" t="s">
        <v>40</v>
      </c>
      <c r="BB288" s="43" t="s">
        <v>40</v>
      </c>
      <c r="BC288" s="43" t="s">
        <v>40</v>
      </c>
      <c r="BD288" s="43" t="s">
        <v>40</v>
      </c>
      <c r="BE288" s="43" t="s">
        <v>40</v>
      </c>
      <c r="BF288" s="43" t="s">
        <v>40</v>
      </c>
      <c r="BG288" s="43" t="s">
        <v>40</v>
      </c>
      <c r="BH288" s="43" t="s">
        <v>40</v>
      </c>
      <c r="BI288" s="43" t="s">
        <v>40</v>
      </c>
      <c r="BJ288" s="14"/>
      <c r="BK288" s="16"/>
      <c r="BL288" s="9"/>
      <c r="BM288" s="9"/>
      <c r="BN288" s="9"/>
      <c r="BO288" s="9" t="s">
        <v>30</v>
      </c>
      <c r="BP288" s="43" t="s">
        <v>40</v>
      </c>
      <c r="BQ288" s="43" t="s">
        <v>40</v>
      </c>
      <c r="BR288" s="43" t="s">
        <v>40</v>
      </c>
      <c r="BS288" s="43" t="s">
        <v>40</v>
      </c>
      <c r="BT288" s="43" t="s">
        <v>40</v>
      </c>
      <c r="BU288" s="43" t="s">
        <v>40</v>
      </c>
      <c r="BV288" s="43" t="s">
        <v>40</v>
      </c>
      <c r="BW288" s="43" t="s">
        <v>40</v>
      </c>
      <c r="BX288" s="43" t="s">
        <v>40</v>
      </c>
      <c r="BY288" s="43" t="s">
        <v>40</v>
      </c>
      <c r="BZ288" s="43" t="s">
        <v>40</v>
      </c>
      <c r="CA288" s="43" t="s">
        <v>40</v>
      </c>
      <c r="CB288" s="43" t="s">
        <v>40</v>
      </c>
      <c r="CC288" s="43" t="s">
        <v>40</v>
      </c>
      <c r="CD288" s="43" t="s">
        <v>40</v>
      </c>
      <c r="CE288" s="43" t="s">
        <v>40</v>
      </c>
      <c r="CF288" s="43" t="s">
        <v>40</v>
      </c>
      <c r="CG288" s="43" t="s">
        <v>40</v>
      </c>
      <c r="CH288" s="43" t="s">
        <v>40</v>
      </c>
      <c r="CI288" s="43" t="s">
        <v>40</v>
      </c>
      <c r="CJ288" s="43" t="s">
        <v>40</v>
      </c>
      <c r="CK288" s="43" t="s">
        <v>40</v>
      </c>
      <c r="CL288" s="43" t="s">
        <v>40</v>
      </c>
      <c r="CM288" s="43" t="s">
        <v>40</v>
      </c>
      <c r="CN288" s="43" t="s">
        <v>40</v>
      </c>
      <c r="CO288" s="20"/>
    </row>
    <row r="289" spans="1:93" x14ac:dyDescent="0.7">
      <c r="A289" s="7"/>
      <c r="E289" s="8" t="s">
        <v>31</v>
      </c>
      <c r="F289" s="43" t="s">
        <v>40</v>
      </c>
      <c r="G289" s="43" t="s">
        <v>40</v>
      </c>
      <c r="H289" s="43" t="s">
        <v>40</v>
      </c>
      <c r="I289" s="43" t="s">
        <v>40</v>
      </c>
      <c r="J289" s="43" t="s">
        <v>40</v>
      </c>
      <c r="K289" s="43" t="s">
        <v>40</v>
      </c>
      <c r="L289" s="43" t="s">
        <v>40</v>
      </c>
      <c r="M289" s="43" t="s">
        <v>40</v>
      </c>
      <c r="N289" s="43" t="s">
        <v>40</v>
      </c>
      <c r="O289" s="43" t="s">
        <v>40</v>
      </c>
      <c r="P289" s="43" t="s">
        <v>40</v>
      </c>
      <c r="Q289" s="43" t="s">
        <v>40</v>
      </c>
      <c r="R289" s="43" t="s">
        <v>40</v>
      </c>
      <c r="S289" s="42">
        <v>0</v>
      </c>
      <c r="T289" s="42">
        <v>0</v>
      </c>
      <c r="U289" s="42">
        <v>0</v>
      </c>
      <c r="V289" s="42">
        <v>0</v>
      </c>
      <c r="W289" s="42">
        <v>0</v>
      </c>
      <c r="X289" s="43" t="s">
        <v>40</v>
      </c>
      <c r="Y289" s="43" t="s">
        <v>40</v>
      </c>
      <c r="Z289" s="43" t="s">
        <v>40</v>
      </c>
      <c r="AA289" s="43" t="s">
        <v>40</v>
      </c>
      <c r="AB289" s="43" t="s">
        <v>40</v>
      </c>
      <c r="AC289" s="43" t="s">
        <v>40</v>
      </c>
      <c r="AD289" s="43" t="s">
        <v>40</v>
      </c>
      <c r="AE289" s="7"/>
      <c r="AF289" s="13"/>
      <c r="AG289" s="9"/>
      <c r="AH289" s="9"/>
      <c r="AI289" s="9"/>
      <c r="AJ289" s="9" t="s">
        <v>31</v>
      </c>
      <c r="AK289" s="43" t="s">
        <v>40</v>
      </c>
      <c r="AL289" s="43" t="s">
        <v>40</v>
      </c>
      <c r="AM289" s="43" t="s">
        <v>40</v>
      </c>
      <c r="AN289" s="43" t="s">
        <v>40</v>
      </c>
      <c r="AO289" s="43" t="s">
        <v>40</v>
      </c>
      <c r="AP289" s="43" t="s">
        <v>40</v>
      </c>
      <c r="AQ289" s="43" t="s">
        <v>40</v>
      </c>
      <c r="AR289" s="43" t="s">
        <v>40</v>
      </c>
      <c r="AS289" s="43" t="s">
        <v>40</v>
      </c>
      <c r="AT289" s="43" t="s">
        <v>40</v>
      </c>
      <c r="AU289" s="43" t="s">
        <v>40</v>
      </c>
      <c r="AV289" s="43" t="s">
        <v>40</v>
      </c>
      <c r="AW289" s="43" t="s">
        <v>40</v>
      </c>
      <c r="AX289" s="43" t="s">
        <v>40</v>
      </c>
      <c r="AY289" s="43" t="s">
        <v>40</v>
      </c>
      <c r="AZ289" s="43" t="s">
        <v>40</v>
      </c>
      <c r="BA289" s="43" t="s">
        <v>40</v>
      </c>
      <c r="BB289" s="43" t="s">
        <v>40</v>
      </c>
      <c r="BC289" s="43" t="s">
        <v>40</v>
      </c>
      <c r="BD289" s="43" t="s">
        <v>40</v>
      </c>
      <c r="BE289" s="43" t="s">
        <v>40</v>
      </c>
      <c r="BF289" s="43" t="s">
        <v>40</v>
      </c>
      <c r="BG289" s="43" t="s">
        <v>40</v>
      </c>
      <c r="BH289" s="43" t="s">
        <v>40</v>
      </c>
      <c r="BI289" s="43" t="s">
        <v>40</v>
      </c>
      <c r="BJ289" s="14"/>
      <c r="BK289" s="16"/>
      <c r="BL289" s="9"/>
      <c r="BM289" s="9"/>
      <c r="BN289" s="9"/>
      <c r="BO289" s="9" t="s">
        <v>31</v>
      </c>
      <c r="BP289" s="43" t="s">
        <v>40</v>
      </c>
      <c r="BQ289" s="43" t="s">
        <v>40</v>
      </c>
      <c r="BR289" s="43" t="s">
        <v>40</v>
      </c>
      <c r="BS289" s="43" t="s">
        <v>40</v>
      </c>
      <c r="BT289" s="43" t="s">
        <v>40</v>
      </c>
      <c r="BU289" s="43" t="s">
        <v>40</v>
      </c>
      <c r="BV289" s="43" t="s">
        <v>40</v>
      </c>
      <c r="BW289" s="43" t="s">
        <v>40</v>
      </c>
      <c r="BX289" s="43" t="s">
        <v>40</v>
      </c>
      <c r="BY289" s="43" t="s">
        <v>40</v>
      </c>
      <c r="BZ289" s="43" t="s">
        <v>40</v>
      </c>
      <c r="CA289" s="43" t="s">
        <v>40</v>
      </c>
      <c r="CB289" s="43" t="s">
        <v>40</v>
      </c>
      <c r="CC289" s="43" t="s">
        <v>40</v>
      </c>
      <c r="CD289" s="43" t="s">
        <v>40</v>
      </c>
      <c r="CE289" s="43" t="s">
        <v>40</v>
      </c>
      <c r="CF289" s="43" t="s">
        <v>40</v>
      </c>
      <c r="CG289" s="43" t="s">
        <v>40</v>
      </c>
      <c r="CH289" s="43" t="s">
        <v>40</v>
      </c>
      <c r="CI289" s="43" t="s">
        <v>40</v>
      </c>
      <c r="CJ289" s="43" t="s">
        <v>40</v>
      </c>
      <c r="CK289" s="43" t="s">
        <v>40</v>
      </c>
      <c r="CL289" s="43" t="s">
        <v>40</v>
      </c>
      <c r="CM289" s="43" t="s">
        <v>40</v>
      </c>
      <c r="CN289" s="43" t="s">
        <v>40</v>
      </c>
      <c r="CO289" s="20"/>
    </row>
    <row r="290" spans="1:93" x14ac:dyDescent="0.7">
      <c r="A290" s="7"/>
      <c r="E290" s="8" t="s">
        <v>32</v>
      </c>
      <c r="F290" s="43" t="s">
        <v>40</v>
      </c>
      <c r="G290" s="43" t="s">
        <v>40</v>
      </c>
      <c r="H290" s="43" t="s">
        <v>40</v>
      </c>
      <c r="I290" s="43" t="s">
        <v>40</v>
      </c>
      <c r="J290" s="43" t="s">
        <v>40</v>
      </c>
      <c r="K290" s="43" t="s">
        <v>40</v>
      </c>
      <c r="L290" s="43" t="s">
        <v>40</v>
      </c>
      <c r="M290" s="43" t="s">
        <v>40</v>
      </c>
      <c r="N290" s="43" t="s">
        <v>40</v>
      </c>
      <c r="O290" s="43" t="s">
        <v>40</v>
      </c>
      <c r="P290" s="43" t="s">
        <v>40</v>
      </c>
      <c r="Q290" s="43" t="s">
        <v>40</v>
      </c>
      <c r="R290" s="43" t="s">
        <v>40</v>
      </c>
      <c r="S290" s="42">
        <v>0</v>
      </c>
      <c r="T290" s="42">
        <v>0</v>
      </c>
      <c r="U290" s="42">
        <v>0</v>
      </c>
      <c r="V290" s="42">
        <v>0</v>
      </c>
      <c r="W290" s="42">
        <v>0</v>
      </c>
      <c r="X290" s="43" t="s">
        <v>40</v>
      </c>
      <c r="Y290" s="43" t="s">
        <v>40</v>
      </c>
      <c r="Z290" s="43" t="s">
        <v>40</v>
      </c>
      <c r="AA290" s="43" t="s">
        <v>40</v>
      </c>
      <c r="AB290" s="43" t="s">
        <v>40</v>
      </c>
      <c r="AC290" s="43" t="s">
        <v>40</v>
      </c>
      <c r="AD290" s="43" t="s">
        <v>40</v>
      </c>
      <c r="AE290" s="7"/>
      <c r="AF290" s="13"/>
      <c r="AG290" s="9"/>
      <c r="AH290" s="9"/>
      <c r="AI290" s="9"/>
      <c r="AJ290" s="9" t="s">
        <v>32</v>
      </c>
      <c r="AK290" s="43" t="s">
        <v>40</v>
      </c>
      <c r="AL290" s="43" t="s">
        <v>40</v>
      </c>
      <c r="AM290" s="43" t="s">
        <v>40</v>
      </c>
      <c r="AN290" s="43" t="s">
        <v>40</v>
      </c>
      <c r="AO290" s="43" t="s">
        <v>40</v>
      </c>
      <c r="AP290" s="43" t="s">
        <v>40</v>
      </c>
      <c r="AQ290" s="43" t="s">
        <v>40</v>
      </c>
      <c r="AR290" s="43" t="s">
        <v>40</v>
      </c>
      <c r="AS290" s="43" t="s">
        <v>40</v>
      </c>
      <c r="AT290" s="43" t="s">
        <v>40</v>
      </c>
      <c r="AU290" s="43" t="s">
        <v>40</v>
      </c>
      <c r="AV290" s="43" t="s">
        <v>40</v>
      </c>
      <c r="AW290" s="43" t="s">
        <v>40</v>
      </c>
      <c r="AX290" s="43" t="s">
        <v>40</v>
      </c>
      <c r="AY290" s="43" t="s">
        <v>40</v>
      </c>
      <c r="AZ290" s="43" t="s">
        <v>40</v>
      </c>
      <c r="BA290" s="43" t="s">
        <v>40</v>
      </c>
      <c r="BB290" s="43" t="s">
        <v>40</v>
      </c>
      <c r="BC290" s="43" t="s">
        <v>40</v>
      </c>
      <c r="BD290" s="43" t="s">
        <v>40</v>
      </c>
      <c r="BE290" s="43" t="s">
        <v>40</v>
      </c>
      <c r="BF290" s="43" t="s">
        <v>40</v>
      </c>
      <c r="BG290" s="43" t="s">
        <v>40</v>
      </c>
      <c r="BH290" s="43" t="s">
        <v>40</v>
      </c>
      <c r="BI290" s="43" t="s">
        <v>40</v>
      </c>
      <c r="BJ290" s="14"/>
      <c r="BK290" s="16"/>
      <c r="BL290" s="9"/>
      <c r="BM290" s="9"/>
      <c r="BN290" s="9"/>
      <c r="BO290" s="9" t="s">
        <v>32</v>
      </c>
      <c r="BP290" s="43" t="s">
        <v>40</v>
      </c>
      <c r="BQ290" s="43" t="s">
        <v>40</v>
      </c>
      <c r="BR290" s="43" t="s">
        <v>40</v>
      </c>
      <c r="BS290" s="43" t="s">
        <v>40</v>
      </c>
      <c r="BT290" s="43" t="s">
        <v>40</v>
      </c>
      <c r="BU290" s="43" t="s">
        <v>40</v>
      </c>
      <c r="BV290" s="43" t="s">
        <v>40</v>
      </c>
      <c r="BW290" s="43" t="s">
        <v>40</v>
      </c>
      <c r="BX290" s="43" t="s">
        <v>40</v>
      </c>
      <c r="BY290" s="43" t="s">
        <v>40</v>
      </c>
      <c r="BZ290" s="43" t="s">
        <v>40</v>
      </c>
      <c r="CA290" s="43" t="s">
        <v>40</v>
      </c>
      <c r="CB290" s="43" t="s">
        <v>40</v>
      </c>
      <c r="CC290" s="43" t="s">
        <v>40</v>
      </c>
      <c r="CD290" s="43" t="s">
        <v>40</v>
      </c>
      <c r="CE290" s="43" t="s">
        <v>40</v>
      </c>
      <c r="CF290" s="43" t="s">
        <v>40</v>
      </c>
      <c r="CG290" s="43" t="s">
        <v>40</v>
      </c>
      <c r="CH290" s="43" t="s">
        <v>40</v>
      </c>
      <c r="CI290" s="43" t="s">
        <v>40</v>
      </c>
      <c r="CJ290" s="43" t="s">
        <v>40</v>
      </c>
      <c r="CK290" s="43" t="s">
        <v>40</v>
      </c>
      <c r="CL290" s="43" t="s">
        <v>40</v>
      </c>
      <c r="CM290" s="43" t="s">
        <v>40</v>
      </c>
      <c r="CN290" s="43" t="s">
        <v>40</v>
      </c>
      <c r="CO290" s="20"/>
    </row>
    <row r="291" spans="1:93" x14ac:dyDescent="0.7">
      <c r="A291" s="7"/>
      <c r="E291" s="8" t="s">
        <v>33</v>
      </c>
      <c r="F291" s="43" t="s">
        <v>40</v>
      </c>
      <c r="G291" s="43" t="s">
        <v>40</v>
      </c>
      <c r="H291" s="43" t="s">
        <v>40</v>
      </c>
      <c r="I291" s="43" t="s">
        <v>40</v>
      </c>
      <c r="J291" s="43" t="s">
        <v>40</v>
      </c>
      <c r="K291" s="43" t="s">
        <v>40</v>
      </c>
      <c r="L291" s="43" t="s">
        <v>40</v>
      </c>
      <c r="M291" s="43" t="s">
        <v>40</v>
      </c>
      <c r="N291" s="43" t="s">
        <v>40</v>
      </c>
      <c r="O291" s="43" t="s">
        <v>40</v>
      </c>
      <c r="P291" s="43" t="s">
        <v>40</v>
      </c>
      <c r="Q291" s="43" t="s">
        <v>40</v>
      </c>
      <c r="R291" s="43" t="s">
        <v>40</v>
      </c>
      <c r="S291" s="42">
        <v>0</v>
      </c>
      <c r="T291" s="42">
        <v>0</v>
      </c>
      <c r="U291" s="42">
        <v>0</v>
      </c>
      <c r="V291" s="42">
        <v>0</v>
      </c>
      <c r="W291" s="42">
        <v>0</v>
      </c>
      <c r="X291" s="43" t="s">
        <v>40</v>
      </c>
      <c r="Y291" s="43" t="s">
        <v>40</v>
      </c>
      <c r="Z291" s="43" t="s">
        <v>40</v>
      </c>
      <c r="AA291" s="43" t="s">
        <v>40</v>
      </c>
      <c r="AB291" s="43" t="s">
        <v>40</v>
      </c>
      <c r="AC291" s="43" t="s">
        <v>40</v>
      </c>
      <c r="AD291" s="43" t="s">
        <v>40</v>
      </c>
      <c r="AE291" s="7"/>
      <c r="AF291" s="13"/>
      <c r="AG291" s="9"/>
      <c r="AH291" s="9"/>
      <c r="AI291" s="9"/>
      <c r="AJ291" s="9" t="s">
        <v>33</v>
      </c>
      <c r="AK291" s="43" t="s">
        <v>40</v>
      </c>
      <c r="AL291" s="43" t="s">
        <v>40</v>
      </c>
      <c r="AM291" s="43" t="s">
        <v>40</v>
      </c>
      <c r="AN291" s="43" t="s">
        <v>40</v>
      </c>
      <c r="AO291" s="43" t="s">
        <v>40</v>
      </c>
      <c r="AP291" s="43" t="s">
        <v>40</v>
      </c>
      <c r="AQ291" s="43" t="s">
        <v>40</v>
      </c>
      <c r="AR291" s="43" t="s">
        <v>40</v>
      </c>
      <c r="AS291" s="43" t="s">
        <v>40</v>
      </c>
      <c r="AT291" s="43" t="s">
        <v>40</v>
      </c>
      <c r="AU291" s="43" t="s">
        <v>40</v>
      </c>
      <c r="AV291" s="43" t="s">
        <v>40</v>
      </c>
      <c r="AW291" s="43" t="s">
        <v>40</v>
      </c>
      <c r="AX291" s="43" t="s">
        <v>40</v>
      </c>
      <c r="AY291" s="43" t="s">
        <v>40</v>
      </c>
      <c r="AZ291" s="43" t="s">
        <v>40</v>
      </c>
      <c r="BA291" s="43" t="s">
        <v>40</v>
      </c>
      <c r="BB291" s="43" t="s">
        <v>40</v>
      </c>
      <c r="BC291" s="43" t="s">
        <v>40</v>
      </c>
      <c r="BD291" s="43" t="s">
        <v>40</v>
      </c>
      <c r="BE291" s="43" t="s">
        <v>40</v>
      </c>
      <c r="BF291" s="43" t="s">
        <v>40</v>
      </c>
      <c r="BG291" s="43" t="s">
        <v>40</v>
      </c>
      <c r="BH291" s="43" t="s">
        <v>40</v>
      </c>
      <c r="BI291" s="43" t="s">
        <v>40</v>
      </c>
      <c r="BJ291" s="14"/>
      <c r="BK291" s="16"/>
      <c r="BL291" s="9"/>
      <c r="BM291" s="9"/>
      <c r="BN291" s="9"/>
      <c r="BO291" s="9" t="s">
        <v>33</v>
      </c>
      <c r="BP291" s="43" t="s">
        <v>40</v>
      </c>
      <c r="BQ291" s="43" t="s">
        <v>40</v>
      </c>
      <c r="BR291" s="43" t="s">
        <v>40</v>
      </c>
      <c r="BS291" s="43" t="s">
        <v>40</v>
      </c>
      <c r="BT291" s="43" t="s">
        <v>40</v>
      </c>
      <c r="BU291" s="43" t="s">
        <v>40</v>
      </c>
      <c r="BV291" s="43" t="s">
        <v>40</v>
      </c>
      <c r="BW291" s="43" t="s">
        <v>40</v>
      </c>
      <c r="BX291" s="43" t="s">
        <v>40</v>
      </c>
      <c r="BY291" s="43" t="s">
        <v>40</v>
      </c>
      <c r="BZ291" s="43" t="s">
        <v>40</v>
      </c>
      <c r="CA291" s="43" t="s">
        <v>40</v>
      </c>
      <c r="CB291" s="43" t="s">
        <v>40</v>
      </c>
      <c r="CC291" s="43" t="s">
        <v>40</v>
      </c>
      <c r="CD291" s="43" t="s">
        <v>40</v>
      </c>
      <c r="CE291" s="43" t="s">
        <v>40</v>
      </c>
      <c r="CF291" s="43" t="s">
        <v>40</v>
      </c>
      <c r="CG291" s="43" t="s">
        <v>40</v>
      </c>
      <c r="CH291" s="43" t="s">
        <v>40</v>
      </c>
      <c r="CI291" s="43" t="s">
        <v>40</v>
      </c>
      <c r="CJ291" s="43" t="s">
        <v>40</v>
      </c>
      <c r="CK291" s="43" t="s">
        <v>40</v>
      </c>
      <c r="CL291" s="43" t="s">
        <v>40</v>
      </c>
      <c r="CM291" s="43" t="s">
        <v>40</v>
      </c>
      <c r="CN291" s="43" t="s">
        <v>40</v>
      </c>
      <c r="CO291" s="20"/>
    </row>
    <row r="292" spans="1:93" x14ac:dyDescent="0.7">
      <c r="A292" s="7"/>
      <c r="E292" s="8" t="s">
        <v>34</v>
      </c>
      <c r="F292" s="43" t="s">
        <v>40</v>
      </c>
      <c r="G292" s="43" t="s">
        <v>40</v>
      </c>
      <c r="H292" s="43" t="s">
        <v>40</v>
      </c>
      <c r="I292" s="43" t="s">
        <v>40</v>
      </c>
      <c r="J292" s="43" t="s">
        <v>40</v>
      </c>
      <c r="K292" s="43" t="s">
        <v>40</v>
      </c>
      <c r="L292" s="43" t="s">
        <v>40</v>
      </c>
      <c r="M292" s="43" t="s">
        <v>40</v>
      </c>
      <c r="N292" s="43" t="s">
        <v>40</v>
      </c>
      <c r="O292" s="43" t="s">
        <v>40</v>
      </c>
      <c r="P292" s="43" t="s">
        <v>40</v>
      </c>
      <c r="Q292" s="43" t="s">
        <v>40</v>
      </c>
      <c r="R292" s="43" t="s">
        <v>40</v>
      </c>
      <c r="S292" s="42">
        <v>0</v>
      </c>
      <c r="T292" s="42">
        <v>0</v>
      </c>
      <c r="U292" s="42">
        <v>0</v>
      </c>
      <c r="V292" s="42">
        <v>0</v>
      </c>
      <c r="W292" s="42">
        <v>0</v>
      </c>
      <c r="X292" s="43" t="s">
        <v>40</v>
      </c>
      <c r="Y292" s="43" t="s">
        <v>40</v>
      </c>
      <c r="Z292" s="43" t="s">
        <v>40</v>
      </c>
      <c r="AA292" s="43" t="s">
        <v>40</v>
      </c>
      <c r="AB292" s="43" t="s">
        <v>40</v>
      </c>
      <c r="AC292" s="43" t="s">
        <v>40</v>
      </c>
      <c r="AD292" s="43" t="s">
        <v>40</v>
      </c>
      <c r="AE292" s="7"/>
      <c r="AF292" s="13"/>
      <c r="AG292" s="9"/>
      <c r="AH292" s="9"/>
      <c r="AI292" s="9"/>
      <c r="AJ292" s="9" t="s">
        <v>34</v>
      </c>
      <c r="AK292" s="43" t="s">
        <v>40</v>
      </c>
      <c r="AL292" s="43" t="s">
        <v>40</v>
      </c>
      <c r="AM292" s="43" t="s">
        <v>40</v>
      </c>
      <c r="AN292" s="43" t="s">
        <v>40</v>
      </c>
      <c r="AO292" s="43" t="s">
        <v>40</v>
      </c>
      <c r="AP292" s="43" t="s">
        <v>40</v>
      </c>
      <c r="AQ292" s="43" t="s">
        <v>40</v>
      </c>
      <c r="AR292" s="43" t="s">
        <v>40</v>
      </c>
      <c r="AS292" s="43" t="s">
        <v>40</v>
      </c>
      <c r="AT292" s="43" t="s">
        <v>40</v>
      </c>
      <c r="AU292" s="43" t="s">
        <v>40</v>
      </c>
      <c r="AV292" s="43" t="s">
        <v>40</v>
      </c>
      <c r="AW292" s="43" t="s">
        <v>40</v>
      </c>
      <c r="AX292" s="43" t="s">
        <v>40</v>
      </c>
      <c r="AY292" s="43" t="s">
        <v>40</v>
      </c>
      <c r="AZ292" s="43" t="s">
        <v>40</v>
      </c>
      <c r="BA292" s="43" t="s">
        <v>40</v>
      </c>
      <c r="BB292" s="43" t="s">
        <v>40</v>
      </c>
      <c r="BC292" s="43" t="s">
        <v>40</v>
      </c>
      <c r="BD292" s="43" t="s">
        <v>40</v>
      </c>
      <c r="BE292" s="43" t="s">
        <v>40</v>
      </c>
      <c r="BF292" s="43" t="s">
        <v>40</v>
      </c>
      <c r="BG292" s="43" t="s">
        <v>40</v>
      </c>
      <c r="BH292" s="43" t="s">
        <v>40</v>
      </c>
      <c r="BI292" s="43" t="s">
        <v>40</v>
      </c>
      <c r="BJ292" s="14"/>
      <c r="BK292" s="16"/>
      <c r="BL292" s="9"/>
      <c r="BM292" s="9"/>
      <c r="BN292" s="9"/>
      <c r="BO292" s="9" t="s">
        <v>34</v>
      </c>
      <c r="BP292" s="43" t="s">
        <v>40</v>
      </c>
      <c r="BQ292" s="43" t="s">
        <v>40</v>
      </c>
      <c r="BR292" s="43" t="s">
        <v>40</v>
      </c>
      <c r="BS292" s="43" t="s">
        <v>40</v>
      </c>
      <c r="BT292" s="43" t="s">
        <v>40</v>
      </c>
      <c r="BU292" s="43" t="s">
        <v>40</v>
      </c>
      <c r="BV292" s="43" t="s">
        <v>40</v>
      </c>
      <c r="BW292" s="43" t="s">
        <v>40</v>
      </c>
      <c r="BX292" s="43" t="s">
        <v>40</v>
      </c>
      <c r="BY292" s="43" t="s">
        <v>40</v>
      </c>
      <c r="BZ292" s="43" t="s">
        <v>40</v>
      </c>
      <c r="CA292" s="43" t="s">
        <v>40</v>
      </c>
      <c r="CB292" s="43" t="s">
        <v>40</v>
      </c>
      <c r="CC292" s="43" t="s">
        <v>40</v>
      </c>
      <c r="CD292" s="43" t="s">
        <v>40</v>
      </c>
      <c r="CE292" s="43" t="s">
        <v>40</v>
      </c>
      <c r="CF292" s="43" t="s">
        <v>40</v>
      </c>
      <c r="CG292" s="43" t="s">
        <v>40</v>
      </c>
      <c r="CH292" s="43" t="s">
        <v>40</v>
      </c>
      <c r="CI292" s="43" t="s">
        <v>40</v>
      </c>
      <c r="CJ292" s="43" t="s">
        <v>40</v>
      </c>
      <c r="CK292" s="43" t="s">
        <v>40</v>
      </c>
      <c r="CL292" s="43" t="s">
        <v>40</v>
      </c>
      <c r="CM292" s="43" t="s">
        <v>40</v>
      </c>
      <c r="CN292" s="43" t="s">
        <v>40</v>
      </c>
      <c r="CO292" s="20"/>
    </row>
    <row r="293" spans="1:93" x14ac:dyDescent="0.7">
      <c r="A293" s="7"/>
      <c r="E293" s="8" t="s">
        <v>35</v>
      </c>
      <c r="F293" s="43" t="s">
        <v>40</v>
      </c>
      <c r="G293" s="43" t="s">
        <v>40</v>
      </c>
      <c r="H293" s="43" t="s">
        <v>40</v>
      </c>
      <c r="I293" s="43" t="s">
        <v>40</v>
      </c>
      <c r="J293" s="43" t="s">
        <v>40</v>
      </c>
      <c r="K293" s="43" t="s">
        <v>40</v>
      </c>
      <c r="L293" s="43" t="s">
        <v>40</v>
      </c>
      <c r="M293" s="43" t="s">
        <v>40</v>
      </c>
      <c r="N293" s="43" t="s">
        <v>40</v>
      </c>
      <c r="O293" s="43" t="s">
        <v>40</v>
      </c>
      <c r="P293" s="43" t="s">
        <v>40</v>
      </c>
      <c r="Q293" s="43" t="s">
        <v>40</v>
      </c>
      <c r="R293" s="43" t="s">
        <v>40</v>
      </c>
      <c r="S293" s="42">
        <v>0</v>
      </c>
      <c r="T293" s="42">
        <v>0</v>
      </c>
      <c r="U293" s="42">
        <v>0</v>
      </c>
      <c r="V293" s="42">
        <v>0</v>
      </c>
      <c r="W293" s="42">
        <v>0</v>
      </c>
      <c r="X293" s="43" t="s">
        <v>40</v>
      </c>
      <c r="Y293" s="43" t="s">
        <v>40</v>
      </c>
      <c r="Z293" s="43" t="s">
        <v>40</v>
      </c>
      <c r="AA293" s="43" t="s">
        <v>40</v>
      </c>
      <c r="AB293" s="43" t="s">
        <v>40</v>
      </c>
      <c r="AC293" s="43" t="s">
        <v>40</v>
      </c>
      <c r="AD293" s="43" t="s">
        <v>40</v>
      </c>
      <c r="AE293" s="7"/>
      <c r="AF293" s="13"/>
      <c r="AG293" s="9"/>
      <c r="AH293" s="9"/>
      <c r="AI293" s="9"/>
      <c r="AJ293" s="9" t="s">
        <v>35</v>
      </c>
      <c r="AK293" s="43" t="s">
        <v>40</v>
      </c>
      <c r="AL293" s="43" t="s">
        <v>40</v>
      </c>
      <c r="AM293" s="43" t="s">
        <v>40</v>
      </c>
      <c r="AN293" s="43" t="s">
        <v>40</v>
      </c>
      <c r="AO293" s="43" t="s">
        <v>40</v>
      </c>
      <c r="AP293" s="43" t="s">
        <v>40</v>
      </c>
      <c r="AQ293" s="43" t="s">
        <v>40</v>
      </c>
      <c r="AR293" s="43" t="s">
        <v>40</v>
      </c>
      <c r="AS293" s="43" t="s">
        <v>40</v>
      </c>
      <c r="AT293" s="43" t="s">
        <v>40</v>
      </c>
      <c r="AU293" s="43" t="s">
        <v>40</v>
      </c>
      <c r="AV293" s="43" t="s">
        <v>40</v>
      </c>
      <c r="AW293" s="43" t="s">
        <v>40</v>
      </c>
      <c r="AX293" s="43" t="s">
        <v>40</v>
      </c>
      <c r="AY293" s="43" t="s">
        <v>40</v>
      </c>
      <c r="AZ293" s="43" t="s">
        <v>40</v>
      </c>
      <c r="BA293" s="43" t="s">
        <v>40</v>
      </c>
      <c r="BB293" s="43" t="s">
        <v>40</v>
      </c>
      <c r="BC293" s="43" t="s">
        <v>40</v>
      </c>
      <c r="BD293" s="43" t="s">
        <v>40</v>
      </c>
      <c r="BE293" s="43" t="s">
        <v>40</v>
      </c>
      <c r="BF293" s="43" t="s">
        <v>40</v>
      </c>
      <c r="BG293" s="43" t="s">
        <v>40</v>
      </c>
      <c r="BH293" s="43" t="s">
        <v>40</v>
      </c>
      <c r="BI293" s="43" t="s">
        <v>40</v>
      </c>
      <c r="BJ293" s="14"/>
      <c r="BK293" s="16"/>
      <c r="BL293" s="9"/>
      <c r="BM293" s="9"/>
      <c r="BN293" s="9"/>
      <c r="BO293" s="9" t="s">
        <v>35</v>
      </c>
      <c r="BP293" s="43" t="s">
        <v>40</v>
      </c>
      <c r="BQ293" s="43" t="s">
        <v>40</v>
      </c>
      <c r="BR293" s="43" t="s">
        <v>40</v>
      </c>
      <c r="BS293" s="43" t="s">
        <v>40</v>
      </c>
      <c r="BT293" s="43" t="s">
        <v>40</v>
      </c>
      <c r="BU293" s="43" t="s">
        <v>40</v>
      </c>
      <c r="BV293" s="43" t="s">
        <v>40</v>
      </c>
      <c r="BW293" s="43" t="s">
        <v>40</v>
      </c>
      <c r="BX293" s="43" t="s">
        <v>40</v>
      </c>
      <c r="BY293" s="43" t="s">
        <v>40</v>
      </c>
      <c r="BZ293" s="43" t="s">
        <v>40</v>
      </c>
      <c r="CA293" s="43" t="s">
        <v>40</v>
      </c>
      <c r="CB293" s="43" t="s">
        <v>40</v>
      </c>
      <c r="CC293" s="43" t="s">
        <v>40</v>
      </c>
      <c r="CD293" s="43" t="s">
        <v>40</v>
      </c>
      <c r="CE293" s="43" t="s">
        <v>40</v>
      </c>
      <c r="CF293" s="43" t="s">
        <v>40</v>
      </c>
      <c r="CG293" s="43" t="s">
        <v>40</v>
      </c>
      <c r="CH293" s="43" t="s">
        <v>40</v>
      </c>
      <c r="CI293" s="43" t="s">
        <v>40</v>
      </c>
      <c r="CJ293" s="43" t="s">
        <v>40</v>
      </c>
      <c r="CK293" s="43" t="s">
        <v>40</v>
      </c>
      <c r="CL293" s="43" t="s">
        <v>40</v>
      </c>
      <c r="CM293" s="43" t="s">
        <v>40</v>
      </c>
      <c r="CN293" s="43" t="s">
        <v>40</v>
      </c>
      <c r="CO293" s="20"/>
    </row>
    <row r="294" spans="1:93" x14ac:dyDescent="0.7">
      <c r="A294" s="7"/>
      <c r="E294" s="8" t="s">
        <v>36</v>
      </c>
      <c r="F294" s="43" t="s">
        <v>40</v>
      </c>
      <c r="G294" s="43" t="s">
        <v>40</v>
      </c>
      <c r="H294" s="43" t="s">
        <v>40</v>
      </c>
      <c r="I294" s="43" t="s">
        <v>40</v>
      </c>
      <c r="J294" s="43" t="s">
        <v>40</v>
      </c>
      <c r="K294" s="43" t="s">
        <v>40</v>
      </c>
      <c r="L294" s="43" t="s">
        <v>40</v>
      </c>
      <c r="M294" s="43" t="s">
        <v>40</v>
      </c>
      <c r="N294" s="43" t="s">
        <v>40</v>
      </c>
      <c r="O294" s="43" t="s">
        <v>40</v>
      </c>
      <c r="P294" s="43" t="s">
        <v>40</v>
      </c>
      <c r="Q294" s="43" t="s">
        <v>40</v>
      </c>
      <c r="R294" s="43" t="s">
        <v>40</v>
      </c>
      <c r="S294" s="42">
        <v>0</v>
      </c>
      <c r="T294" s="42">
        <v>0</v>
      </c>
      <c r="U294" s="42">
        <v>0</v>
      </c>
      <c r="V294" s="42">
        <v>0</v>
      </c>
      <c r="W294" s="42">
        <v>0</v>
      </c>
      <c r="X294" s="43" t="s">
        <v>40</v>
      </c>
      <c r="Y294" s="43" t="s">
        <v>40</v>
      </c>
      <c r="Z294" s="43" t="s">
        <v>40</v>
      </c>
      <c r="AA294" s="43" t="s">
        <v>40</v>
      </c>
      <c r="AB294" s="43" t="s">
        <v>40</v>
      </c>
      <c r="AC294" s="43" t="s">
        <v>40</v>
      </c>
      <c r="AD294" s="43" t="s">
        <v>40</v>
      </c>
      <c r="AE294" s="7"/>
      <c r="AF294" s="13"/>
      <c r="AG294" s="9"/>
      <c r="AH294" s="9"/>
      <c r="AI294" s="9"/>
      <c r="AJ294" s="9" t="s">
        <v>36</v>
      </c>
      <c r="AK294" s="43" t="s">
        <v>40</v>
      </c>
      <c r="AL294" s="43" t="s">
        <v>40</v>
      </c>
      <c r="AM294" s="43" t="s">
        <v>40</v>
      </c>
      <c r="AN294" s="43" t="s">
        <v>40</v>
      </c>
      <c r="AO294" s="43" t="s">
        <v>40</v>
      </c>
      <c r="AP294" s="43" t="s">
        <v>40</v>
      </c>
      <c r="AQ294" s="43" t="s">
        <v>40</v>
      </c>
      <c r="AR294" s="43" t="s">
        <v>40</v>
      </c>
      <c r="AS294" s="43" t="s">
        <v>40</v>
      </c>
      <c r="AT294" s="43" t="s">
        <v>40</v>
      </c>
      <c r="AU294" s="43" t="s">
        <v>40</v>
      </c>
      <c r="AV294" s="43" t="s">
        <v>40</v>
      </c>
      <c r="AW294" s="43" t="s">
        <v>40</v>
      </c>
      <c r="AX294" s="43" t="s">
        <v>40</v>
      </c>
      <c r="AY294" s="43" t="s">
        <v>40</v>
      </c>
      <c r="AZ294" s="43" t="s">
        <v>40</v>
      </c>
      <c r="BA294" s="43" t="s">
        <v>40</v>
      </c>
      <c r="BB294" s="43" t="s">
        <v>40</v>
      </c>
      <c r="BC294" s="43" t="s">
        <v>40</v>
      </c>
      <c r="BD294" s="43" t="s">
        <v>40</v>
      </c>
      <c r="BE294" s="43" t="s">
        <v>40</v>
      </c>
      <c r="BF294" s="43" t="s">
        <v>40</v>
      </c>
      <c r="BG294" s="43" t="s">
        <v>40</v>
      </c>
      <c r="BH294" s="43" t="s">
        <v>40</v>
      </c>
      <c r="BI294" s="43" t="s">
        <v>40</v>
      </c>
      <c r="BJ294" s="14"/>
      <c r="BK294" s="16"/>
      <c r="BL294" s="9"/>
      <c r="BM294" s="9"/>
      <c r="BN294" s="9"/>
      <c r="BO294" s="9" t="s">
        <v>36</v>
      </c>
      <c r="BP294" s="43" t="s">
        <v>40</v>
      </c>
      <c r="BQ294" s="43" t="s">
        <v>40</v>
      </c>
      <c r="BR294" s="43" t="s">
        <v>40</v>
      </c>
      <c r="BS294" s="43" t="s">
        <v>40</v>
      </c>
      <c r="BT294" s="43" t="s">
        <v>40</v>
      </c>
      <c r="BU294" s="43" t="s">
        <v>40</v>
      </c>
      <c r="BV294" s="43" t="s">
        <v>40</v>
      </c>
      <c r="BW294" s="43" t="s">
        <v>40</v>
      </c>
      <c r="BX294" s="43" t="s">
        <v>40</v>
      </c>
      <c r="BY294" s="43" t="s">
        <v>40</v>
      </c>
      <c r="BZ294" s="43" t="s">
        <v>40</v>
      </c>
      <c r="CA294" s="43" t="s">
        <v>40</v>
      </c>
      <c r="CB294" s="43" t="s">
        <v>40</v>
      </c>
      <c r="CC294" s="43" t="s">
        <v>40</v>
      </c>
      <c r="CD294" s="43" t="s">
        <v>40</v>
      </c>
      <c r="CE294" s="43" t="s">
        <v>40</v>
      </c>
      <c r="CF294" s="43" t="s">
        <v>40</v>
      </c>
      <c r="CG294" s="43" t="s">
        <v>40</v>
      </c>
      <c r="CH294" s="43" t="s">
        <v>40</v>
      </c>
      <c r="CI294" s="43" t="s">
        <v>40</v>
      </c>
      <c r="CJ294" s="43" t="s">
        <v>40</v>
      </c>
      <c r="CK294" s="43" t="s">
        <v>40</v>
      </c>
      <c r="CL294" s="43" t="s">
        <v>40</v>
      </c>
      <c r="CM294" s="43" t="s">
        <v>40</v>
      </c>
      <c r="CN294" s="43" t="s">
        <v>40</v>
      </c>
      <c r="CO294" s="20"/>
    </row>
    <row r="295" spans="1:93" x14ac:dyDescent="0.7">
      <c r="A295" s="7"/>
      <c r="D295" s="8" t="s">
        <v>41</v>
      </c>
      <c r="E295" s="8" t="s">
        <v>27</v>
      </c>
      <c r="F295" s="42">
        <v>1262</v>
      </c>
      <c r="G295" s="42">
        <v>353</v>
      </c>
      <c r="H295" s="42">
        <v>782</v>
      </c>
      <c r="I295" s="42">
        <v>439</v>
      </c>
      <c r="J295" s="42">
        <v>377</v>
      </c>
      <c r="K295" s="42">
        <v>486</v>
      </c>
      <c r="L295" s="42">
        <v>1306</v>
      </c>
      <c r="M295" s="42">
        <v>797</v>
      </c>
      <c r="N295" s="42">
        <v>772</v>
      </c>
      <c r="O295" s="42">
        <v>1066</v>
      </c>
      <c r="P295" s="42">
        <v>1773</v>
      </c>
      <c r="Q295" s="42">
        <v>989</v>
      </c>
      <c r="R295" s="42">
        <v>1078</v>
      </c>
      <c r="S295" s="42">
        <v>1131</v>
      </c>
      <c r="T295" s="42">
        <v>1715</v>
      </c>
      <c r="U295" s="42">
        <v>1030</v>
      </c>
      <c r="V295" s="42">
        <v>1085</v>
      </c>
      <c r="W295" s="42">
        <v>1020</v>
      </c>
      <c r="X295" s="42">
        <v>1598</v>
      </c>
      <c r="Y295" s="42">
        <v>1051</v>
      </c>
      <c r="Z295" s="42">
        <v>1049</v>
      </c>
      <c r="AA295" s="42">
        <v>952</v>
      </c>
      <c r="AB295" s="42">
        <v>1434</v>
      </c>
      <c r="AC295" s="42">
        <v>926</v>
      </c>
      <c r="AD295" s="42">
        <v>961</v>
      </c>
      <c r="AE295" s="7"/>
      <c r="AF295" s="13"/>
      <c r="AG295" s="9"/>
      <c r="AH295" s="9"/>
      <c r="AI295" s="9" t="s">
        <v>41</v>
      </c>
      <c r="AJ295" s="9" t="s">
        <v>27</v>
      </c>
      <c r="AK295" s="21">
        <v>1262</v>
      </c>
      <c r="AL295" s="21">
        <v>353</v>
      </c>
      <c r="AM295" s="21">
        <v>783</v>
      </c>
      <c r="AN295" s="21">
        <v>439</v>
      </c>
      <c r="AO295" s="21">
        <v>384</v>
      </c>
      <c r="AP295" s="21">
        <v>486</v>
      </c>
      <c r="AQ295" s="21">
        <v>1307</v>
      </c>
      <c r="AR295" s="21">
        <v>797</v>
      </c>
      <c r="AS295" s="21">
        <v>771</v>
      </c>
      <c r="AT295" s="21">
        <v>1066</v>
      </c>
      <c r="AU295" s="21">
        <v>1773</v>
      </c>
      <c r="AV295" s="21">
        <v>987</v>
      </c>
      <c r="AW295" s="21">
        <v>1075</v>
      </c>
      <c r="AX295" s="21">
        <v>1129</v>
      </c>
      <c r="AY295" s="21">
        <v>1713</v>
      </c>
      <c r="AZ295" s="21">
        <v>1030</v>
      </c>
      <c r="BA295" s="21">
        <v>1085</v>
      </c>
      <c r="BB295" s="21">
        <v>1020</v>
      </c>
      <c r="BC295" s="21">
        <v>1593</v>
      </c>
      <c r="BD295" s="21">
        <v>996</v>
      </c>
      <c r="BE295" s="21">
        <v>1046</v>
      </c>
      <c r="BF295" s="21">
        <v>952</v>
      </c>
      <c r="BG295" s="21">
        <v>1434</v>
      </c>
      <c r="BH295" s="21">
        <v>926</v>
      </c>
      <c r="BI295" s="21">
        <v>961</v>
      </c>
      <c r="BJ295" s="14"/>
      <c r="BK295" s="16"/>
      <c r="BL295" s="9"/>
      <c r="BM295" s="9"/>
      <c r="BN295" s="9" t="s">
        <v>41</v>
      </c>
      <c r="BO295" s="9" t="s">
        <v>27</v>
      </c>
      <c r="BP295" s="21">
        <f t="shared" ref="BP295:BP296" si="475">AK295-F295</f>
        <v>0</v>
      </c>
      <c r="BQ295" s="21">
        <f t="shared" ref="BQ295:BQ296" si="476">AL295-G295</f>
        <v>0</v>
      </c>
      <c r="BR295" s="21">
        <f t="shared" ref="BR295:BR296" si="477">AM295-H295</f>
        <v>1</v>
      </c>
      <c r="BS295" s="21">
        <f t="shared" ref="BS295:BS296" si="478">AN295-I295</f>
        <v>0</v>
      </c>
      <c r="BT295" s="21">
        <f t="shared" ref="BT295:BT296" si="479">AO295-J295</f>
        <v>7</v>
      </c>
      <c r="BU295" s="21">
        <f t="shared" ref="BU295:BU296" si="480">AP295-K295</f>
        <v>0</v>
      </c>
      <c r="BV295" s="21">
        <f t="shared" ref="BV295:BV296" si="481">AQ295-L295</f>
        <v>1</v>
      </c>
      <c r="BW295" s="21">
        <f t="shared" ref="BW295:BW296" si="482">AR295-M295</f>
        <v>0</v>
      </c>
      <c r="BX295" s="21">
        <f t="shared" ref="BX295:BX296" si="483">AS295-N295</f>
        <v>-1</v>
      </c>
      <c r="BY295" s="21">
        <f t="shared" ref="BY295:BY296" si="484">AT295-O295</f>
        <v>0</v>
      </c>
      <c r="BZ295" s="21">
        <f t="shared" ref="BZ295:BZ296" si="485">AU295-P295</f>
        <v>0</v>
      </c>
      <c r="CA295" s="21">
        <f t="shared" ref="CA295:CA296" si="486">AV295-Q295</f>
        <v>-2</v>
      </c>
      <c r="CB295" s="21">
        <f t="shared" ref="CB295:CB296" si="487">AW295-R295</f>
        <v>-3</v>
      </c>
      <c r="CC295" s="21">
        <f t="shared" ref="CC295:CC296" si="488">AX295-S295</f>
        <v>-2</v>
      </c>
      <c r="CD295" s="21">
        <f t="shared" ref="CD295:CD296" si="489">AY295-T295</f>
        <v>-2</v>
      </c>
      <c r="CE295" s="21">
        <f t="shared" ref="CE295:CE296" si="490">AZ295-U295</f>
        <v>0</v>
      </c>
      <c r="CF295" s="21">
        <f t="shared" ref="CF295:CF296" si="491">BA295-V295</f>
        <v>0</v>
      </c>
      <c r="CG295" s="21">
        <f t="shared" ref="CG295:CG296" si="492">BB295-W295</f>
        <v>0</v>
      </c>
      <c r="CH295" s="21">
        <f t="shared" ref="CH295:CH296" si="493">BC295-X295</f>
        <v>-5</v>
      </c>
      <c r="CI295" s="21">
        <f t="shared" ref="CI295:CI296" si="494">BD295-Y295</f>
        <v>-55</v>
      </c>
      <c r="CJ295" s="21">
        <f t="shared" ref="CJ295:CJ296" si="495">BE295-Z295</f>
        <v>-3</v>
      </c>
      <c r="CK295" s="21">
        <f t="shared" ref="CK295:CK296" si="496">BF295-AA295</f>
        <v>0</v>
      </c>
      <c r="CL295" s="21">
        <f t="shared" ref="CL295:CL296" si="497">BG295-AB295</f>
        <v>0</v>
      </c>
      <c r="CM295" s="21">
        <f t="shared" ref="CM295:CM296" si="498">BH295-AC295</f>
        <v>0</v>
      </c>
      <c r="CN295" s="21">
        <f t="shared" ref="CN295:CN296" si="499">BI295-AD295</f>
        <v>0</v>
      </c>
      <c r="CO295" s="20"/>
    </row>
    <row r="296" spans="1:93" x14ac:dyDescent="0.7">
      <c r="A296" s="7"/>
      <c r="E296" s="8" t="s">
        <v>28</v>
      </c>
      <c r="F296" s="42">
        <v>1050</v>
      </c>
      <c r="G296" s="42">
        <v>323</v>
      </c>
      <c r="H296" s="42">
        <v>688</v>
      </c>
      <c r="I296" s="42">
        <v>392</v>
      </c>
      <c r="J296" s="42">
        <v>339</v>
      </c>
      <c r="K296" s="42">
        <v>436</v>
      </c>
      <c r="L296" s="42">
        <v>1147</v>
      </c>
      <c r="M296" s="42">
        <v>690</v>
      </c>
      <c r="N296" s="42">
        <v>659</v>
      </c>
      <c r="O296" s="42">
        <v>917</v>
      </c>
      <c r="P296" s="42">
        <v>1534</v>
      </c>
      <c r="Q296" s="42">
        <v>846</v>
      </c>
      <c r="R296" s="42">
        <v>908</v>
      </c>
      <c r="S296" s="42">
        <v>981</v>
      </c>
      <c r="T296" s="42">
        <v>1490</v>
      </c>
      <c r="U296" s="42">
        <v>885</v>
      </c>
      <c r="V296" s="42">
        <v>916</v>
      </c>
      <c r="W296" s="42">
        <v>889</v>
      </c>
      <c r="X296" s="42">
        <v>1390</v>
      </c>
      <c r="Y296" s="42">
        <v>913</v>
      </c>
      <c r="Z296" s="42">
        <v>888</v>
      </c>
      <c r="AA296" s="42">
        <v>831</v>
      </c>
      <c r="AB296" s="42">
        <v>1253</v>
      </c>
      <c r="AC296" s="42">
        <v>798</v>
      </c>
      <c r="AD296" s="42">
        <v>802</v>
      </c>
      <c r="AE296" s="7"/>
      <c r="AF296" s="13"/>
      <c r="AG296" s="9"/>
      <c r="AH296" s="9"/>
      <c r="AI296" s="9"/>
      <c r="AJ296" s="9" t="s">
        <v>28</v>
      </c>
      <c r="AK296" s="21">
        <v>1050</v>
      </c>
      <c r="AL296" s="21">
        <v>323</v>
      </c>
      <c r="AM296" s="21">
        <v>689</v>
      </c>
      <c r="AN296" s="21">
        <v>392</v>
      </c>
      <c r="AO296" s="21">
        <v>344</v>
      </c>
      <c r="AP296" s="21">
        <v>436</v>
      </c>
      <c r="AQ296" s="21">
        <v>1147</v>
      </c>
      <c r="AR296" s="21">
        <v>690</v>
      </c>
      <c r="AS296" s="21">
        <v>658</v>
      </c>
      <c r="AT296" s="21">
        <v>917</v>
      </c>
      <c r="AU296" s="21">
        <v>1534</v>
      </c>
      <c r="AV296" s="21">
        <v>844</v>
      </c>
      <c r="AW296" s="21">
        <v>906</v>
      </c>
      <c r="AX296" s="21">
        <v>979</v>
      </c>
      <c r="AY296" s="21">
        <v>1488</v>
      </c>
      <c r="AZ296" s="21">
        <v>885</v>
      </c>
      <c r="BA296" s="21">
        <v>916</v>
      </c>
      <c r="BB296" s="21">
        <v>889</v>
      </c>
      <c r="BC296" s="21">
        <v>1388</v>
      </c>
      <c r="BD296" s="21">
        <v>858</v>
      </c>
      <c r="BE296" s="21">
        <v>884</v>
      </c>
      <c r="BF296" s="21">
        <v>831</v>
      </c>
      <c r="BG296" s="21">
        <v>1253</v>
      </c>
      <c r="BH296" s="21">
        <v>798</v>
      </c>
      <c r="BI296" s="21">
        <v>802</v>
      </c>
      <c r="BJ296" s="14"/>
      <c r="BK296" s="16"/>
      <c r="BL296" s="9"/>
      <c r="BM296" s="9"/>
      <c r="BN296" s="9"/>
      <c r="BO296" s="9" t="s">
        <v>28</v>
      </c>
      <c r="BP296" s="21">
        <f t="shared" si="475"/>
        <v>0</v>
      </c>
      <c r="BQ296" s="21">
        <f t="shared" si="476"/>
        <v>0</v>
      </c>
      <c r="BR296" s="21">
        <f t="shared" si="477"/>
        <v>1</v>
      </c>
      <c r="BS296" s="21">
        <f t="shared" si="478"/>
        <v>0</v>
      </c>
      <c r="BT296" s="21">
        <f t="shared" si="479"/>
        <v>5</v>
      </c>
      <c r="BU296" s="21">
        <f t="shared" si="480"/>
        <v>0</v>
      </c>
      <c r="BV296" s="21">
        <f t="shared" si="481"/>
        <v>0</v>
      </c>
      <c r="BW296" s="21">
        <f t="shared" si="482"/>
        <v>0</v>
      </c>
      <c r="BX296" s="21">
        <f t="shared" si="483"/>
        <v>-1</v>
      </c>
      <c r="BY296" s="21">
        <f t="shared" si="484"/>
        <v>0</v>
      </c>
      <c r="BZ296" s="21">
        <f t="shared" si="485"/>
        <v>0</v>
      </c>
      <c r="CA296" s="21">
        <f t="shared" si="486"/>
        <v>-2</v>
      </c>
      <c r="CB296" s="21">
        <f t="shared" si="487"/>
        <v>-2</v>
      </c>
      <c r="CC296" s="21">
        <f t="shared" si="488"/>
        <v>-2</v>
      </c>
      <c r="CD296" s="21">
        <f t="shared" si="489"/>
        <v>-2</v>
      </c>
      <c r="CE296" s="21">
        <f t="shared" si="490"/>
        <v>0</v>
      </c>
      <c r="CF296" s="21">
        <f t="shared" si="491"/>
        <v>0</v>
      </c>
      <c r="CG296" s="21">
        <f t="shared" si="492"/>
        <v>0</v>
      </c>
      <c r="CH296" s="21">
        <f t="shared" si="493"/>
        <v>-2</v>
      </c>
      <c r="CI296" s="21">
        <f t="shared" si="494"/>
        <v>-55</v>
      </c>
      <c r="CJ296" s="21">
        <f t="shared" si="495"/>
        <v>-4</v>
      </c>
      <c r="CK296" s="21">
        <f t="shared" si="496"/>
        <v>0</v>
      </c>
      <c r="CL296" s="21">
        <f t="shared" si="497"/>
        <v>0</v>
      </c>
      <c r="CM296" s="21">
        <f t="shared" si="498"/>
        <v>0</v>
      </c>
      <c r="CN296" s="21">
        <f t="shared" si="499"/>
        <v>0</v>
      </c>
      <c r="CO296" s="20"/>
    </row>
    <row r="297" spans="1:93" x14ac:dyDescent="0.7">
      <c r="A297" s="7"/>
      <c r="E297" s="8" t="s">
        <v>29</v>
      </c>
      <c r="F297" s="43" t="s">
        <v>40</v>
      </c>
      <c r="G297" s="43" t="s">
        <v>40</v>
      </c>
      <c r="H297" s="43" t="s">
        <v>40</v>
      </c>
      <c r="I297" s="43" t="s">
        <v>40</v>
      </c>
      <c r="J297" s="43" t="s">
        <v>40</v>
      </c>
      <c r="K297" s="43" t="s">
        <v>40</v>
      </c>
      <c r="L297" s="43" t="s">
        <v>40</v>
      </c>
      <c r="M297" s="43" t="s">
        <v>40</v>
      </c>
      <c r="N297" s="43" t="s">
        <v>40</v>
      </c>
      <c r="O297" s="43" t="s">
        <v>40</v>
      </c>
      <c r="P297" s="43" t="s">
        <v>40</v>
      </c>
      <c r="Q297" s="43" t="s">
        <v>40</v>
      </c>
      <c r="R297" s="43" t="s">
        <v>40</v>
      </c>
      <c r="S297" s="42">
        <v>0</v>
      </c>
      <c r="T297" s="42">
        <v>0</v>
      </c>
      <c r="U297" s="42">
        <v>0</v>
      </c>
      <c r="V297" s="42">
        <v>0</v>
      </c>
      <c r="W297" s="42">
        <v>0</v>
      </c>
      <c r="X297" s="43" t="s">
        <v>40</v>
      </c>
      <c r="Y297" s="43" t="s">
        <v>40</v>
      </c>
      <c r="Z297" s="43" t="s">
        <v>40</v>
      </c>
      <c r="AA297" s="43" t="s">
        <v>40</v>
      </c>
      <c r="AB297" s="43" t="s">
        <v>40</v>
      </c>
      <c r="AC297" s="43" t="s">
        <v>40</v>
      </c>
      <c r="AD297" s="43" t="s">
        <v>40</v>
      </c>
      <c r="AE297" s="7"/>
      <c r="AF297" s="13"/>
      <c r="AG297" s="9"/>
      <c r="AH297" s="9"/>
      <c r="AI297" s="9"/>
      <c r="AJ297" s="9" t="s">
        <v>29</v>
      </c>
      <c r="AK297" s="43" t="s">
        <v>40</v>
      </c>
      <c r="AL297" s="43" t="s">
        <v>40</v>
      </c>
      <c r="AM297" s="43" t="s">
        <v>40</v>
      </c>
      <c r="AN297" s="43" t="s">
        <v>40</v>
      </c>
      <c r="AO297" s="43" t="s">
        <v>40</v>
      </c>
      <c r="AP297" s="43" t="s">
        <v>40</v>
      </c>
      <c r="AQ297" s="43" t="s">
        <v>40</v>
      </c>
      <c r="AR297" s="43" t="s">
        <v>40</v>
      </c>
      <c r="AS297" s="43" t="s">
        <v>40</v>
      </c>
      <c r="AT297" s="43" t="s">
        <v>40</v>
      </c>
      <c r="AU297" s="43" t="s">
        <v>40</v>
      </c>
      <c r="AV297" s="43" t="s">
        <v>40</v>
      </c>
      <c r="AW297" s="43" t="s">
        <v>40</v>
      </c>
      <c r="AX297" s="43" t="s">
        <v>40</v>
      </c>
      <c r="AY297" s="43" t="s">
        <v>40</v>
      </c>
      <c r="AZ297" s="43" t="s">
        <v>40</v>
      </c>
      <c r="BA297" s="43" t="s">
        <v>40</v>
      </c>
      <c r="BB297" s="43" t="s">
        <v>40</v>
      </c>
      <c r="BC297" s="43" t="s">
        <v>40</v>
      </c>
      <c r="BD297" s="43" t="s">
        <v>40</v>
      </c>
      <c r="BE297" s="43" t="s">
        <v>40</v>
      </c>
      <c r="BF297" s="43" t="s">
        <v>40</v>
      </c>
      <c r="BG297" s="43" t="s">
        <v>40</v>
      </c>
      <c r="BH297" s="43" t="s">
        <v>40</v>
      </c>
      <c r="BI297" s="43" t="s">
        <v>40</v>
      </c>
      <c r="BJ297" s="14"/>
      <c r="BK297" s="16"/>
      <c r="BL297" s="9"/>
      <c r="BM297" s="9"/>
      <c r="BN297" s="9"/>
      <c r="BO297" s="9" t="s">
        <v>29</v>
      </c>
      <c r="BP297" s="43" t="s">
        <v>40</v>
      </c>
      <c r="BQ297" s="43" t="s">
        <v>40</v>
      </c>
      <c r="BR297" s="43" t="s">
        <v>40</v>
      </c>
      <c r="BS297" s="43" t="s">
        <v>40</v>
      </c>
      <c r="BT297" s="43" t="s">
        <v>40</v>
      </c>
      <c r="BU297" s="43" t="s">
        <v>40</v>
      </c>
      <c r="BV297" s="43" t="s">
        <v>40</v>
      </c>
      <c r="BW297" s="43" t="s">
        <v>40</v>
      </c>
      <c r="BX297" s="43" t="s">
        <v>40</v>
      </c>
      <c r="BY297" s="43" t="s">
        <v>40</v>
      </c>
      <c r="BZ297" s="43" t="s">
        <v>40</v>
      </c>
      <c r="CA297" s="43" t="s">
        <v>40</v>
      </c>
      <c r="CB297" s="43" t="s">
        <v>40</v>
      </c>
      <c r="CC297" s="43" t="s">
        <v>40</v>
      </c>
      <c r="CD297" s="43" t="s">
        <v>40</v>
      </c>
      <c r="CE297" s="43" t="s">
        <v>40</v>
      </c>
      <c r="CF297" s="43" t="s">
        <v>40</v>
      </c>
      <c r="CG297" s="43" t="s">
        <v>40</v>
      </c>
      <c r="CH297" s="43" t="s">
        <v>40</v>
      </c>
      <c r="CI297" s="43" t="s">
        <v>40</v>
      </c>
      <c r="CJ297" s="43" t="s">
        <v>40</v>
      </c>
      <c r="CK297" s="43" t="s">
        <v>40</v>
      </c>
      <c r="CL297" s="43" t="s">
        <v>40</v>
      </c>
      <c r="CM297" s="43" t="s">
        <v>40</v>
      </c>
      <c r="CN297" s="43" t="s">
        <v>40</v>
      </c>
      <c r="CO297" s="20"/>
    </row>
    <row r="298" spans="1:93" x14ac:dyDescent="0.7">
      <c r="A298" s="7"/>
      <c r="E298" s="8" t="s">
        <v>30</v>
      </c>
      <c r="F298" s="42">
        <v>528</v>
      </c>
      <c r="G298" s="42">
        <v>72</v>
      </c>
      <c r="H298" s="42">
        <v>312</v>
      </c>
      <c r="I298" s="42">
        <v>111</v>
      </c>
      <c r="J298" s="42">
        <v>79</v>
      </c>
      <c r="K298" s="42">
        <v>119</v>
      </c>
      <c r="L298" s="42">
        <v>582</v>
      </c>
      <c r="M298" s="42">
        <v>317</v>
      </c>
      <c r="N298" s="42">
        <v>269</v>
      </c>
      <c r="O298" s="42">
        <v>430</v>
      </c>
      <c r="P298" s="42">
        <v>813</v>
      </c>
      <c r="Q298" s="42">
        <v>370</v>
      </c>
      <c r="R298" s="42">
        <v>354</v>
      </c>
      <c r="S298" s="42">
        <v>388</v>
      </c>
      <c r="T298" s="42">
        <v>689</v>
      </c>
      <c r="U298" s="42">
        <v>345</v>
      </c>
      <c r="V298" s="42">
        <v>370</v>
      </c>
      <c r="W298" s="42">
        <v>343</v>
      </c>
      <c r="X298" s="42">
        <v>620</v>
      </c>
      <c r="Y298" s="42">
        <v>377</v>
      </c>
      <c r="Z298" s="42">
        <v>329</v>
      </c>
      <c r="AA298" s="42">
        <v>299</v>
      </c>
      <c r="AB298" s="42">
        <v>522</v>
      </c>
      <c r="AC298" s="42">
        <v>276</v>
      </c>
      <c r="AD298" s="42">
        <v>296</v>
      </c>
      <c r="AE298" s="7"/>
      <c r="AF298" s="13"/>
      <c r="AG298" s="9"/>
      <c r="AH298" s="9"/>
      <c r="AI298" s="9"/>
      <c r="AJ298" s="9" t="s">
        <v>30</v>
      </c>
      <c r="AK298" s="21">
        <v>528</v>
      </c>
      <c r="AL298" s="21">
        <v>72</v>
      </c>
      <c r="AM298" s="21">
        <v>312</v>
      </c>
      <c r="AN298" s="21">
        <v>111</v>
      </c>
      <c r="AO298" s="21">
        <v>83</v>
      </c>
      <c r="AP298" s="21">
        <v>119</v>
      </c>
      <c r="AQ298" s="21">
        <v>583</v>
      </c>
      <c r="AR298" s="21">
        <v>317</v>
      </c>
      <c r="AS298" s="21">
        <v>269</v>
      </c>
      <c r="AT298" s="21">
        <v>433</v>
      </c>
      <c r="AU298" s="21">
        <v>819</v>
      </c>
      <c r="AV298" s="21">
        <v>374</v>
      </c>
      <c r="AW298" s="21">
        <v>358</v>
      </c>
      <c r="AX298" s="21">
        <v>394</v>
      </c>
      <c r="AY298" s="21">
        <v>706</v>
      </c>
      <c r="AZ298" s="21">
        <v>355</v>
      </c>
      <c r="BA298" s="21">
        <v>370</v>
      </c>
      <c r="BB298" s="21">
        <v>343</v>
      </c>
      <c r="BC298" s="21">
        <v>613</v>
      </c>
      <c r="BD298" s="21">
        <v>322</v>
      </c>
      <c r="BE298" s="21">
        <v>326</v>
      </c>
      <c r="BF298" s="21">
        <v>299</v>
      </c>
      <c r="BG298" s="21">
        <v>522</v>
      </c>
      <c r="BH298" s="21">
        <v>276</v>
      </c>
      <c r="BI298" s="21">
        <v>296</v>
      </c>
      <c r="BJ298" s="14"/>
      <c r="BK298" s="16"/>
      <c r="BL298" s="9"/>
      <c r="BM298" s="9"/>
      <c r="BN298" s="9"/>
      <c r="BO298" s="9" t="s">
        <v>30</v>
      </c>
      <c r="BP298" s="21">
        <f t="shared" ref="BP298:BP301" si="500">AK298-F298</f>
        <v>0</v>
      </c>
      <c r="BQ298" s="21">
        <f t="shared" ref="BQ298:BQ301" si="501">AL298-G298</f>
        <v>0</v>
      </c>
      <c r="BR298" s="21">
        <f t="shared" ref="BR298:BR301" si="502">AM298-H298</f>
        <v>0</v>
      </c>
      <c r="BS298" s="21">
        <f t="shared" ref="BS298:BS301" si="503">AN298-I298</f>
        <v>0</v>
      </c>
      <c r="BT298" s="21">
        <f t="shared" ref="BT298:BT301" si="504">AO298-J298</f>
        <v>4</v>
      </c>
      <c r="BU298" s="21">
        <f t="shared" ref="BU298:BU301" si="505">AP298-K298</f>
        <v>0</v>
      </c>
      <c r="BV298" s="21">
        <f t="shared" ref="BV298:BV301" si="506">AQ298-L298</f>
        <v>1</v>
      </c>
      <c r="BW298" s="21">
        <f t="shared" ref="BW298:BW301" si="507">AR298-M298</f>
        <v>0</v>
      </c>
      <c r="BX298" s="21">
        <f t="shared" ref="BX298:BX301" si="508">AS298-N298</f>
        <v>0</v>
      </c>
      <c r="BY298" s="21">
        <f t="shared" ref="BY298:BY301" si="509">AT298-O298</f>
        <v>3</v>
      </c>
      <c r="BZ298" s="21">
        <f t="shared" ref="BZ298:BZ301" si="510">AU298-P298</f>
        <v>6</v>
      </c>
      <c r="CA298" s="21">
        <f t="shared" ref="CA298:CA301" si="511">AV298-Q298</f>
        <v>4</v>
      </c>
      <c r="CB298" s="21">
        <f t="shared" ref="CB298:CB301" si="512">AW298-R298</f>
        <v>4</v>
      </c>
      <c r="CC298" s="21">
        <f t="shared" ref="CC298:CC301" si="513">AX298-S298</f>
        <v>6</v>
      </c>
      <c r="CD298" s="21">
        <f t="shared" ref="CD298:CD301" si="514">AY298-T298</f>
        <v>17</v>
      </c>
      <c r="CE298" s="21">
        <f t="shared" ref="CE298:CE301" si="515">AZ298-U298</f>
        <v>10</v>
      </c>
      <c r="CF298" s="21">
        <f t="shared" ref="CF298:CF301" si="516">BA298-V298</f>
        <v>0</v>
      </c>
      <c r="CG298" s="21">
        <f t="shared" ref="CG298:CG301" si="517">BB298-W298</f>
        <v>0</v>
      </c>
      <c r="CH298" s="21">
        <f t="shared" ref="CH298:CH301" si="518">BC298-X298</f>
        <v>-7</v>
      </c>
      <c r="CI298" s="21">
        <f t="shared" ref="CI298:CI301" si="519">BD298-Y298</f>
        <v>-55</v>
      </c>
      <c r="CJ298" s="21">
        <f t="shared" ref="CJ298:CJ301" si="520">BE298-Z298</f>
        <v>-3</v>
      </c>
      <c r="CK298" s="21">
        <f t="shared" ref="CK298:CK301" si="521">BF298-AA298</f>
        <v>0</v>
      </c>
      <c r="CL298" s="21">
        <f t="shared" ref="CL298:CL301" si="522">BG298-AB298</f>
        <v>0</v>
      </c>
      <c r="CM298" s="21">
        <f t="shared" ref="CM298:CM301" si="523">BH298-AC298</f>
        <v>0</v>
      </c>
      <c r="CN298" s="21">
        <f t="shared" ref="CN298:CN301" si="524">BI298-AD298</f>
        <v>0</v>
      </c>
      <c r="CO298" s="20"/>
    </row>
    <row r="299" spans="1:93" x14ac:dyDescent="0.7">
      <c r="A299" s="7"/>
      <c r="E299" s="8" t="s">
        <v>31</v>
      </c>
      <c r="F299" s="42">
        <v>522</v>
      </c>
      <c r="G299" s="42">
        <v>251</v>
      </c>
      <c r="H299" s="42">
        <v>376</v>
      </c>
      <c r="I299" s="42">
        <v>281</v>
      </c>
      <c r="J299" s="42">
        <v>260</v>
      </c>
      <c r="K299" s="42">
        <v>317</v>
      </c>
      <c r="L299" s="42">
        <v>565</v>
      </c>
      <c r="M299" s="42">
        <v>373</v>
      </c>
      <c r="N299" s="42">
        <v>390</v>
      </c>
      <c r="O299" s="42">
        <v>487</v>
      </c>
      <c r="P299" s="42">
        <v>721</v>
      </c>
      <c r="Q299" s="42">
        <v>476</v>
      </c>
      <c r="R299" s="42">
        <v>554</v>
      </c>
      <c r="S299" s="42">
        <v>593</v>
      </c>
      <c r="T299" s="42">
        <v>801</v>
      </c>
      <c r="U299" s="42">
        <v>540</v>
      </c>
      <c r="V299" s="42">
        <v>546</v>
      </c>
      <c r="W299" s="42">
        <v>546</v>
      </c>
      <c r="X299" s="42">
        <v>770</v>
      </c>
      <c r="Y299" s="42">
        <v>536</v>
      </c>
      <c r="Z299" s="42">
        <v>558</v>
      </c>
      <c r="AA299" s="42">
        <v>532</v>
      </c>
      <c r="AB299" s="42">
        <v>730</v>
      </c>
      <c r="AC299" s="42">
        <v>522</v>
      </c>
      <c r="AD299" s="42">
        <v>506</v>
      </c>
      <c r="AE299" s="7"/>
      <c r="AF299" s="13"/>
      <c r="AG299" s="9"/>
      <c r="AH299" s="9"/>
      <c r="AI299" s="9"/>
      <c r="AJ299" s="9" t="s">
        <v>31</v>
      </c>
      <c r="AK299" s="21">
        <v>522</v>
      </c>
      <c r="AL299" s="21">
        <v>251</v>
      </c>
      <c r="AM299" s="21">
        <v>376</v>
      </c>
      <c r="AN299" s="21">
        <v>281</v>
      </c>
      <c r="AO299" s="21">
        <v>261</v>
      </c>
      <c r="AP299" s="21">
        <v>317</v>
      </c>
      <c r="AQ299" s="21">
        <v>565</v>
      </c>
      <c r="AR299" s="21">
        <v>373</v>
      </c>
      <c r="AS299" s="21">
        <v>389</v>
      </c>
      <c r="AT299" s="21">
        <v>485</v>
      </c>
      <c r="AU299" s="21">
        <v>715</v>
      </c>
      <c r="AV299" s="21">
        <v>470</v>
      </c>
      <c r="AW299" s="21">
        <v>548</v>
      </c>
      <c r="AX299" s="21">
        <v>585</v>
      </c>
      <c r="AY299" s="21">
        <v>782</v>
      </c>
      <c r="AZ299" s="21">
        <v>529</v>
      </c>
      <c r="BA299" s="21">
        <v>546</v>
      </c>
      <c r="BB299" s="21">
        <v>546</v>
      </c>
      <c r="BC299" s="21">
        <v>775</v>
      </c>
      <c r="BD299" s="21">
        <v>536</v>
      </c>
      <c r="BE299" s="21">
        <v>558</v>
      </c>
      <c r="BF299" s="21">
        <v>532</v>
      </c>
      <c r="BG299" s="21">
        <v>730</v>
      </c>
      <c r="BH299" s="21">
        <v>522</v>
      </c>
      <c r="BI299" s="21">
        <v>506</v>
      </c>
      <c r="BJ299" s="14"/>
      <c r="BK299" s="16"/>
      <c r="BL299" s="9"/>
      <c r="BM299" s="9"/>
      <c r="BN299" s="9"/>
      <c r="BO299" s="9" t="s">
        <v>31</v>
      </c>
      <c r="BP299" s="21">
        <f t="shared" si="500"/>
        <v>0</v>
      </c>
      <c r="BQ299" s="21">
        <f t="shared" si="501"/>
        <v>0</v>
      </c>
      <c r="BR299" s="21">
        <f t="shared" si="502"/>
        <v>0</v>
      </c>
      <c r="BS299" s="21">
        <f t="shared" si="503"/>
        <v>0</v>
      </c>
      <c r="BT299" s="21">
        <f t="shared" si="504"/>
        <v>1</v>
      </c>
      <c r="BU299" s="21">
        <f t="shared" si="505"/>
        <v>0</v>
      </c>
      <c r="BV299" s="21">
        <f t="shared" si="506"/>
        <v>0</v>
      </c>
      <c r="BW299" s="21">
        <f t="shared" si="507"/>
        <v>0</v>
      </c>
      <c r="BX299" s="21">
        <f t="shared" si="508"/>
        <v>-1</v>
      </c>
      <c r="BY299" s="21">
        <f t="shared" si="509"/>
        <v>-2</v>
      </c>
      <c r="BZ299" s="21">
        <f t="shared" si="510"/>
        <v>-6</v>
      </c>
      <c r="CA299" s="21">
        <f t="shared" si="511"/>
        <v>-6</v>
      </c>
      <c r="CB299" s="21">
        <f t="shared" si="512"/>
        <v>-6</v>
      </c>
      <c r="CC299" s="21">
        <f t="shared" si="513"/>
        <v>-8</v>
      </c>
      <c r="CD299" s="21">
        <f t="shared" si="514"/>
        <v>-19</v>
      </c>
      <c r="CE299" s="21">
        <f t="shared" si="515"/>
        <v>-11</v>
      </c>
      <c r="CF299" s="21">
        <f t="shared" si="516"/>
        <v>0</v>
      </c>
      <c r="CG299" s="21">
        <f t="shared" si="517"/>
        <v>0</v>
      </c>
      <c r="CH299" s="21">
        <f t="shared" si="518"/>
        <v>5</v>
      </c>
      <c r="CI299" s="21">
        <f t="shared" si="519"/>
        <v>0</v>
      </c>
      <c r="CJ299" s="21">
        <f t="shared" si="520"/>
        <v>0</v>
      </c>
      <c r="CK299" s="21">
        <f t="shared" si="521"/>
        <v>0</v>
      </c>
      <c r="CL299" s="21">
        <f t="shared" si="522"/>
        <v>0</v>
      </c>
      <c r="CM299" s="21">
        <f t="shared" si="523"/>
        <v>0</v>
      </c>
      <c r="CN299" s="21">
        <f t="shared" si="524"/>
        <v>0</v>
      </c>
      <c r="CO299" s="20"/>
    </row>
    <row r="300" spans="1:93" x14ac:dyDescent="0.7">
      <c r="A300" s="7"/>
      <c r="E300" s="8" t="s">
        <v>32</v>
      </c>
      <c r="F300" s="42">
        <v>212</v>
      </c>
      <c r="G300" s="42">
        <v>30</v>
      </c>
      <c r="H300" s="42">
        <v>94</v>
      </c>
      <c r="I300" s="42">
        <v>47</v>
      </c>
      <c r="J300" s="42">
        <v>38</v>
      </c>
      <c r="K300" s="42">
        <v>50</v>
      </c>
      <c r="L300" s="42">
        <v>159</v>
      </c>
      <c r="M300" s="42">
        <v>107</v>
      </c>
      <c r="N300" s="42">
        <v>113</v>
      </c>
      <c r="O300" s="42">
        <v>149</v>
      </c>
      <c r="P300" s="42">
        <v>239</v>
      </c>
      <c r="Q300" s="42">
        <v>143</v>
      </c>
      <c r="R300" s="42">
        <v>170</v>
      </c>
      <c r="S300" s="42">
        <v>150</v>
      </c>
      <c r="T300" s="42">
        <v>225</v>
      </c>
      <c r="U300" s="42">
        <v>145</v>
      </c>
      <c r="V300" s="42">
        <v>169</v>
      </c>
      <c r="W300" s="42">
        <v>131</v>
      </c>
      <c r="X300" s="42">
        <v>208</v>
      </c>
      <c r="Y300" s="42">
        <v>138</v>
      </c>
      <c r="Z300" s="42">
        <v>162</v>
      </c>
      <c r="AA300" s="42">
        <v>120</v>
      </c>
      <c r="AB300" s="42">
        <v>182</v>
      </c>
      <c r="AC300" s="42">
        <v>128</v>
      </c>
      <c r="AD300" s="42">
        <v>159</v>
      </c>
      <c r="AE300" s="7"/>
      <c r="AF300" s="13"/>
      <c r="AG300" s="9"/>
      <c r="AH300" s="9"/>
      <c r="AI300" s="9"/>
      <c r="AJ300" s="9" t="s">
        <v>32</v>
      </c>
      <c r="AK300" s="21">
        <v>212</v>
      </c>
      <c r="AL300" s="21">
        <v>30</v>
      </c>
      <c r="AM300" s="21">
        <v>94</v>
      </c>
      <c r="AN300" s="21">
        <v>47</v>
      </c>
      <c r="AO300" s="21">
        <v>40</v>
      </c>
      <c r="AP300" s="21">
        <v>50</v>
      </c>
      <c r="AQ300" s="21">
        <v>159</v>
      </c>
      <c r="AR300" s="21">
        <v>107</v>
      </c>
      <c r="AS300" s="21">
        <v>113</v>
      </c>
      <c r="AT300" s="21">
        <v>149</v>
      </c>
      <c r="AU300" s="21">
        <v>239</v>
      </c>
      <c r="AV300" s="21">
        <v>143</v>
      </c>
      <c r="AW300" s="21">
        <v>170</v>
      </c>
      <c r="AX300" s="21">
        <v>150</v>
      </c>
      <c r="AY300" s="21">
        <v>225</v>
      </c>
      <c r="AZ300" s="21">
        <v>145</v>
      </c>
      <c r="BA300" s="21">
        <v>169</v>
      </c>
      <c r="BB300" s="21">
        <v>131</v>
      </c>
      <c r="BC300" s="21">
        <v>205</v>
      </c>
      <c r="BD300" s="21">
        <v>138</v>
      </c>
      <c r="BE300" s="21">
        <v>162</v>
      </c>
      <c r="BF300" s="21">
        <v>120</v>
      </c>
      <c r="BG300" s="21">
        <v>182</v>
      </c>
      <c r="BH300" s="21">
        <v>128</v>
      </c>
      <c r="BI300" s="21">
        <v>159</v>
      </c>
      <c r="BJ300" s="14"/>
      <c r="BK300" s="16"/>
      <c r="BL300" s="9"/>
      <c r="BM300" s="9"/>
      <c r="BN300" s="9"/>
      <c r="BO300" s="9" t="s">
        <v>32</v>
      </c>
      <c r="BP300" s="21">
        <f t="shared" si="500"/>
        <v>0</v>
      </c>
      <c r="BQ300" s="21">
        <f t="shared" si="501"/>
        <v>0</v>
      </c>
      <c r="BR300" s="21">
        <f t="shared" si="502"/>
        <v>0</v>
      </c>
      <c r="BS300" s="21">
        <f t="shared" si="503"/>
        <v>0</v>
      </c>
      <c r="BT300" s="21">
        <f t="shared" si="504"/>
        <v>2</v>
      </c>
      <c r="BU300" s="21">
        <f t="shared" si="505"/>
        <v>0</v>
      </c>
      <c r="BV300" s="21">
        <f t="shared" si="506"/>
        <v>0</v>
      </c>
      <c r="BW300" s="21">
        <f t="shared" si="507"/>
        <v>0</v>
      </c>
      <c r="BX300" s="21">
        <f t="shared" si="508"/>
        <v>0</v>
      </c>
      <c r="BY300" s="21">
        <f t="shared" si="509"/>
        <v>0</v>
      </c>
      <c r="BZ300" s="21">
        <f t="shared" si="510"/>
        <v>0</v>
      </c>
      <c r="CA300" s="21">
        <f t="shared" si="511"/>
        <v>0</v>
      </c>
      <c r="CB300" s="21">
        <f t="shared" si="512"/>
        <v>0</v>
      </c>
      <c r="CC300" s="21">
        <f t="shared" si="513"/>
        <v>0</v>
      </c>
      <c r="CD300" s="21">
        <f t="shared" si="514"/>
        <v>0</v>
      </c>
      <c r="CE300" s="21">
        <f t="shared" si="515"/>
        <v>0</v>
      </c>
      <c r="CF300" s="21">
        <f t="shared" si="516"/>
        <v>0</v>
      </c>
      <c r="CG300" s="21">
        <f t="shared" si="517"/>
        <v>0</v>
      </c>
      <c r="CH300" s="21">
        <f t="shared" si="518"/>
        <v>-3</v>
      </c>
      <c r="CI300" s="21">
        <f t="shared" si="519"/>
        <v>0</v>
      </c>
      <c r="CJ300" s="21">
        <f t="shared" si="520"/>
        <v>0</v>
      </c>
      <c r="CK300" s="21">
        <f t="shared" si="521"/>
        <v>0</v>
      </c>
      <c r="CL300" s="21">
        <f t="shared" si="522"/>
        <v>0</v>
      </c>
      <c r="CM300" s="21">
        <f t="shared" si="523"/>
        <v>0</v>
      </c>
      <c r="CN300" s="21">
        <f t="shared" si="524"/>
        <v>0</v>
      </c>
      <c r="CO300" s="20"/>
    </row>
    <row r="301" spans="1:93" x14ac:dyDescent="0.7">
      <c r="A301" s="7"/>
      <c r="E301" s="8" t="s">
        <v>33</v>
      </c>
      <c r="F301" s="42">
        <v>212</v>
      </c>
      <c r="G301" s="42">
        <v>30</v>
      </c>
      <c r="H301" s="42">
        <v>94</v>
      </c>
      <c r="I301" s="42">
        <v>47</v>
      </c>
      <c r="J301" s="42">
        <v>38</v>
      </c>
      <c r="K301" s="42">
        <v>50</v>
      </c>
      <c r="L301" s="42">
        <v>159</v>
      </c>
      <c r="M301" s="42">
        <v>107</v>
      </c>
      <c r="N301" s="42">
        <v>113</v>
      </c>
      <c r="O301" s="42">
        <v>149</v>
      </c>
      <c r="P301" s="42">
        <v>239</v>
      </c>
      <c r="Q301" s="42">
        <v>143</v>
      </c>
      <c r="R301" s="42">
        <v>170</v>
      </c>
      <c r="S301" s="42">
        <v>150</v>
      </c>
      <c r="T301" s="42">
        <v>225</v>
      </c>
      <c r="U301" s="42">
        <v>145</v>
      </c>
      <c r="V301" s="42">
        <v>169</v>
      </c>
      <c r="W301" s="42">
        <v>131</v>
      </c>
      <c r="X301" s="42">
        <v>208</v>
      </c>
      <c r="Y301" s="42">
        <v>138</v>
      </c>
      <c r="Z301" s="42">
        <v>162</v>
      </c>
      <c r="AA301" s="42">
        <v>120</v>
      </c>
      <c r="AB301" s="42">
        <v>182</v>
      </c>
      <c r="AC301" s="42">
        <v>128</v>
      </c>
      <c r="AD301" s="42">
        <v>159</v>
      </c>
      <c r="AE301" s="7"/>
      <c r="AF301" s="13"/>
      <c r="AG301" s="9"/>
      <c r="AH301" s="9"/>
      <c r="AI301" s="9"/>
      <c r="AJ301" s="9" t="s">
        <v>33</v>
      </c>
      <c r="AK301" s="21">
        <v>212</v>
      </c>
      <c r="AL301" s="21">
        <v>30</v>
      </c>
      <c r="AM301" s="21">
        <v>94</v>
      </c>
      <c r="AN301" s="21">
        <v>47</v>
      </c>
      <c r="AO301" s="21">
        <v>40</v>
      </c>
      <c r="AP301" s="21">
        <v>50</v>
      </c>
      <c r="AQ301" s="21">
        <v>159</v>
      </c>
      <c r="AR301" s="21">
        <v>107</v>
      </c>
      <c r="AS301" s="21">
        <v>113</v>
      </c>
      <c r="AT301" s="21">
        <v>149</v>
      </c>
      <c r="AU301" s="21">
        <v>239</v>
      </c>
      <c r="AV301" s="21">
        <v>143</v>
      </c>
      <c r="AW301" s="21">
        <v>170</v>
      </c>
      <c r="AX301" s="21">
        <v>150</v>
      </c>
      <c r="AY301" s="21">
        <v>225</v>
      </c>
      <c r="AZ301" s="21">
        <v>145</v>
      </c>
      <c r="BA301" s="21">
        <v>169</v>
      </c>
      <c r="BB301" s="21">
        <v>131</v>
      </c>
      <c r="BC301" s="21">
        <v>205</v>
      </c>
      <c r="BD301" s="21">
        <v>138</v>
      </c>
      <c r="BE301" s="21">
        <v>162</v>
      </c>
      <c r="BF301" s="21">
        <v>120</v>
      </c>
      <c r="BG301" s="21">
        <v>182</v>
      </c>
      <c r="BH301" s="21">
        <v>128</v>
      </c>
      <c r="BI301" s="21">
        <v>159</v>
      </c>
      <c r="BJ301" s="14"/>
      <c r="BK301" s="16"/>
      <c r="BL301" s="9"/>
      <c r="BM301" s="9"/>
      <c r="BN301" s="9"/>
      <c r="BO301" s="9" t="s">
        <v>33</v>
      </c>
      <c r="BP301" s="21">
        <f t="shared" si="500"/>
        <v>0</v>
      </c>
      <c r="BQ301" s="21">
        <f t="shared" si="501"/>
        <v>0</v>
      </c>
      <c r="BR301" s="21">
        <f t="shared" si="502"/>
        <v>0</v>
      </c>
      <c r="BS301" s="21">
        <f t="shared" si="503"/>
        <v>0</v>
      </c>
      <c r="BT301" s="21">
        <f t="shared" si="504"/>
        <v>2</v>
      </c>
      <c r="BU301" s="21">
        <f t="shared" si="505"/>
        <v>0</v>
      </c>
      <c r="BV301" s="21">
        <f t="shared" si="506"/>
        <v>0</v>
      </c>
      <c r="BW301" s="21">
        <f t="shared" si="507"/>
        <v>0</v>
      </c>
      <c r="BX301" s="21">
        <f t="shared" si="508"/>
        <v>0</v>
      </c>
      <c r="BY301" s="21">
        <f t="shared" si="509"/>
        <v>0</v>
      </c>
      <c r="BZ301" s="21">
        <f t="shared" si="510"/>
        <v>0</v>
      </c>
      <c r="CA301" s="21">
        <f t="shared" si="511"/>
        <v>0</v>
      </c>
      <c r="CB301" s="21">
        <f t="shared" si="512"/>
        <v>0</v>
      </c>
      <c r="CC301" s="21">
        <f t="shared" si="513"/>
        <v>0</v>
      </c>
      <c r="CD301" s="21">
        <f t="shared" si="514"/>
        <v>0</v>
      </c>
      <c r="CE301" s="21">
        <f t="shared" si="515"/>
        <v>0</v>
      </c>
      <c r="CF301" s="21">
        <f t="shared" si="516"/>
        <v>0</v>
      </c>
      <c r="CG301" s="21">
        <f t="shared" si="517"/>
        <v>0</v>
      </c>
      <c r="CH301" s="21">
        <f t="shared" si="518"/>
        <v>-3</v>
      </c>
      <c r="CI301" s="21">
        <f t="shared" si="519"/>
        <v>0</v>
      </c>
      <c r="CJ301" s="21">
        <f t="shared" si="520"/>
        <v>0</v>
      </c>
      <c r="CK301" s="21">
        <f t="shared" si="521"/>
        <v>0</v>
      </c>
      <c r="CL301" s="21">
        <f t="shared" si="522"/>
        <v>0</v>
      </c>
      <c r="CM301" s="21">
        <f t="shared" si="523"/>
        <v>0</v>
      </c>
      <c r="CN301" s="21">
        <f t="shared" si="524"/>
        <v>0</v>
      </c>
      <c r="CO301" s="20"/>
    </row>
    <row r="302" spans="1:93" x14ac:dyDescent="0.7">
      <c r="A302" s="7"/>
      <c r="E302" s="8" t="s">
        <v>34</v>
      </c>
      <c r="F302" s="43" t="s">
        <v>40</v>
      </c>
      <c r="G302" s="43" t="s">
        <v>40</v>
      </c>
      <c r="H302" s="43" t="s">
        <v>40</v>
      </c>
      <c r="I302" s="43" t="s">
        <v>40</v>
      </c>
      <c r="J302" s="43" t="s">
        <v>40</v>
      </c>
      <c r="K302" s="43" t="s">
        <v>40</v>
      </c>
      <c r="L302" s="43" t="s">
        <v>40</v>
      </c>
      <c r="M302" s="43" t="s">
        <v>40</v>
      </c>
      <c r="N302" s="43" t="s">
        <v>40</v>
      </c>
      <c r="O302" s="43" t="s">
        <v>40</v>
      </c>
      <c r="P302" s="43" t="s">
        <v>40</v>
      </c>
      <c r="Q302" s="43" t="s">
        <v>40</v>
      </c>
      <c r="R302" s="43" t="s">
        <v>40</v>
      </c>
      <c r="S302" s="42">
        <v>0</v>
      </c>
      <c r="T302" s="42">
        <v>0</v>
      </c>
      <c r="U302" s="42">
        <v>0</v>
      </c>
      <c r="V302" s="42">
        <v>0</v>
      </c>
      <c r="W302" s="42">
        <v>0</v>
      </c>
      <c r="X302" s="43" t="s">
        <v>40</v>
      </c>
      <c r="Y302" s="43" t="s">
        <v>40</v>
      </c>
      <c r="Z302" s="43" t="s">
        <v>40</v>
      </c>
      <c r="AA302" s="43" t="s">
        <v>40</v>
      </c>
      <c r="AB302" s="43" t="s">
        <v>40</v>
      </c>
      <c r="AC302" s="43" t="s">
        <v>40</v>
      </c>
      <c r="AD302" s="43" t="s">
        <v>40</v>
      </c>
      <c r="AE302" s="7"/>
      <c r="AF302" s="13"/>
      <c r="AG302" s="9"/>
      <c r="AH302" s="9"/>
      <c r="AI302" s="9"/>
      <c r="AJ302" s="9" t="s">
        <v>34</v>
      </c>
      <c r="AK302" s="43" t="s">
        <v>40</v>
      </c>
      <c r="AL302" s="43" t="s">
        <v>40</v>
      </c>
      <c r="AM302" s="43" t="s">
        <v>40</v>
      </c>
      <c r="AN302" s="43" t="s">
        <v>40</v>
      </c>
      <c r="AO302" s="43" t="s">
        <v>40</v>
      </c>
      <c r="AP302" s="43" t="s">
        <v>40</v>
      </c>
      <c r="AQ302" s="43" t="s">
        <v>40</v>
      </c>
      <c r="AR302" s="43" t="s">
        <v>40</v>
      </c>
      <c r="AS302" s="43" t="s">
        <v>40</v>
      </c>
      <c r="AT302" s="43" t="s">
        <v>40</v>
      </c>
      <c r="AU302" s="43" t="s">
        <v>40</v>
      </c>
      <c r="AV302" s="43" t="s">
        <v>40</v>
      </c>
      <c r="AW302" s="43" t="s">
        <v>40</v>
      </c>
      <c r="AX302" s="43" t="s">
        <v>40</v>
      </c>
      <c r="AY302" s="43" t="s">
        <v>40</v>
      </c>
      <c r="AZ302" s="43" t="s">
        <v>40</v>
      </c>
      <c r="BA302" s="43" t="s">
        <v>40</v>
      </c>
      <c r="BB302" s="43" t="s">
        <v>40</v>
      </c>
      <c r="BC302" s="43" t="s">
        <v>40</v>
      </c>
      <c r="BD302" s="43" t="s">
        <v>40</v>
      </c>
      <c r="BE302" s="43" t="s">
        <v>40</v>
      </c>
      <c r="BF302" s="43" t="s">
        <v>40</v>
      </c>
      <c r="BG302" s="43" t="s">
        <v>40</v>
      </c>
      <c r="BH302" s="43" t="s">
        <v>40</v>
      </c>
      <c r="BI302" s="43" t="s">
        <v>40</v>
      </c>
      <c r="BJ302" s="14"/>
      <c r="BK302" s="16"/>
      <c r="BL302" s="9"/>
      <c r="BM302" s="9"/>
      <c r="BN302" s="9"/>
      <c r="BO302" s="9" t="s">
        <v>34</v>
      </c>
      <c r="BP302" s="43" t="s">
        <v>40</v>
      </c>
      <c r="BQ302" s="43" t="s">
        <v>40</v>
      </c>
      <c r="BR302" s="43" t="s">
        <v>40</v>
      </c>
      <c r="BS302" s="43" t="s">
        <v>40</v>
      </c>
      <c r="BT302" s="43" t="s">
        <v>40</v>
      </c>
      <c r="BU302" s="43" t="s">
        <v>40</v>
      </c>
      <c r="BV302" s="43" t="s">
        <v>40</v>
      </c>
      <c r="BW302" s="43" t="s">
        <v>40</v>
      </c>
      <c r="BX302" s="43" t="s">
        <v>40</v>
      </c>
      <c r="BY302" s="43" t="s">
        <v>40</v>
      </c>
      <c r="BZ302" s="43" t="s">
        <v>40</v>
      </c>
      <c r="CA302" s="43" t="s">
        <v>40</v>
      </c>
      <c r="CB302" s="43" t="s">
        <v>40</v>
      </c>
      <c r="CC302" s="43" t="s">
        <v>40</v>
      </c>
      <c r="CD302" s="43" t="s">
        <v>40</v>
      </c>
      <c r="CE302" s="43" t="s">
        <v>40</v>
      </c>
      <c r="CF302" s="43" t="s">
        <v>40</v>
      </c>
      <c r="CG302" s="43" t="s">
        <v>40</v>
      </c>
      <c r="CH302" s="43" t="s">
        <v>40</v>
      </c>
      <c r="CI302" s="43" t="s">
        <v>40</v>
      </c>
      <c r="CJ302" s="43" t="s">
        <v>40</v>
      </c>
      <c r="CK302" s="43" t="s">
        <v>40</v>
      </c>
      <c r="CL302" s="43" t="s">
        <v>40</v>
      </c>
      <c r="CM302" s="43" t="s">
        <v>40</v>
      </c>
      <c r="CN302" s="43" t="s">
        <v>40</v>
      </c>
      <c r="CO302" s="20"/>
    </row>
    <row r="303" spans="1:93" x14ac:dyDescent="0.7">
      <c r="A303" s="7"/>
      <c r="E303" s="8" t="s">
        <v>35</v>
      </c>
      <c r="F303" s="43" t="s">
        <v>40</v>
      </c>
      <c r="G303" s="43" t="s">
        <v>40</v>
      </c>
      <c r="H303" s="43" t="s">
        <v>40</v>
      </c>
      <c r="I303" s="43" t="s">
        <v>40</v>
      </c>
      <c r="J303" s="43" t="s">
        <v>40</v>
      </c>
      <c r="K303" s="43" t="s">
        <v>40</v>
      </c>
      <c r="L303" s="43" t="s">
        <v>40</v>
      </c>
      <c r="M303" s="43" t="s">
        <v>40</v>
      </c>
      <c r="N303" s="43" t="s">
        <v>40</v>
      </c>
      <c r="O303" s="43" t="s">
        <v>40</v>
      </c>
      <c r="P303" s="43" t="s">
        <v>40</v>
      </c>
      <c r="Q303" s="43" t="s">
        <v>40</v>
      </c>
      <c r="R303" s="43" t="s">
        <v>40</v>
      </c>
      <c r="S303" s="42">
        <v>0</v>
      </c>
      <c r="T303" s="42">
        <v>0</v>
      </c>
      <c r="U303" s="42">
        <v>0</v>
      </c>
      <c r="V303" s="42">
        <v>0</v>
      </c>
      <c r="W303" s="42">
        <v>0</v>
      </c>
      <c r="X303" s="43" t="s">
        <v>40</v>
      </c>
      <c r="Y303" s="43" t="s">
        <v>40</v>
      </c>
      <c r="Z303" s="43" t="s">
        <v>40</v>
      </c>
      <c r="AA303" s="43" t="s">
        <v>40</v>
      </c>
      <c r="AB303" s="43" t="s">
        <v>40</v>
      </c>
      <c r="AC303" s="43" t="s">
        <v>40</v>
      </c>
      <c r="AD303" s="43" t="s">
        <v>40</v>
      </c>
      <c r="AE303" s="7"/>
      <c r="AF303" s="13"/>
      <c r="AG303" s="9"/>
      <c r="AH303" s="9"/>
      <c r="AI303" s="9"/>
      <c r="AJ303" s="9" t="s">
        <v>35</v>
      </c>
      <c r="AK303" s="43" t="s">
        <v>40</v>
      </c>
      <c r="AL303" s="43" t="s">
        <v>40</v>
      </c>
      <c r="AM303" s="43" t="s">
        <v>40</v>
      </c>
      <c r="AN303" s="43" t="s">
        <v>40</v>
      </c>
      <c r="AO303" s="43" t="s">
        <v>40</v>
      </c>
      <c r="AP303" s="43" t="s">
        <v>40</v>
      </c>
      <c r="AQ303" s="43" t="s">
        <v>40</v>
      </c>
      <c r="AR303" s="43" t="s">
        <v>40</v>
      </c>
      <c r="AS303" s="43" t="s">
        <v>40</v>
      </c>
      <c r="AT303" s="43" t="s">
        <v>40</v>
      </c>
      <c r="AU303" s="43" t="s">
        <v>40</v>
      </c>
      <c r="AV303" s="43" t="s">
        <v>40</v>
      </c>
      <c r="AW303" s="43" t="s">
        <v>40</v>
      </c>
      <c r="AX303" s="43" t="s">
        <v>40</v>
      </c>
      <c r="AY303" s="43" t="s">
        <v>40</v>
      </c>
      <c r="AZ303" s="43" t="s">
        <v>40</v>
      </c>
      <c r="BA303" s="43" t="s">
        <v>40</v>
      </c>
      <c r="BB303" s="43" t="s">
        <v>40</v>
      </c>
      <c r="BC303" s="43" t="s">
        <v>40</v>
      </c>
      <c r="BD303" s="43" t="s">
        <v>40</v>
      </c>
      <c r="BE303" s="43" t="s">
        <v>40</v>
      </c>
      <c r="BF303" s="43" t="s">
        <v>40</v>
      </c>
      <c r="BG303" s="43" t="s">
        <v>40</v>
      </c>
      <c r="BH303" s="43" t="s">
        <v>40</v>
      </c>
      <c r="BI303" s="43" t="s">
        <v>40</v>
      </c>
      <c r="BJ303" s="14"/>
      <c r="BK303" s="16"/>
      <c r="BL303" s="9"/>
      <c r="BM303" s="9"/>
      <c r="BN303" s="9"/>
      <c r="BO303" s="9" t="s">
        <v>35</v>
      </c>
      <c r="BP303" s="43" t="s">
        <v>40</v>
      </c>
      <c r="BQ303" s="43" t="s">
        <v>40</v>
      </c>
      <c r="BR303" s="43" t="s">
        <v>40</v>
      </c>
      <c r="BS303" s="43" t="s">
        <v>40</v>
      </c>
      <c r="BT303" s="43" t="s">
        <v>40</v>
      </c>
      <c r="BU303" s="43" t="s">
        <v>40</v>
      </c>
      <c r="BV303" s="43" t="s">
        <v>40</v>
      </c>
      <c r="BW303" s="43" t="s">
        <v>40</v>
      </c>
      <c r="BX303" s="43" t="s">
        <v>40</v>
      </c>
      <c r="BY303" s="43" t="s">
        <v>40</v>
      </c>
      <c r="BZ303" s="43" t="s">
        <v>40</v>
      </c>
      <c r="CA303" s="43" t="s">
        <v>40</v>
      </c>
      <c r="CB303" s="43" t="s">
        <v>40</v>
      </c>
      <c r="CC303" s="43" t="s">
        <v>40</v>
      </c>
      <c r="CD303" s="43" t="s">
        <v>40</v>
      </c>
      <c r="CE303" s="43" t="s">
        <v>40</v>
      </c>
      <c r="CF303" s="43" t="s">
        <v>40</v>
      </c>
      <c r="CG303" s="43" t="s">
        <v>40</v>
      </c>
      <c r="CH303" s="43" t="s">
        <v>40</v>
      </c>
      <c r="CI303" s="43" t="s">
        <v>40</v>
      </c>
      <c r="CJ303" s="43" t="s">
        <v>40</v>
      </c>
      <c r="CK303" s="43" t="s">
        <v>40</v>
      </c>
      <c r="CL303" s="43" t="s">
        <v>40</v>
      </c>
      <c r="CM303" s="43" t="s">
        <v>40</v>
      </c>
      <c r="CN303" s="43" t="s">
        <v>40</v>
      </c>
      <c r="CO303" s="20"/>
    </row>
    <row r="304" spans="1:93" x14ac:dyDescent="0.7">
      <c r="A304" s="7"/>
      <c r="E304" s="8" t="s">
        <v>36</v>
      </c>
      <c r="F304" s="43" t="s">
        <v>40</v>
      </c>
      <c r="G304" s="43" t="s">
        <v>40</v>
      </c>
      <c r="H304" s="43" t="s">
        <v>40</v>
      </c>
      <c r="I304" s="43" t="s">
        <v>40</v>
      </c>
      <c r="J304" s="43" t="s">
        <v>40</v>
      </c>
      <c r="K304" s="43" t="s">
        <v>40</v>
      </c>
      <c r="L304" s="43" t="s">
        <v>40</v>
      </c>
      <c r="M304" s="43" t="s">
        <v>40</v>
      </c>
      <c r="N304" s="43" t="s">
        <v>40</v>
      </c>
      <c r="O304" s="43" t="s">
        <v>40</v>
      </c>
      <c r="P304" s="43" t="s">
        <v>40</v>
      </c>
      <c r="Q304" s="43" t="s">
        <v>40</v>
      </c>
      <c r="R304" s="43" t="s">
        <v>40</v>
      </c>
      <c r="S304" s="42">
        <v>0</v>
      </c>
      <c r="T304" s="42">
        <v>0</v>
      </c>
      <c r="U304" s="42">
        <v>0</v>
      </c>
      <c r="V304" s="42">
        <v>0</v>
      </c>
      <c r="W304" s="42">
        <v>0</v>
      </c>
      <c r="X304" s="43" t="s">
        <v>40</v>
      </c>
      <c r="Y304" s="43" t="s">
        <v>40</v>
      </c>
      <c r="Z304" s="43" t="s">
        <v>40</v>
      </c>
      <c r="AA304" s="43" t="s">
        <v>40</v>
      </c>
      <c r="AB304" s="43" t="s">
        <v>40</v>
      </c>
      <c r="AC304" s="43" t="s">
        <v>40</v>
      </c>
      <c r="AD304" s="43" t="s">
        <v>40</v>
      </c>
      <c r="AE304" s="7"/>
      <c r="AF304" s="13"/>
      <c r="AG304" s="9"/>
      <c r="AH304" s="9"/>
      <c r="AI304" s="9"/>
      <c r="AJ304" s="9" t="s">
        <v>36</v>
      </c>
      <c r="AK304" s="43" t="s">
        <v>40</v>
      </c>
      <c r="AL304" s="43" t="s">
        <v>40</v>
      </c>
      <c r="AM304" s="43" t="s">
        <v>40</v>
      </c>
      <c r="AN304" s="43" t="s">
        <v>40</v>
      </c>
      <c r="AO304" s="43" t="s">
        <v>40</v>
      </c>
      <c r="AP304" s="43" t="s">
        <v>40</v>
      </c>
      <c r="AQ304" s="43" t="s">
        <v>40</v>
      </c>
      <c r="AR304" s="43" t="s">
        <v>40</v>
      </c>
      <c r="AS304" s="43" t="s">
        <v>40</v>
      </c>
      <c r="AT304" s="43" t="s">
        <v>40</v>
      </c>
      <c r="AU304" s="43" t="s">
        <v>40</v>
      </c>
      <c r="AV304" s="43" t="s">
        <v>40</v>
      </c>
      <c r="AW304" s="43" t="s">
        <v>40</v>
      </c>
      <c r="AX304" s="43" t="s">
        <v>40</v>
      </c>
      <c r="AY304" s="43" t="s">
        <v>40</v>
      </c>
      <c r="AZ304" s="43" t="s">
        <v>40</v>
      </c>
      <c r="BA304" s="43" t="s">
        <v>40</v>
      </c>
      <c r="BB304" s="43" t="s">
        <v>40</v>
      </c>
      <c r="BC304" s="43" t="s">
        <v>40</v>
      </c>
      <c r="BD304" s="43" t="s">
        <v>40</v>
      </c>
      <c r="BE304" s="43" t="s">
        <v>40</v>
      </c>
      <c r="BF304" s="43" t="s">
        <v>40</v>
      </c>
      <c r="BG304" s="43" t="s">
        <v>40</v>
      </c>
      <c r="BH304" s="43" t="s">
        <v>40</v>
      </c>
      <c r="BI304" s="43" t="s">
        <v>40</v>
      </c>
      <c r="BJ304" s="14"/>
      <c r="BK304" s="16"/>
      <c r="BL304" s="9"/>
      <c r="BM304" s="9"/>
      <c r="BN304" s="9"/>
      <c r="BO304" s="9" t="s">
        <v>36</v>
      </c>
      <c r="BP304" s="43" t="s">
        <v>40</v>
      </c>
      <c r="BQ304" s="43" t="s">
        <v>40</v>
      </c>
      <c r="BR304" s="43" t="s">
        <v>40</v>
      </c>
      <c r="BS304" s="43" t="s">
        <v>40</v>
      </c>
      <c r="BT304" s="43" t="s">
        <v>40</v>
      </c>
      <c r="BU304" s="43" t="s">
        <v>40</v>
      </c>
      <c r="BV304" s="43" t="s">
        <v>40</v>
      </c>
      <c r="BW304" s="43" t="s">
        <v>40</v>
      </c>
      <c r="BX304" s="43" t="s">
        <v>40</v>
      </c>
      <c r="BY304" s="43" t="s">
        <v>40</v>
      </c>
      <c r="BZ304" s="43" t="s">
        <v>40</v>
      </c>
      <c r="CA304" s="43" t="s">
        <v>40</v>
      </c>
      <c r="CB304" s="43" t="s">
        <v>40</v>
      </c>
      <c r="CC304" s="43" t="s">
        <v>40</v>
      </c>
      <c r="CD304" s="43" t="s">
        <v>40</v>
      </c>
      <c r="CE304" s="43" t="s">
        <v>40</v>
      </c>
      <c r="CF304" s="43" t="s">
        <v>40</v>
      </c>
      <c r="CG304" s="43" t="s">
        <v>40</v>
      </c>
      <c r="CH304" s="43" t="s">
        <v>40</v>
      </c>
      <c r="CI304" s="43" t="s">
        <v>40</v>
      </c>
      <c r="CJ304" s="43" t="s">
        <v>40</v>
      </c>
      <c r="CK304" s="43" t="s">
        <v>40</v>
      </c>
      <c r="CL304" s="43" t="s">
        <v>40</v>
      </c>
      <c r="CM304" s="43" t="s">
        <v>40</v>
      </c>
      <c r="CN304" s="43" t="s">
        <v>40</v>
      </c>
      <c r="CO304" s="20"/>
    </row>
    <row r="305" spans="1:93" x14ac:dyDescent="0.7">
      <c r="A305" s="7"/>
      <c r="B305" s="7"/>
      <c r="C305" s="7"/>
      <c r="D305" s="7"/>
      <c r="E305" s="7"/>
      <c r="F305" s="7"/>
      <c r="G305" s="7"/>
      <c r="H305" s="7"/>
      <c r="I305" s="7"/>
      <c r="J305" s="7"/>
      <c r="K305" s="7"/>
      <c r="L305" s="7"/>
      <c r="M305" s="7"/>
      <c r="N305" s="7"/>
      <c r="O305" s="7"/>
      <c r="P305" s="7"/>
      <c r="Q305" s="7"/>
      <c r="R305" s="7"/>
      <c r="S305" s="7"/>
      <c r="T305" s="7"/>
      <c r="U305" s="7"/>
      <c r="V305" s="7"/>
      <c r="W305" s="7"/>
      <c r="X305" s="7"/>
      <c r="Y305" s="7"/>
      <c r="Z305" s="7"/>
      <c r="AA305" s="7"/>
      <c r="AB305" s="7"/>
      <c r="AC305" s="7"/>
      <c r="AD305" s="7"/>
      <c r="AE305" s="7"/>
      <c r="AF305" s="13"/>
      <c r="AG305" s="15"/>
      <c r="AH305" s="15"/>
      <c r="AI305" s="15"/>
      <c r="AJ305" s="15"/>
      <c r="AK305" s="13"/>
      <c r="AL305" s="13"/>
      <c r="AM305" s="13"/>
      <c r="AN305" s="13"/>
      <c r="AO305" s="13"/>
      <c r="AP305" s="13"/>
      <c r="AQ305" s="13"/>
      <c r="AR305" s="13"/>
      <c r="AS305" s="13"/>
      <c r="AT305" s="13"/>
      <c r="AU305" s="13"/>
      <c r="AV305" s="13"/>
      <c r="AW305" s="13"/>
      <c r="AX305" s="13"/>
      <c r="AY305" s="13"/>
      <c r="AZ305" s="13"/>
      <c r="BA305" s="13"/>
      <c r="BB305" s="13"/>
      <c r="BC305" s="13"/>
      <c r="BD305" s="13"/>
      <c r="BE305" s="13"/>
      <c r="BF305" s="13"/>
      <c r="BG305" s="13"/>
      <c r="BH305" s="13"/>
      <c r="BI305" s="13"/>
      <c r="BJ305" s="13"/>
      <c r="BK305" s="16"/>
      <c r="BL305" s="19"/>
      <c r="BM305" s="19"/>
      <c r="BN305" s="19"/>
      <c r="BO305" s="19"/>
      <c r="BP305" s="16"/>
      <c r="BQ305" s="16"/>
      <c r="BR305" s="16"/>
      <c r="BS305" s="16"/>
      <c r="BT305" s="16"/>
      <c r="BU305" s="16"/>
      <c r="BV305" s="16"/>
      <c r="BW305" s="16"/>
      <c r="BX305" s="16"/>
      <c r="BY305" s="16"/>
      <c r="BZ305" s="16"/>
      <c r="CA305" s="16"/>
      <c r="CB305" s="16"/>
      <c r="CC305" s="16"/>
      <c r="CD305" s="16"/>
      <c r="CE305" s="16"/>
      <c r="CF305" s="16"/>
      <c r="CG305" s="16"/>
      <c r="CH305" s="16"/>
      <c r="CI305" s="16"/>
      <c r="CJ305" s="16"/>
      <c r="CK305" s="16"/>
      <c r="CL305" s="16"/>
      <c r="CM305" s="16"/>
      <c r="CN305" s="16"/>
      <c r="CO305" s="16"/>
    </row>
    <row r="306" spans="1:93" ht="19.5" hidden="1" customHeight="1" x14ac:dyDescent="0.7">
      <c r="AI306" s="9"/>
      <c r="AJ306" s="9"/>
      <c r="BN306" s="9"/>
      <c r="BO306" s="9"/>
    </row>
  </sheetData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523B3F1-F0C4-4A69-AD9D-D5A9894B8E2D}">
  <dimension ref="A1:CP72"/>
  <sheetViews>
    <sheetView showGridLines="0" zoomScale="70" zoomScaleNormal="70" workbookViewId="0"/>
  </sheetViews>
  <sheetFormatPr defaultColWidth="0" defaultRowHeight="14.5" zeroHeight="1" x14ac:dyDescent="0.7"/>
  <cols>
    <col min="1" max="1" width="4.6796875" style="23" customWidth="1"/>
    <col min="2" max="2" width="31.7265625" style="23" customWidth="1"/>
    <col min="3" max="3" width="16.36328125" style="23" customWidth="1"/>
    <col min="4" max="4" width="30.40625" style="23" customWidth="1"/>
    <col min="5" max="29" width="9.81640625" style="23" bestFit="1" customWidth="1"/>
    <col min="30" max="31" width="4.6796875" style="23" customWidth="1"/>
    <col min="32" max="32" width="19.58984375" style="23" customWidth="1"/>
    <col min="33" max="33" width="8.7265625" style="23" customWidth="1"/>
    <col min="34" max="34" width="30.40625" style="23" bestFit="1" customWidth="1"/>
    <col min="35" max="59" width="9.81640625" style="23" bestFit="1" customWidth="1"/>
    <col min="60" max="61" width="4.6796875" style="23" customWidth="1"/>
    <col min="62" max="62" width="21.40625" style="23" customWidth="1"/>
    <col min="63" max="63" width="15.2265625" style="23" bestFit="1" customWidth="1"/>
    <col min="64" max="64" width="30.40625" style="23" bestFit="1" customWidth="1"/>
    <col min="65" max="89" width="8" style="23" bestFit="1" customWidth="1"/>
    <col min="90" max="90" width="4.6796875" style="23" customWidth="1"/>
    <col min="91" max="94" width="0" style="23" hidden="1"/>
    <col min="95" max="16384" width="8.7265625" style="23" hidden="1"/>
  </cols>
  <sheetData>
    <row r="1" spans="1:90" s="2" customFormat="1" ht="32.75" x14ac:dyDescent="1.35">
      <c r="A1" s="1" t="s">
        <v>72</v>
      </c>
      <c r="G1" s="3"/>
    </row>
    <row r="2" spans="1:90" ht="17" x14ac:dyDescent="0.8">
      <c r="B2" s="22"/>
    </row>
    <row r="3" spans="1:90" ht="35" x14ac:dyDescent="1.4">
      <c r="A3" s="7"/>
      <c r="B3" s="5" t="s">
        <v>69</v>
      </c>
      <c r="C3" s="6"/>
      <c r="D3" s="6"/>
      <c r="E3" s="6"/>
      <c r="F3" s="6"/>
      <c r="G3" s="6"/>
      <c r="H3" s="6"/>
      <c r="I3" s="6"/>
      <c r="J3" s="6"/>
      <c r="K3" s="7"/>
      <c r="L3" s="7"/>
      <c r="M3" s="7"/>
      <c r="N3" s="7"/>
      <c r="O3" s="7"/>
      <c r="P3" s="7"/>
      <c r="Q3" s="7"/>
      <c r="R3" s="7"/>
      <c r="S3" s="7"/>
      <c r="T3" s="7"/>
      <c r="U3" s="7"/>
      <c r="V3" s="7"/>
      <c r="W3" s="7"/>
      <c r="X3" s="7"/>
      <c r="Y3" s="7"/>
      <c r="Z3" s="7"/>
      <c r="AA3" s="7"/>
      <c r="AB3" s="7"/>
      <c r="AC3" s="7"/>
      <c r="AD3" s="7"/>
      <c r="AE3" s="13"/>
      <c r="AF3" s="11" t="s">
        <v>70</v>
      </c>
      <c r="AG3" s="12"/>
      <c r="AH3" s="13"/>
      <c r="AI3" s="13"/>
      <c r="AJ3" s="13"/>
      <c r="AK3" s="13"/>
      <c r="AL3" s="13"/>
      <c r="AM3" s="13"/>
      <c r="AN3" s="13"/>
      <c r="AO3" s="13"/>
      <c r="AP3" s="13"/>
      <c r="AQ3" s="13"/>
      <c r="AR3" s="13"/>
      <c r="AS3" s="13"/>
      <c r="AT3" s="13"/>
      <c r="AU3" s="13"/>
      <c r="AV3" s="13"/>
      <c r="AW3" s="13"/>
      <c r="AX3" s="13"/>
      <c r="AY3" s="13"/>
      <c r="AZ3" s="13"/>
      <c r="BA3" s="13"/>
      <c r="BB3" s="13"/>
      <c r="BC3" s="13"/>
      <c r="BD3" s="13"/>
      <c r="BE3" s="13"/>
      <c r="BF3" s="13"/>
      <c r="BG3" s="13"/>
      <c r="BH3" s="13"/>
      <c r="BI3" s="16"/>
      <c r="BJ3" s="17" t="s">
        <v>71</v>
      </c>
      <c r="BK3" s="18"/>
      <c r="BL3" s="18"/>
      <c r="BM3" s="18"/>
      <c r="BN3" s="18"/>
      <c r="BO3" s="18"/>
      <c r="BP3" s="18"/>
      <c r="BQ3" s="18"/>
      <c r="BR3" s="18"/>
      <c r="BS3" s="18"/>
      <c r="BT3" s="18"/>
      <c r="BU3" s="18"/>
      <c r="BV3" s="18"/>
      <c r="BW3" s="18"/>
      <c r="BX3" s="18"/>
      <c r="BY3" s="18"/>
      <c r="BZ3" s="18"/>
      <c r="CA3" s="18"/>
      <c r="CB3" s="18"/>
      <c r="CC3" s="18"/>
      <c r="CD3" s="18"/>
      <c r="CE3" s="18"/>
      <c r="CF3" s="18"/>
      <c r="CG3" s="18"/>
      <c r="CH3" s="18"/>
      <c r="CI3" s="18"/>
      <c r="CJ3" s="18"/>
      <c r="CK3" s="18"/>
      <c r="CL3" s="18"/>
    </row>
    <row r="4" spans="1:90" s="34" customFormat="1" x14ac:dyDescent="0.7">
      <c r="A4" s="33"/>
      <c r="E4" s="35" t="s">
        <v>0</v>
      </c>
      <c r="F4" s="35" t="s">
        <v>1</v>
      </c>
      <c r="G4" s="35" t="s">
        <v>2</v>
      </c>
      <c r="H4" s="35" t="s">
        <v>3</v>
      </c>
      <c r="I4" s="35" t="s">
        <v>4</v>
      </c>
      <c r="J4" s="35" t="s">
        <v>5</v>
      </c>
      <c r="K4" s="35" t="s">
        <v>6</v>
      </c>
      <c r="L4" s="35" t="s">
        <v>7</v>
      </c>
      <c r="M4" s="35" t="s">
        <v>8</v>
      </c>
      <c r="N4" s="35" t="s">
        <v>9</v>
      </c>
      <c r="O4" s="35" t="s">
        <v>10</v>
      </c>
      <c r="P4" s="35" t="s">
        <v>11</v>
      </c>
      <c r="Q4" s="35" t="s">
        <v>12</v>
      </c>
      <c r="R4" s="35" t="s">
        <v>13</v>
      </c>
      <c r="S4" s="35" t="s">
        <v>14</v>
      </c>
      <c r="T4" s="35" t="s">
        <v>15</v>
      </c>
      <c r="U4" s="35" t="s">
        <v>16</v>
      </c>
      <c r="V4" s="35" t="s">
        <v>17</v>
      </c>
      <c r="W4" s="35" t="s">
        <v>18</v>
      </c>
      <c r="X4" s="35" t="s">
        <v>19</v>
      </c>
      <c r="Y4" s="35" t="s">
        <v>20</v>
      </c>
      <c r="Z4" s="35" t="s">
        <v>21</v>
      </c>
      <c r="AA4" s="35" t="s">
        <v>22</v>
      </c>
      <c r="AB4" s="35" t="s">
        <v>23</v>
      </c>
      <c r="AC4" s="35" t="s">
        <v>24</v>
      </c>
      <c r="AD4" s="33"/>
      <c r="AE4" s="36"/>
      <c r="AI4" s="35" t="s">
        <v>0</v>
      </c>
      <c r="AJ4" s="35" t="s">
        <v>1</v>
      </c>
      <c r="AK4" s="35" t="s">
        <v>2</v>
      </c>
      <c r="AL4" s="35" t="s">
        <v>3</v>
      </c>
      <c r="AM4" s="35" t="s">
        <v>4</v>
      </c>
      <c r="AN4" s="35" t="s">
        <v>5</v>
      </c>
      <c r="AO4" s="35" t="s">
        <v>6</v>
      </c>
      <c r="AP4" s="35" t="s">
        <v>7</v>
      </c>
      <c r="AQ4" s="35" t="s">
        <v>8</v>
      </c>
      <c r="AR4" s="35" t="s">
        <v>9</v>
      </c>
      <c r="AS4" s="35" t="s">
        <v>10</v>
      </c>
      <c r="AT4" s="35" t="s">
        <v>11</v>
      </c>
      <c r="AU4" s="35" t="s">
        <v>12</v>
      </c>
      <c r="AV4" s="35" t="s">
        <v>13</v>
      </c>
      <c r="AW4" s="35" t="s">
        <v>14</v>
      </c>
      <c r="AX4" s="35" t="s">
        <v>15</v>
      </c>
      <c r="AY4" s="35" t="s">
        <v>16</v>
      </c>
      <c r="AZ4" s="35" t="s">
        <v>17</v>
      </c>
      <c r="BA4" s="35" t="s">
        <v>18</v>
      </c>
      <c r="BB4" s="35" t="s">
        <v>19</v>
      </c>
      <c r="BC4" s="35" t="s">
        <v>20</v>
      </c>
      <c r="BD4" s="35" t="s">
        <v>21</v>
      </c>
      <c r="BE4" s="35" t="s">
        <v>22</v>
      </c>
      <c r="BF4" s="35" t="s">
        <v>23</v>
      </c>
      <c r="BG4" s="35" t="s">
        <v>24</v>
      </c>
      <c r="BH4" s="36"/>
      <c r="BI4" s="37"/>
      <c r="BM4" s="35" t="s">
        <v>0</v>
      </c>
      <c r="BN4" s="35" t="s">
        <v>1</v>
      </c>
      <c r="BO4" s="35" t="s">
        <v>2</v>
      </c>
      <c r="BP4" s="35" t="s">
        <v>3</v>
      </c>
      <c r="BQ4" s="35" t="s">
        <v>4</v>
      </c>
      <c r="BR4" s="35" t="s">
        <v>5</v>
      </c>
      <c r="BS4" s="35" t="s">
        <v>6</v>
      </c>
      <c r="BT4" s="35" t="s">
        <v>7</v>
      </c>
      <c r="BU4" s="35" t="s">
        <v>8</v>
      </c>
      <c r="BV4" s="35" t="s">
        <v>9</v>
      </c>
      <c r="BW4" s="35" t="s">
        <v>10</v>
      </c>
      <c r="BX4" s="35" t="s">
        <v>11</v>
      </c>
      <c r="BY4" s="35" t="s">
        <v>12</v>
      </c>
      <c r="BZ4" s="35" t="s">
        <v>13</v>
      </c>
      <c r="CA4" s="35" t="s">
        <v>14</v>
      </c>
      <c r="CB4" s="35" t="s">
        <v>15</v>
      </c>
      <c r="CC4" s="35" t="s">
        <v>16</v>
      </c>
      <c r="CD4" s="35" t="s">
        <v>17</v>
      </c>
      <c r="CE4" s="35" t="s">
        <v>18</v>
      </c>
      <c r="CF4" s="35" t="s">
        <v>19</v>
      </c>
      <c r="CG4" s="35" t="s">
        <v>20</v>
      </c>
      <c r="CH4" s="35" t="s">
        <v>21</v>
      </c>
      <c r="CI4" s="35" t="s">
        <v>22</v>
      </c>
      <c r="CJ4" s="35" t="s">
        <v>23</v>
      </c>
      <c r="CK4" s="35" t="s">
        <v>24</v>
      </c>
      <c r="CL4" s="38"/>
    </row>
    <row r="5" spans="1:90" x14ac:dyDescent="0.7">
      <c r="A5" s="7"/>
      <c r="B5" s="24" t="s">
        <v>25</v>
      </c>
      <c r="C5" s="24" t="s">
        <v>26</v>
      </c>
      <c r="D5" s="24" t="s">
        <v>45</v>
      </c>
      <c r="E5" s="28">
        <v>525089</v>
      </c>
      <c r="F5" s="28">
        <v>534331</v>
      </c>
      <c r="G5" s="28">
        <v>602269</v>
      </c>
      <c r="H5" s="28">
        <v>585509</v>
      </c>
      <c r="I5" s="28">
        <v>471304</v>
      </c>
      <c r="J5" s="28">
        <v>584998</v>
      </c>
      <c r="K5" s="28">
        <v>639462</v>
      </c>
      <c r="L5" s="28">
        <v>636383</v>
      </c>
      <c r="M5" s="28">
        <v>568962</v>
      </c>
      <c r="N5" s="28">
        <v>648673</v>
      </c>
      <c r="O5" s="28">
        <v>661842</v>
      </c>
      <c r="P5" s="28">
        <v>651713</v>
      </c>
      <c r="Q5" s="28">
        <v>613369</v>
      </c>
      <c r="R5" s="28">
        <v>668409</v>
      </c>
      <c r="S5" s="28">
        <v>671795</v>
      </c>
      <c r="T5" s="28">
        <v>663247</v>
      </c>
      <c r="U5" s="28">
        <v>619675</v>
      </c>
      <c r="V5" s="28">
        <v>698573</v>
      </c>
      <c r="W5" s="28">
        <v>717927</v>
      </c>
      <c r="X5" s="28">
        <v>711160</v>
      </c>
      <c r="Y5" s="28">
        <v>664027</v>
      </c>
      <c r="Z5" s="28">
        <v>726794</v>
      </c>
      <c r="AA5" s="28">
        <v>750768</v>
      </c>
      <c r="AB5" s="28">
        <v>752100</v>
      </c>
      <c r="AC5" s="28">
        <v>695704</v>
      </c>
      <c r="AD5" s="7"/>
      <c r="AE5" s="13"/>
      <c r="AF5" s="24" t="s">
        <v>25</v>
      </c>
      <c r="AG5" s="24" t="s">
        <v>26</v>
      </c>
      <c r="AH5" s="24" t="s">
        <v>45</v>
      </c>
      <c r="AI5" s="27">
        <v>525093</v>
      </c>
      <c r="AJ5" s="27">
        <v>534330</v>
      </c>
      <c r="AK5" s="27">
        <v>602268</v>
      </c>
      <c r="AL5" s="27">
        <v>585507</v>
      </c>
      <c r="AM5" s="27">
        <v>472091</v>
      </c>
      <c r="AN5" s="27">
        <v>584887</v>
      </c>
      <c r="AO5" s="27">
        <v>643526</v>
      </c>
      <c r="AP5" s="27">
        <v>636381</v>
      </c>
      <c r="AQ5" s="27">
        <v>568963</v>
      </c>
      <c r="AR5" s="27">
        <v>648673</v>
      </c>
      <c r="AS5" s="27">
        <v>661991</v>
      </c>
      <c r="AT5" s="27">
        <v>650256</v>
      </c>
      <c r="AU5" s="27">
        <v>612020</v>
      </c>
      <c r="AV5" s="27">
        <v>666891</v>
      </c>
      <c r="AW5" s="27">
        <v>670297</v>
      </c>
      <c r="AX5" s="27">
        <v>663283</v>
      </c>
      <c r="AY5" s="27">
        <v>619674</v>
      </c>
      <c r="AZ5" s="27">
        <v>698573</v>
      </c>
      <c r="BA5" s="27">
        <v>717336</v>
      </c>
      <c r="BB5" s="27">
        <v>710561</v>
      </c>
      <c r="BC5" s="27">
        <v>656064</v>
      </c>
      <c r="BD5" s="27">
        <v>726794</v>
      </c>
      <c r="BE5" s="27">
        <v>750773</v>
      </c>
      <c r="BF5" s="27">
        <v>747464</v>
      </c>
      <c r="BG5" s="27">
        <v>695704</v>
      </c>
      <c r="BH5" s="13"/>
      <c r="BI5" s="16"/>
      <c r="BJ5" s="24" t="s">
        <v>25</v>
      </c>
      <c r="BK5" s="24" t="s">
        <v>26</v>
      </c>
      <c r="BL5" s="24" t="s">
        <v>45</v>
      </c>
      <c r="BM5" s="27">
        <f>AI5-E5</f>
        <v>4</v>
      </c>
      <c r="BN5" s="27">
        <f t="shared" ref="BN5:CK5" si="0">AJ5-F5</f>
        <v>-1</v>
      </c>
      <c r="BO5" s="27">
        <f t="shared" si="0"/>
        <v>-1</v>
      </c>
      <c r="BP5" s="27">
        <f t="shared" si="0"/>
        <v>-2</v>
      </c>
      <c r="BQ5" s="27">
        <f t="shared" si="0"/>
        <v>787</v>
      </c>
      <c r="BR5" s="27">
        <f t="shared" si="0"/>
        <v>-111</v>
      </c>
      <c r="BS5" s="27">
        <f t="shared" si="0"/>
        <v>4064</v>
      </c>
      <c r="BT5" s="27">
        <f t="shared" si="0"/>
        <v>-2</v>
      </c>
      <c r="BU5" s="27">
        <f t="shared" si="0"/>
        <v>1</v>
      </c>
      <c r="BV5" s="27">
        <f t="shared" si="0"/>
        <v>0</v>
      </c>
      <c r="BW5" s="27">
        <f t="shared" si="0"/>
        <v>149</v>
      </c>
      <c r="BX5" s="27">
        <f t="shared" si="0"/>
        <v>-1457</v>
      </c>
      <c r="BY5" s="27">
        <f t="shared" si="0"/>
        <v>-1349</v>
      </c>
      <c r="BZ5" s="27">
        <f t="shared" si="0"/>
        <v>-1518</v>
      </c>
      <c r="CA5" s="27">
        <f t="shared" si="0"/>
        <v>-1498</v>
      </c>
      <c r="CB5" s="27">
        <f t="shared" si="0"/>
        <v>36</v>
      </c>
      <c r="CC5" s="27">
        <f t="shared" si="0"/>
        <v>-1</v>
      </c>
      <c r="CD5" s="27">
        <f t="shared" si="0"/>
        <v>0</v>
      </c>
      <c r="CE5" s="27">
        <f t="shared" si="0"/>
        <v>-591</v>
      </c>
      <c r="CF5" s="27">
        <f t="shared" si="0"/>
        <v>-599</v>
      </c>
      <c r="CG5" s="27">
        <f t="shared" si="0"/>
        <v>-7963</v>
      </c>
      <c r="CH5" s="27">
        <f t="shared" si="0"/>
        <v>0</v>
      </c>
      <c r="CI5" s="27">
        <f t="shared" si="0"/>
        <v>5</v>
      </c>
      <c r="CJ5" s="27">
        <f t="shared" si="0"/>
        <v>-4636</v>
      </c>
      <c r="CK5" s="27">
        <f t="shared" si="0"/>
        <v>0</v>
      </c>
      <c r="CL5" s="18"/>
    </row>
    <row r="6" spans="1:90" x14ac:dyDescent="0.7">
      <c r="A6" s="7"/>
      <c r="D6" s="24" t="s">
        <v>28</v>
      </c>
      <c r="E6" s="28">
        <v>507538</v>
      </c>
      <c r="F6" s="28">
        <v>521332</v>
      </c>
      <c r="G6" s="28">
        <v>585991</v>
      </c>
      <c r="H6" s="28">
        <v>570771</v>
      </c>
      <c r="I6" s="28">
        <v>459457</v>
      </c>
      <c r="J6" s="28">
        <v>571101</v>
      </c>
      <c r="K6" s="28">
        <v>622244</v>
      </c>
      <c r="L6" s="28">
        <v>618637</v>
      </c>
      <c r="M6" s="28">
        <v>552698</v>
      </c>
      <c r="N6" s="28">
        <v>629701</v>
      </c>
      <c r="O6" s="28">
        <v>641425</v>
      </c>
      <c r="P6" s="28">
        <v>631741</v>
      </c>
      <c r="Q6" s="28">
        <v>594092</v>
      </c>
      <c r="R6" s="28">
        <v>647707</v>
      </c>
      <c r="S6" s="28">
        <v>649687</v>
      </c>
      <c r="T6" s="28">
        <v>641585</v>
      </c>
      <c r="U6" s="28">
        <v>598961</v>
      </c>
      <c r="V6" s="28">
        <v>675892</v>
      </c>
      <c r="W6" s="28">
        <v>693862</v>
      </c>
      <c r="X6" s="28">
        <v>687452</v>
      </c>
      <c r="Y6" s="28">
        <v>641721</v>
      </c>
      <c r="Z6" s="28">
        <v>703016</v>
      </c>
      <c r="AA6" s="28">
        <v>724985</v>
      </c>
      <c r="AB6" s="28">
        <v>726459</v>
      </c>
      <c r="AC6" s="28">
        <v>671039</v>
      </c>
      <c r="AD6" s="7"/>
      <c r="AE6" s="13"/>
      <c r="AH6" s="24" t="s">
        <v>28</v>
      </c>
      <c r="AI6" s="27">
        <v>507540</v>
      </c>
      <c r="AJ6" s="27">
        <v>521332</v>
      </c>
      <c r="AK6" s="27">
        <v>585990</v>
      </c>
      <c r="AL6" s="27">
        <v>570769</v>
      </c>
      <c r="AM6" s="27">
        <v>460199</v>
      </c>
      <c r="AN6" s="27">
        <v>570981</v>
      </c>
      <c r="AO6" s="27">
        <v>626203</v>
      </c>
      <c r="AP6" s="27">
        <v>618635</v>
      </c>
      <c r="AQ6" s="27">
        <v>552698</v>
      </c>
      <c r="AR6" s="27">
        <v>629702</v>
      </c>
      <c r="AS6" s="27">
        <v>641423</v>
      </c>
      <c r="AT6" s="27">
        <v>630295</v>
      </c>
      <c r="AU6" s="27">
        <v>592753</v>
      </c>
      <c r="AV6" s="27">
        <v>646199</v>
      </c>
      <c r="AW6" s="27">
        <v>648202</v>
      </c>
      <c r="AX6" s="27">
        <v>641621</v>
      </c>
      <c r="AY6" s="27">
        <v>598960</v>
      </c>
      <c r="AZ6" s="27">
        <v>675891</v>
      </c>
      <c r="BA6" s="27">
        <v>693037</v>
      </c>
      <c r="BB6" s="27">
        <v>686854</v>
      </c>
      <c r="BC6" s="27">
        <v>633758</v>
      </c>
      <c r="BD6" s="27">
        <v>703016</v>
      </c>
      <c r="BE6" s="27">
        <v>724985</v>
      </c>
      <c r="BF6" s="27">
        <v>721824</v>
      </c>
      <c r="BG6" s="27">
        <v>671039</v>
      </c>
      <c r="BH6" s="13"/>
      <c r="BI6" s="16"/>
      <c r="BL6" s="24" t="s">
        <v>28</v>
      </c>
      <c r="BM6" s="27">
        <f t="shared" ref="BM6:BM46" si="1">AI6-E6</f>
        <v>2</v>
      </c>
      <c r="BN6" s="27">
        <f t="shared" ref="BN6:BN46" si="2">AJ6-F6</f>
        <v>0</v>
      </c>
      <c r="BO6" s="27">
        <f t="shared" ref="BO6:BO46" si="3">AK6-G6</f>
        <v>-1</v>
      </c>
      <c r="BP6" s="27">
        <f t="shared" ref="BP6:BP46" si="4">AL6-H6</f>
        <v>-2</v>
      </c>
      <c r="BQ6" s="27">
        <f t="shared" ref="BQ6:BQ46" si="5">AM6-I6</f>
        <v>742</v>
      </c>
      <c r="BR6" s="27">
        <f t="shared" ref="BR6:BR46" si="6">AN6-J6</f>
        <v>-120</v>
      </c>
      <c r="BS6" s="27">
        <f t="shared" ref="BS6:BS46" si="7">AO6-K6</f>
        <v>3959</v>
      </c>
      <c r="BT6" s="27">
        <f t="shared" ref="BT6:BT46" si="8">AP6-L6</f>
        <v>-2</v>
      </c>
      <c r="BU6" s="27">
        <f t="shared" ref="BU6:BU46" si="9">AQ6-M6</f>
        <v>0</v>
      </c>
      <c r="BV6" s="27">
        <f t="shared" ref="BV6:BV46" si="10">AR6-N6</f>
        <v>1</v>
      </c>
      <c r="BW6" s="27">
        <f t="shared" ref="BW6:BW46" si="11">AS6-O6</f>
        <v>-2</v>
      </c>
      <c r="BX6" s="27">
        <f t="shared" ref="BX6:BX46" si="12">AT6-P6</f>
        <v>-1446</v>
      </c>
      <c r="BY6" s="27">
        <f t="shared" ref="BY6:BY46" si="13">AU6-Q6</f>
        <v>-1339</v>
      </c>
      <c r="BZ6" s="27">
        <f t="shared" ref="BZ6:BZ46" si="14">AV6-R6</f>
        <v>-1508</v>
      </c>
      <c r="CA6" s="27">
        <f t="shared" ref="CA6:CA46" si="15">AW6-S6</f>
        <v>-1485</v>
      </c>
      <c r="CB6" s="27">
        <f t="shared" ref="CB6:CB46" si="16">AX6-T6</f>
        <v>36</v>
      </c>
      <c r="CC6" s="27">
        <f t="shared" ref="CC6:CC46" si="17">AY6-U6</f>
        <v>-1</v>
      </c>
      <c r="CD6" s="27">
        <f t="shared" ref="CD6:CD46" si="18">AZ6-V6</f>
        <v>-1</v>
      </c>
      <c r="CE6" s="27">
        <f t="shared" ref="CE6:CE46" si="19">BA6-W6</f>
        <v>-825</v>
      </c>
      <c r="CF6" s="27">
        <f t="shared" ref="CF6:CF46" si="20">BB6-X6</f>
        <v>-598</v>
      </c>
      <c r="CG6" s="27">
        <f t="shared" ref="CG6:CG46" si="21">BC6-Y6</f>
        <v>-7963</v>
      </c>
      <c r="CH6" s="27">
        <f t="shared" ref="CH6:CH46" si="22">BD6-Z6</f>
        <v>0</v>
      </c>
      <c r="CI6" s="27">
        <f t="shared" ref="CI6:CI46" si="23">BE6-AA6</f>
        <v>0</v>
      </c>
      <c r="CJ6" s="27">
        <f t="shared" ref="CJ6:CJ46" si="24">BF6-AB6</f>
        <v>-4635</v>
      </c>
      <c r="CK6" s="27">
        <f t="shared" ref="CK6:CK46" si="25">BG6-AC6</f>
        <v>0</v>
      </c>
      <c r="CL6" s="18"/>
    </row>
    <row r="7" spans="1:90" x14ac:dyDescent="0.7">
      <c r="A7" s="7"/>
      <c r="D7" s="24" t="s">
        <v>29</v>
      </c>
      <c r="E7" s="28">
        <v>9857</v>
      </c>
      <c r="F7" s="28">
        <v>9973</v>
      </c>
      <c r="G7" s="28">
        <v>10262</v>
      </c>
      <c r="H7" s="28">
        <v>9666</v>
      </c>
      <c r="I7" s="28">
        <v>7712</v>
      </c>
      <c r="J7" s="28">
        <v>8498</v>
      </c>
      <c r="K7" s="28">
        <v>8314</v>
      </c>
      <c r="L7" s="28">
        <v>7816</v>
      </c>
      <c r="M7" s="28">
        <v>6784</v>
      </c>
      <c r="N7" s="28">
        <v>7410</v>
      </c>
      <c r="O7" s="28">
        <v>7168</v>
      </c>
      <c r="P7" s="28">
        <v>7265</v>
      </c>
      <c r="Q7" s="28">
        <v>6597</v>
      </c>
      <c r="R7" s="28">
        <v>7738</v>
      </c>
      <c r="S7" s="28">
        <v>8550</v>
      </c>
      <c r="T7" s="28">
        <v>9318</v>
      </c>
      <c r="U7" s="28">
        <v>3826</v>
      </c>
      <c r="V7" s="28">
        <v>3900</v>
      </c>
      <c r="W7" s="28">
        <v>3613</v>
      </c>
      <c r="X7" s="28">
        <v>3355</v>
      </c>
      <c r="Y7" s="28">
        <v>2995</v>
      </c>
      <c r="Z7" s="28">
        <v>2993</v>
      </c>
      <c r="AA7" s="28">
        <v>2751</v>
      </c>
      <c r="AB7" s="28">
        <v>2657</v>
      </c>
      <c r="AC7" s="28">
        <v>2255</v>
      </c>
      <c r="AD7" s="7"/>
      <c r="AE7" s="13"/>
      <c r="AH7" s="24" t="s">
        <v>29</v>
      </c>
      <c r="AI7" s="27">
        <v>9858</v>
      </c>
      <c r="AJ7" s="27">
        <v>9974</v>
      </c>
      <c r="AK7" s="27">
        <v>10262</v>
      </c>
      <c r="AL7" s="27">
        <v>9666</v>
      </c>
      <c r="AM7" s="27">
        <v>7757</v>
      </c>
      <c r="AN7" s="27">
        <v>8532</v>
      </c>
      <c r="AO7" s="27">
        <v>8406</v>
      </c>
      <c r="AP7" s="27">
        <v>7815</v>
      </c>
      <c r="AQ7" s="27">
        <v>6636</v>
      </c>
      <c r="AR7" s="27">
        <v>6850</v>
      </c>
      <c r="AS7" s="27">
        <v>6299</v>
      </c>
      <c r="AT7" s="27">
        <v>6015</v>
      </c>
      <c r="AU7" s="27">
        <v>5193</v>
      </c>
      <c r="AV7" s="27">
        <v>5163</v>
      </c>
      <c r="AW7" s="27">
        <v>4589</v>
      </c>
      <c r="AX7" s="27">
        <v>4499</v>
      </c>
      <c r="AY7" s="27">
        <v>3826</v>
      </c>
      <c r="AZ7" s="27">
        <v>3900</v>
      </c>
      <c r="BA7" s="27">
        <v>3567</v>
      </c>
      <c r="BB7" s="27">
        <v>3355</v>
      </c>
      <c r="BC7" s="27">
        <v>2995</v>
      </c>
      <c r="BD7" s="27">
        <v>2993</v>
      </c>
      <c r="BE7" s="27">
        <v>2751</v>
      </c>
      <c r="BF7" s="27">
        <v>2657</v>
      </c>
      <c r="BG7" s="27">
        <v>2255</v>
      </c>
      <c r="BH7" s="13"/>
      <c r="BI7" s="16"/>
      <c r="BL7" s="24" t="s">
        <v>29</v>
      </c>
      <c r="BM7" s="27">
        <f t="shared" si="1"/>
        <v>1</v>
      </c>
      <c r="BN7" s="27">
        <f t="shared" si="2"/>
        <v>1</v>
      </c>
      <c r="BO7" s="27">
        <f t="shared" si="3"/>
        <v>0</v>
      </c>
      <c r="BP7" s="27">
        <f t="shared" si="4"/>
        <v>0</v>
      </c>
      <c r="BQ7" s="27">
        <f t="shared" si="5"/>
        <v>45</v>
      </c>
      <c r="BR7" s="27">
        <f t="shared" si="6"/>
        <v>34</v>
      </c>
      <c r="BS7" s="27">
        <f t="shared" si="7"/>
        <v>92</v>
      </c>
      <c r="BT7" s="27">
        <f t="shared" si="8"/>
        <v>-1</v>
      </c>
      <c r="BU7" s="27">
        <f t="shared" si="9"/>
        <v>-148</v>
      </c>
      <c r="BV7" s="27">
        <f t="shared" si="10"/>
        <v>-560</v>
      </c>
      <c r="BW7" s="27">
        <f t="shared" si="11"/>
        <v>-869</v>
      </c>
      <c r="BX7" s="27">
        <f t="shared" si="12"/>
        <v>-1250</v>
      </c>
      <c r="BY7" s="27">
        <f t="shared" si="13"/>
        <v>-1404</v>
      </c>
      <c r="BZ7" s="27">
        <f t="shared" si="14"/>
        <v>-2575</v>
      </c>
      <c r="CA7" s="27">
        <f t="shared" si="15"/>
        <v>-3961</v>
      </c>
      <c r="CB7" s="27">
        <f t="shared" si="16"/>
        <v>-4819</v>
      </c>
      <c r="CC7" s="27">
        <f t="shared" si="17"/>
        <v>0</v>
      </c>
      <c r="CD7" s="27">
        <f t="shared" si="18"/>
        <v>0</v>
      </c>
      <c r="CE7" s="27">
        <f t="shared" si="19"/>
        <v>-46</v>
      </c>
      <c r="CF7" s="27">
        <f t="shared" si="20"/>
        <v>0</v>
      </c>
      <c r="CG7" s="27">
        <f t="shared" si="21"/>
        <v>0</v>
      </c>
      <c r="CH7" s="27">
        <f t="shared" si="22"/>
        <v>0</v>
      </c>
      <c r="CI7" s="27">
        <f t="shared" si="23"/>
        <v>0</v>
      </c>
      <c r="CJ7" s="27">
        <f t="shared" si="24"/>
        <v>0</v>
      </c>
      <c r="CK7" s="27">
        <f t="shared" si="25"/>
        <v>0</v>
      </c>
      <c r="CL7" s="18"/>
    </row>
    <row r="8" spans="1:90" x14ac:dyDescent="0.7">
      <c r="A8" s="7"/>
      <c r="D8" s="24" t="s">
        <v>30</v>
      </c>
      <c r="E8" s="28">
        <v>352990</v>
      </c>
      <c r="F8" s="28">
        <v>361847</v>
      </c>
      <c r="G8" s="28">
        <v>408100</v>
      </c>
      <c r="H8" s="28">
        <v>394279</v>
      </c>
      <c r="I8" s="28">
        <v>311765</v>
      </c>
      <c r="J8" s="28">
        <v>387393</v>
      </c>
      <c r="K8" s="28">
        <v>424119</v>
      </c>
      <c r="L8" s="28">
        <v>421238</v>
      </c>
      <c r="M8" s="28">
        <v>366635</v>
      </c>
      <c r="N8" s="28">
        <v>420488</v>
      </c>
      <c r="O8" s="28">
        <v>427345</v>
      </c>
      <c r="P8" s="28">
        <v>416543</v>
      </c>
      <c r="Q8" s="28">
        <v>369881</v>
      </c>
      <c r="R8" s="28">
        <v>394013</v>
      </c>
      <c r="S8" s="28">
        <v>389449</v>
      </c>
      <c r="T8" s="28">
        <v>381730</v>
      </c>
      <c r="U8" s="28">
        <v>355335</v>
      </c>
      <c r="V8" s="28">
        <v>397504</v>
      </c>
      <c r="W8" s="28">
        <v>402305</v>
      </c>
      <c r="X8" s="28">
        <v>395903</v>
      </c>
      <c r="Y8" s="28">
        <v>363164</v>
      </c>
      <c r="Z8" s="28">
        <v>391224</v>
      </c>
      <c r="AA8" s="28">
        <v>401383</v>
      </c>
      <c r="AB8" s="28">
        <v>396534</v>
      </c>
      <c r="AC8" s="28">
        <v>359803</v>
      </c>
      <c r="AD8" s="7"/>
      <c r="AE8" s="13"/>
      <c r="AH8" s="24" t="s">
        <v>30</v>
      </c>
      <c r="AI8" s="27">
        <v>352991</v>
      </c>
      <c r="AJ8" s="27">
        <v>361846</v>
      </c>
      <c r="AK8" s="27">
        <v>408100</v>
      </c>
      <c r="AL8" s="27">
        <v>394278</v>
      </c>
      <c r="AM8" s="27">
        <v>312384</v>
      </c>
      <c r="AN8" s="27">
        <v>387362</v>
      </c>
      <c r="AO8" s="27">
        <v>427359</v>
      </c>
      <c r="AP8" s="27">
        <v>421243</v>
      </c>
      <c r="AQ8" s="27">
        <v>367005</v>
      </c>
      <c r="AR8" s="27">
        <v>421861</v>
      </c>
      <c r="AS8" s="27">
        <v>429484</v>
      </c>
      <c r="AT8" s="27">
        <v>418340</v>
      </c>
      <c r="AU8" s="27">
        <v>372085</v>
      </c>
      <c r="AV8" s="27">
        <v>398265</v>
      </c>
      <c r="AW8" s="27">
        <v>396918</v>
      </c>
      <c r="AX8" s="27">
        <v>390821</v>
      </c>
      <c r="AY8" s="27">
        <v>355335</v>
      </c>
      <c r="AZ8" s="27">
        <v>397504</v>
      </c>
      <c r="BA8" s="27">
        <v>401260</v>
      </c>
      <c r="BB8" s="27">
        <v>395305</v>
      </c>
      <c r="BC8" s="27">
        <v>355201</v>
      </c>
      <c r="BD8" s="27">
        <v>391224</v>
      </c>
      <c r="BE8" s="27">
        <v>401383</v>
      </c>
      <c r="BF8" s="27">
        <v>396534</v>
      </c>
      <c r="BG8" s="27">
        <v>359803</v>
      </c>
      <c r="BH8" s="13"/>
      <c r="BI8" s="16"/>
      <c r="BL8" s="24" t="s">
        <v>30</v>
      </c>
      <c r="BM8" s="27">
        <f t="shared" si="1"/>
        <v>1</v>
      </c>
      <c r="BN8" s="27">
        <f t="shared" si="2"/>
        <v>-1</v>
      </c>
      <c r="BO8" s="27">
        <f t="shared" si="3"/>
        <v>0</v>
      </c>
      <c r="BP8" s="27">
        <f t="shared" si="4"/>
        <v>-1</v>
      </c>
      <c r="BQ8" s="27">
        <f t="shared" si="5"/>
        <v>619</v>
      </c>
      <c r="BR8" s="27">
        <f t="shared" si="6"/>
        <v>-31</v>
      </c>
      <c r="BS8" s="27">
        <f t="shared" si="7"/>
        <v>3240</v>
      </c>
      <c r="BT8" s="27">
        <f t="shared" si="8"/>
        <v>5</v>
      </c>
      <c r="BU8" s="27">
        <f t="shared" si="9"/>
        <v>370</v>
      </c>
      <c r="BV8" s="27">
        <f t="shared" si="10"/>
        <v>1373</v>
      </c>
      <c r="BW8" s="27">
        <f t="shared" si="11"/>
        <v>2139</v>
      </c>
      <c r="BX8" s="27">
        <f t="shared" si="12"/>
        <v>1797</v>
      </c>
      <c r="BY8" s="27">
        <f t="shared" si="13"/>
        <v>2204</v>
      </c>
      <c r="BZ8" s="27">
        <f t="shared" si="14"/>
        <v>4252</v>
      </c>
      <c r="CA8" s="27">
        <f t="shared" si="15"/>
        <v>7469</v>
      </c>
      <c r="CB8" s="27">
        <f t="shared" si="16"/>
        <v>9091</v>
      </c>
      <c r="CC8" s="27">
        <f t="shared" si="17"/>
        <v>0</v>
      </c>
      <c r="CD8" s="27">
        <f t="shared" si="18"/>
        <v>0</v>
      </c>
      <c r="CE8" s="27">
        <f t="shared" si="19"/>
        <v>-1045</v>
      </c>
      <c r="CF8" s="27">
        <f t="shared" si="20"/>
        <v>-598</v>
      </c>
      <c r="CG8" s="27">
        <f t="shared" si="21"/>
        <v>-7963</v>
      </c>
      <c r="CH8" s="27">
        <f t="shared" si="22"/>
        <v>0</v>
      </c>
      <c r="CI8" s="27">
        <f t="shared" si="23"/>
        <v>0</v>
      </c>
      <c r="CJ8" s="27">
        <f t="shared" si="24"/>
        <v>0</v>
      </c>
      <c r="CK8" s="27">
        <f t="shared" si="25"/>
        <v>0</v>
      </c>
      <c r="CL8" s="18"/>
    </row>
    <row r="9" spans="1:90" x14ac:dyDescent="0.7">
      <c r="A9" s="7"/>
      <c r="D9" s="24" t="s">
        <v>31</v>
      </c>
      <c r="E9" s="28">
        <v>144691</v>
      </c>
      <c r="F9" s="28">
        <v>149512</v>
      </c>
      <c r="G9" s="28">
        <v>167629</v>
      </c>
      <c r="H9" s="28">
        <v>166826</v>
      </c>
      <c r="I9" s="28">
        <v>139980</v>
      </c>
      <c r="J9" s="28">
        <v>175210</v>
      </c>
      <c r="K9" s="28">
        <v>189811</v>
      </c>
      <c r="L9" s="28">
        <v>189583</v>
      </c>
      <c r="M9" s="28">
        <v>179279</v>
      </c>
      <c r="N9" s="28">
        <v>201803</v>
      </c>
      <c r="O9" s="28">
        <v>206912</v>
      </c>
      <c r="P9" s="28">
        <v>207933</v>
      </c>
      <c r="Q9" s="28">
        <v>217614</v>
      </c>
      <c r="R9" s="28">
        <v>245956</v>
      </c>
      <c r="S9" s="28">
        <v>251688</v>
      </c>
      <c r="T9" s="28">
        <v>250537</v>
      </c>
      <c r="U9" s="28">
        <v>239799</v>
      </c>
      <c r="V9" s="28">
        <v>274488</v>
      </c>
      <c r="W9" s="28">
        <v>287944</v>
      </c>
      <c r="X9" s="28">
        <v>288195</v>
      </c>
      <c r="Y9" s="28">
        <v>275562</v>
      </c>
      <c r="Z9" s="28">
        <v>308799</v>
      </c>
      <c r="AA9" s="28">
        <v>320851</v>
      </c>
      <c r="AB9" s="28">
        <v>327268</v>
      </c>
      <c r="AC9" s="28">
        <v>308981</v>
      </c>
      <c r="AD9" s="7"/>
      <c r="AE9" s="13"/>
      <c r="AH9" s="24" t="s">
        <v>31</v>
      </c>
      <c r="AI9" s="27">
        <v>144692</v>
      </c>
      <c r="AJ9" s="27">
        <v>149512</v>
      </c>
      <c r="AK9" s="27">
        <v>167628</v>
      </c>
      <c r="AL9" s="27">
        <v>166825</v>
      </c>
      <c r="AM9" s="27">
        <v>140059</v>
      </c>
      <c r="AN9" s="27">
        <v>175086</v>
      </c>
      <c r="AO9" s="27">
        <v>190438</v>
      </c>
      <c r="AP9" s="27">
        <v>189577</v>
      </c>
      <c r="AQ9" s="27">
        <v>179058</v>
      </c>
      <c r="AR9" s="27">
        <v>200991</v>
      </c>
      <c r="AS9" s="27">
        <v>205641</v>
      </c>
      <c r="AT9" s="27">
        <v>205940</v>
      </c>
      <c r="AU9" s="27">
        <v>215476</v>
      </c>
      <c r="AV9" s="27">
        <v>242772</v>
      </c>
      <c r="AW9" s="27">
        <v>246694</v>
      </c>
      <c r="AX9" s="27">
        <v>246301</v>
      </c>
      <c r="AY9" s="27">
        <v>239799</v>
      </c>
      <c r="AZ9" s="27">
        <v>274488</v>
      </c>
      <c r="BA9" s="27">
        <v>288211</v>
      </c>
      <c r="BB9" s="27">
        <v>288194</v>
      </c>
      <c r="BC9" s="27">
        <v>275562</v>
      </c>
      <c r="BD9" s="27">
        <v>308799</v>
      </c>
      <c r="BE9" s="27">
        <v>320851</v>
      </c>
      <c r="BF9" s="27">
        <v>322633</v>
      </c>
      <c r="BG9" s="27">
        <v>308981</v>
      </c>
      <c r="BH9" s="13"/>
      <c r="BI9" s="16"/>
      <c r="BL9" s="24" t="s">
        <v>31</v>
      </c>
      <c r="BM9" s="27">
        <f t="shared" si="1"/>
        <v>1</v>
      </c>
      <c r="BN9" s="27">
        <f t="shared" si="2"/>
        <v>0</v>
      </c>
      <c r="BO9" s="27">
        <f t="shared" si="3"/>
        <v>-1</v>
      </c>
      <c r="BP9" s="27">
        <f t="shared" si="4"/>
        <v>-1</v>
      </c>
      <c r="BQ9" s="27">
        <f t="shared" si="5"/>
        <v>79</v>
      </c>
      <c r="BR9" s="27">
        <f t="shared" si="6"/>
        <v>-124</v>
      </c>
      <c r="BS9" s="27">
        <f t="shared" si="7"/>
        <v>627</v>
      </c>
      <c r="BT9" s="27">
        <f t="shared" si="8"/>
        <v>-6</v>
      </c>
      <c r="BU9" s="27">
        <f t="shared" si="9"/>
        <v>-221</v>
      </c>
      <c r="BV9" s="27">
        <f t="shared" si="10"/>
        <v>-812</v>
      </c>
      <c r="BW9" s="27">
        <f t="shared" si="11"/>
        <v>-1271</v>
      </c>
      <c r="BX9" s="27">
        <f t="shared" si="12"/>
        <v>-1993</v>
      </c>
      <c r="BY9" s="27">
        <f t="shared" si="13"/>
        <v>-2138</v>
      </c>
      <c r="BZ9" s="27">
        <f t="shared" si="14"/>
        <v>-3184</v>
      </c>
      <c r="CA9" s="27">
        <f t="shared" si="15"/>
        <v>-4994</v>
      </c>
      <c r="CB9" s="27">
        <f t="shared" si="16"/>
        <v>-4236</v>
      </c>
      <c r="CC9" s="27">
        <f t="shared" si="17"/>
        <v>0</v>
      </c>
      <c r="CD9" s="27">
        <f t="shared" si="18"/>
        <v>0</v>
      </c>
      <c r="CE9" s="27">
        <f t="shared" si="19"/>
        <v>267</v>
      </c>
      <c r="CF9" s="27">
        <f t="shared" si="20"/>
        <v>-1</v>
      </c>
      <c r="CG9" s="27">
        <f t="shared" si="21"/>
        <v>0</v>
      </c>
      <c r="CH9" s="27">
        <f t="shared" si="22"/>
        <v>0</v>
      </c>
      <c r="CI9" s="27">
        <f t="shared" si="23"/>
        <v>0</v>
      </c>
      <c r="CJ9" s="27">
        <f t="shared" si="24"/>
        <v>-4635</v>
      </c>
      <c r="CK9" s="27">
        <f t="shared" si="25"/>
        <v>0</v>
      </c>
      <c r="CL9" s="18"/>
    </row>
    <row r="10" spans="1:90" x14ac:dyDescent="0.7">
      <c r="A10" s="7"/>
      <c r="D10" s="24" t="s">
        <v>32</v>
      </c>
      <c r="E10" s="28">
        <v>17551</v>
      </c>
      <c r="F10" s="28">
        <v>12999</v>
      </c>
      <c r="G10" s="28">
        <v>16278</v>
      </c>
      <c r="H10" s="28">
        <v>14738</v>
      </c>
      <c r="I10" s="28">
        <v>11847</v>
      </c>
      <c r="J10" s="28">
        <v>13897</v>
      </c>
      <c r="K10" s="28">
        <v>17218</v>
      </c>
      <c r="L10" s="28">
        <v>17746</v>
      </c>
      <c r="M10" s="28">
        <v>16264</v>
      </c>
      <c r="N10" s="28">
        <v>18972</v>
      </c>
      <c r="O10" s="28">
        <v>20417</v>
      </c>
      <c r="P10" s="28">
        <v>19972</v>
      </c>
      <c r="Q10" s="28">
        <v>19277</v>
      </c>
      <c r="R10" s="28">
        <v>20702</v>
      </c>
      <c r="S10" s="28">
        <v>22107</v>
      </c>
      <c r="T10" s="28">
        <v>21662</v>
      </c>
      <c r="U10" s="28">
        <v>20714</v>
      </c>
      <c r="V10" s="28">
        <v>22682</v>
      </c>
      <c r="W10" s="28">
        <v>24064</v>
      </c>
      <c r="X10" s="28">
        <v>23707</v>
      </c>
      <c r="Y10" s="28">
        <v>22306</v>
      </c>
      <c r="Z10" s="28">
        <v>23778</v>
      </c>
      <c r="AA10" s="28">
        <v>25783</v>
      </c>
      <c r="AB10" s="28">
        <v>25641</v>
      </c>
      <c r="AC10" s="28">
        <v>24665</v>
      </c>
      <c r="AD10" s="7"/>
      <c r="AE10" s="13"/>
      <c r="AH10" s="24" t="s">
        <v>32</v>
      </c>
      <c r="AI10" s="27">
        <v>17552</v>
      </c>
      <c r="AJ10" s="27">
        <v>12999</v>
      </c>
      <c r="AK10" s="27">
        <v>16278</v>
      </c>
      <c r="AL10" s="27">
        <v>14738</v>
      </c>
      <c r="AM10" s="27">
        <v>11892</v>
      </c>
      <c r="AN10" s="27">
        <v>13906</v>
      </c>
      <c r="AO10" s="27">
        <v>17322</v>
      </c>
      <c r="AP10" s="27">
        <v>17746</v>
      </c>
      <c r="AQ10" s="27">
        <v>16265</v>
      </c>
      <c r="AR10" s="27">
        <v>18971</v>
      </c>
      <c r="AS10" s="27">
        <v>20567</v>
      </c>
      <c r="AT10" s="27">
        <v>19961</v>
      </c>
      <c r="AU10" s="27">
        <v>19267</v>
      </c>
      <c r="AV10" s="27">
        <v>20692</v>
      </c>
      <c r="AW10" s="27">
        <v>22095</v>
      </c>
      <c r="AX10" s="27">
        <v>21663</v>
      </c>
      <c r="AY10" s="27">
        <v>20714</v>
      </c>
      <c r="AZ10" s="27">
        <v>22682</v>
      </c>
      <c r="BA10" s="27">
        <v>24298</v>
      </c>
      <c r="BB10" s="27">
        <v>23707</v>
      </c>
      <c r="BC10" s="27">
        <v>22306</v>
      </c>
      <c r="BD10" s="27">
        <v>23778</v>
      </c>
      <c r="BE10" s="27">
        <v>25788</v>
      </c>
      <c r="BF10" s="27">
        <v>25641</v>
      </c>
      <c r="BG10" s="27">
        <v>24665</v>
      </c>
      <c r="BH10" s="13"/>
      <c r="BI10" s="16"/>
      <c r="BL10" s="24" t="s">
        <v>32</v>
      </c>
      <c r="BM10" s="27">
        <f t="shared" si="1"/>
        <v>1</v>
      </c>
      <c r="BN10" s="27">
        <f t="shared" si="2"/>
        <v>0</v>
      </c>
      <c r="BO10" s="27">
        <f t="shared" si="3"/>
        <v>0</v>
      </c>
      <c r="BP10" s="27">
        <f t="shared" si="4"/>
        <v>0</v>
      </c>
      <c r="BQ10" s="27">
        <f t="shared" si="5"/>
        <v>45</v>
      </c>
      <c r="BR10" s="27">
        <f t="shared" si="6"/>
        <v>9</v>
      </c>
      <c r="BS10" s="27">
        <f t="shared" si="7"/>
        <v>104</v>
      </c>
      <c r="BT10" s="27">
        <f t="shared" si="8"/>
        <v>0</v>
      </c>
      <c r="BU10" s="27">
        <f t="shared" si="9"/>
        <v>1</v>
      </c>
      <c r="BV10" s="27">
        <f t="shared" si="10"/>
        <v>-1</v>
      </c>
      <c r="BW10" s="27">
        <f t="shared" si="11"/>
        <v>150</v>
      </c>
      <c r="BX10" s="27">
        <f t="shared" si="12"/>
        <v>-11</v>
      </c>
      <c r="BY10" s="27">
        <f t="shared" si="13"/>
        <v>-10</v>
      </c>
      <c r="BZ10" s="27">
        <f t="shared" si="14"/>
        <v>-10</v>
      </c>
      <c r="CA10" s="27">
        <f t="shared" si="15"/>
        <v>-12</v>
      </c>
      <c r="CB10" s="27">
        <f t="shared" si="16"/>
        <v>1</v>
      </c>
      <c r="CC10" s="27">
        <f t="shared" si="17"/>
        <v>0</v>
      </c>
      <c r="CD10" s="27">
        <f t="shared" si="18"/>
        <v>0</v>
      </c>
      <c r="CE10" s="27">
        <f t="shared" si="19"/>
        <v>234</v>
      </c>
      <c r="CF10" s="27">
        <f t="shared" si="20"/>
        <v>0</v>
      </c>
      <c r="CG10" s="27">
        <f t="shared" si="21"/>
        <v>0</v>
      </c>
      <c r="CH10" s="27">
        <f t="shared" si="22"/>
        <v>0</v>
      </c>
      <c r="CI10" s="27">
        <f t="shared" si="23"/>
        <v>5</v>
      </c>
      <c r="CJ10" s="27">
        <f t="shared" si="24"/>
        <v>0</v>
      </c>
      <c r="CK10" s="27">
        <f t="shared" si="25"/>
        <v>0</v>
      </c>
      <c r="CL10" s="18"/>
    </row>
    <row r="11" spans="1:90" x14ac:dyDescent="0.7">
      <c r="A11" s="7"/>
      <c r="D11" s="24" t="s">
        <v>33</v>
      </c>
      <c r="E11" s="28">
        <v>17551</v>
      </c>
      <c r="F11" s="28">
        <v>12999</v>
      </c>
      <c r="G11" s="28">
        <v>16278</v>
      </c>
      <c r="H11" s="28">
        <v>14738</v>
      </c>
      <c r="I11" s="28">
        <v>11847</v>
      </c>
      <c r="J11" s="28">
        <v>13897</v>
      </c>
      <c r="K11" s="28">
        <v>17218</v>
      </c>
      <c r="L11" s="28">
        <v>17746</v>
      </c>
      <c r="M11" s="28">
        <v>16264</v>
      </c>
      <c r="N11" s="28">
        <v>18972</v>
      </c>
      <c r="O11" s="28">
        <v>20417</v>
      </c>
      <c r="P11" s="28">
        <v>19972</v>
      </c>
      <c r="Q11" s="28">
        <v>19277</v>
      </c>
      <c r="R11" s="28">
        <v>20702</v>
      </c>
      <c r="S11" s="28">
        <v>22107</v>
      </c>
      <c r="T11" s="28">
        <v>21662</v>
      </c>
      <c r="U11" s="28">
        <v>20714</v>
      </c>
      <c r="V11" s="28">
        <v>22682</v>
      </c>
      <c r="W11" s="28">
        <v>24064</v>
      </c>
      <c r="X11" s="28">
        <v>23707</v>
      </c>
      <c r="Y11" s="28">
        <v>22306</v>
      </c>
      <c r="Z11" s="28">
        <v>23778</v>
      </c>
      <c r="AA11" s="28">
        <v>25783</v>
      </c>
      <c r="AB11" s="28">
        <v>25641</v>
      </c>
      <c r="AC11" s="28">
        <v>24665</v>
      </c>
      <c r="AD11" s="7"/>
      <c r="AE11" s="13"/>
      <c r="AH11" s="24" t="s">
        <v>33</v>
      </c>
      <c r="AI11" s="27">
        <v>17552</v>
      </c>
      <c r="AJ11" s="27">
        <v>12999</v>
      </c>
      <c r="AK11" s="27">
        <v>16278</v>
      </c>
      <c r="AL11" s="27">
        <v>14738</v>
      </c>
      <c r="AM11" s="27">
        <v>11892</v>
      </c>
      <c r="AN11" s="27">
        <v>13906</v>
      </c>
      <c r="AO11" s="27">
        <v>17322</v>
      </c>
      <c r="AP11" s="27">
        <v>17746</v>
      </c>
      <c r="AQ11" s="27">
        <v>16265</v>
      </c>
      <c r="AR11" s="27">
        <v>18971</v>
      </c>
      <c r="AS11" s="27">
        <v>20567</v>
      </c>
      <c r="AT11" s="27">
        <v>19961</v>
      </c>
      <c r="AU11" s="27">
        <v>19267</v>
      </c>
      <c r="AV11" s="27">
        <v>20692</v>
      </c>
      <c r="AW11" s="27">
        <v>22095</v>
      </c>
      <c r="AX11" s="27">
        <v>21663</v>
      </c>
      <c r="AY11" s="27">
        <v>20714</v>
      </c>
      <c r="AZ11" s="27">
        <v>22682</v>
      </c>
      <c r="BA11" s="27">
        <v>24298</v>
      </c>
      <c r="BB11" s="27">
        <v>23707</v>
      </c>
      <c r="BC11" s="27">
        <v>22306</v>
      </c>
      <c r="BD11" s="27">
        <v>23778</v>
      </c>
      <c r="BE11" s="27">
        <v>25788</v>
      </c>
      <c r="BF11" s="27">
        <v>25641</v>
      </c>
      <c r="BG11" s="27">
        <v>24665</v>
      </c>
      <c r="BH11" s="13"/>
      <c r="BI11" s="16"/>
      <c r="BL11" s="24" t="s">
        <v>33</v>
      </c>
      <c r="BM11" s="27">
        <f t="shared" si="1"/>
        <v>1</v>
      </c>
      <c r="BN11" s="27">
        <f t="shared" si="2"/>
        <v>0</v>
      </c>
      <c r="BO11" s="27">
        <f t="shared" si="3"/>
        <v>0</v>
      </c>
      <c r="BP11" s="27">
        <f t="shared" si="4"/>
        <v>0</v>
      </c>
      <c r="BQ11" s="27">
        <f t="shared" si="5"/>
        <v>45</v>
      </c>
      <c r="BR11" s="27">
        <f t="shared" si="6"/>
        <v>9</v>
      </c>
      <c r="BS11" s="27">
        <f t="shared" si="7"/>
        <v>104</v>
      </c>
      <c r="BT11" s="27">
        <f t="shared" si="8"/>
        <v>0</v>
      </c>
      <c r="BU11" s="27">
        <f t="shared" si="9"/>
        <v>1</v>
      </c>
      <c r="BV11" s="27">
        <f t="shared" si="10"/>
        <v>-1</v>
      </c>
      <c r="BW11" s="27">
        <f t="shared" si="11"/>
        <v>150</v>
      </c>
      <c r="BX11" s="27">
        <f t="shared" si="12"/>
        <v>-11</v>
      </c>
      <c r="BY11" s="27">
        <f t="shared" si="13"/>
        <v>-10</v>
      </c>
      <c r="BZ11" s="27">
        <f t="shared" si="14"/>
        <v>-10</v>
      </c>
      <c r="CA11" s="27">
        <f t="shared" si="15"/>
        <v>-12</v>
      </c>
      <c r="CB11" s="27">
        <f t="shared" si="16"/>
        <v>1</v>
      </c>
      <c r="CC11" s="27">
        <f t="shared" si="17"/>
        <v>0</v>
      </c>
      <c r="CD11" s="27">
        <f t="shared" si="18"/>
        <v>0</v>
      </c>
      <c r="CE11" s="27">
        <f t="shared" si="19"/>
        <v>234</v>
      </c>
      <c r="CF11" s="27">
        <f t="shared" si="20"/>
        <v>0</v>
      </c>
      <c r="CG11" s="27">
        <f t="shared" si="21"/>
        <v>0</v>
      </c>
      <c r="CH11" s="27">
        <f t="shared" si="22"/>
        <v>0</v>
      </c>
      <c r="CI11" s="27">
        <f t="shared" si="23"/>
        <v>5</v>
      </c>
      <c r="CJ11" s="27">
        <f t="shared" si="24"/>
        <v>0</v>
      </c>
      <c r="CK11" s="27">
        <f t="shared" si="25"/>
        <v>0</v>
      </c>
      <c r="CL11" s="18"/>
    </row>
    <row r="12" spans="1:90" x14ac:dyDescent="0.7">
      <c r="A12" s="7"/>
      <c r="C12" s="24" t="s">
        <v>46</v>
      </c>
      <c r="D12" s="24" t="s">
        <v>45</v>
      </c>
      <c r="E12" s="28">
        <v>507057</v>
      </c>
      <c r="F12" s="28">
        <v>519686</v>
      </c>
      <c r="G12" s="28">
        <v>584440</v>
      </c>
      <c r="H12" s="28">
        <v>567739</v>
      </c>
      <c r="I12" s="28">
        <v>456741</v>
      </c>
      <c r="J12" s="28">
        <v>567113</v>
      </c>
      <c r="K12" s="28">
        <v>618526</v>
      </c>
      <c r="L12" s="28">
        <v>613990</v>
      </c>
      <c r="M12" s="28">
        <v>548106</v>
      </c>
      <c r="N12" s="28">
        <v>624165</v>
      </c>
      <c r="O12" s="28">
        <v>637005</v>
      </c>
      <c r="P12" s="28">
        <v>626330</v>
      </c>
      <c r="Q12" s="28">
        <v>592597</v>
      </c>
      <c r="R12" s="28">
        <v>653361</v>
      </c>
      <c r="S12" s="28">
        <v>657596</v>
      </c>
      <c r="T12" s="28">
        <v>647935</v>
      </c>
      <c r="U12" s="28">
        <v>605066</v>
      </c>
      <c r="V12" s="28">
        <v>682679</v>
      </c>
      <c r="W12" s="28">
        <v>703149</v>
      </c>
      <c r="X12" s="28">
        <v>695115</v>
      </c>
      <c r="Y12" s="28">
        <v>648454</v>
      </c>
      <c r="Z12" s="28">
        <v>710628</v>
      </c>
      <c r="AA12" s="28">
        <v>735556</v>
      </c>
      <c r="AB12" s="28">
        <v>735549</v>
      </c>
      <c r="AC12" s="28">
        <v>679896</v>
      </c>
      <c r="AD12" s="7"/>
      <c r="AE12" s="13"/>
      <c r="AG12" s="24" t="s">
        <v>46</v>
      </c>
      <c r="AH12" s="24" t="s">
        <v>45</v>
      </c>
      <c r="AI12" s="27">
        <v>507077</v>
      </c>
      <c r="AJ12" s="27">
        <v>519710</v>
      </c>
      <c r="AK12" s="27">
        <v>584463</v>
      </c>
      <c r="AL12" s="27">
        <v>567757</v>
      </c>
      <c r="AM12" s="27">
        <v>457546</v>
      </c>
      <c r="AN12" s="27">
        <v>567024</v>
      </c>
      <c r="AO12" s="27">
        <v>622610</v>
      </c>
      <c r="AP12" s="27">
        <v>614009</v>
      </c>
      <c r="AQ12" s="27">
        <v>548127</v>
      </c>
      <c r="AR12" s="27">
        <v>624193</v>
      </c>
      <c r="AS12" s="27">
        <v>637185</v>
      </c>
      <c r="AT12" s="27">
        <v>624920</v>
      </c>
      <c r="AU12" s="27">
        <v>591291</v>
      </c>
      <c r="AV12" s="27">
        <v>651883</v>
      </c>
      <c r="AW12" s="27">
        <v>656139</v>
      </c>
      <c r="AX12" s="27">
        <v>647995</v>
      </c>
      <c r="AY12" s="27">
        <v>605071</v>
      </c>
      <c r="AZ12" s="27">
        <v>682684</v>
      </c>
      <c r="BA12" s="27">
        <v>702605</v>
      </c>
      <c r="BB12" s="27">
        <v>694525</v>
      </c>
      <c r="BC12" s="27">
        <v>640603</v>
      </c>
      <c r="BD12" s="27">
        <v>710628</v>
      </c>
      <c r="BE12" s="27">
        <v>735561</v>
      </c>
      <c r="BF12" s="27">
        <v>731053</v>
      </c>
      <c r="BG12" s="27">
        <v>679896</v>
      </c>
      <c r="BH12" s="13"/>
      <c r="BI12" s="16"/>
      <c r="BK12" s="24" t="s">
        <v>46</v>
      </c>
      <c r="BL12" s="24" t="s">
        <v>45</v>
      </c>
      <c r="BM12" s="27">
        <f t="shared" si="1"/>
        <v>20</v>
      </c>
      <c r="BN12" s="27">
        <f t="shared" si="2"/>
        <v>24</v>
      </c>
      <c r="BO12" s="27">
        <f t="shared" si="3"/>
        <v>23</v>
      </c>
      <c r="BP12" s="27">
        <f t="shared" si="4"/>
        <v>18</v>
      </c>
      <c r="BQ12" s="27">
        <f t="shared" si="5"/>
        <v>805</v>
      </c>
      <c r="BR12" s="27">
        <f t="shared" si="6"/>
        <v>-89</v>
      </c>
      <c r="BS12" s="27">
        <f t="shared" si="7"/>
        <v>4084</v>
      </c>
      <c r="BT12" s="27">
        <f t="shared" si="8"/>
        <v>19</v>
      </c>
      <c r="BU12" s="27">
        <f t="shared" si="9"/>
        <v>21</v>
      </c>
      <c r="BV12" s="27">
        <f t="shared" si="10"/>
        <v>28</v>
      </c>
      <c r="BW12" s="27">
        <f t="shared" si="11"/>
        <v>180</v>
      </c>
      <c r="BX12" s="27">
        <f t="shared" si="12"/>
        <v>-1410</v>
      </c>
      <c r="BY12" s="27">
        <f t="shared" si="13"/>
        <v>-1306</v>
      </c>
      <c r="BZ12" s="27">
        <f t="shared" si="14"/>
        <v>-1478</v>
      </c>
      <c r="CA12" s="27">
        <f t="shared" si="15"/>
        <v>-1457</v>
      </c>
      <c r="CB12" s="27">
        <f t="shared" si="16"/>
        <v>60</v>
      </c>
      <c r="CC12" s="27">
        <f t="shared" si="17"/>
        <v>5</v>
      </c>
      <c r="CD12" s="27">
        <f t="shared" si="18"/>
        <v>5</v>
      </c>
      <c r="CE12" s="27">
        <f t="shared" si="19"/>
        <v>-544</v>
      </c>
      <c r="CF12" s="27">
        <f t="shared" si="20"/>
        <v>-590</v>
      </c>
      <c r="CG12" s="27">
        <f t="shared" si="21"/>
        <v>-7851</v>
      </c>
      <c r="CH12" s="27">
        <f t="shared" si="22"/>
        <v>0</v>
      </c>
      <c r="CI12" s="27">
        <f t="shared" si="23"/>
        <v>5</v>
      </c>
      <c r="CJ12" s="27">
        <f t="shared" si="24"/>
        <v>-4496</v>
      </c>
      <c r="CK12" s="27">
        <f t="shared" si="25"/>
        <v>0</v>
      </c>
      <c r="CL12" s="18"/>
    </row>
    <row r="13" spans="1:90" x14ac:dyDescent="0.7">
      <c r="A13" s="7"/>
      <c r="D13" s="24" t="s">
        <v>28</v>
      </c>
      <c r="E13" s="28">
        <v>493926</v>
      </c>
      <c r="F13" s="28">
        <v>508521</v>
      </c>
      <c r="G13" s="28">
        <v>570763</v>
      </c>
      <c r="H13" s="28">
        <v>555499</v>
      </c>
      <c r="I13" s="28">
        <v>446757</v>
      </c>
      <c r="J13" s="28">
        <v>555690</v>
      </c>
      <c r="K13" s="28">
        <v>604433</v>
      </c>
      <c r="L13" s="28">
        <v>600040</v>
      </c>
      <c r="M13" s="28">
        <v>535424</v>
      </c>
      <c r="N13" s="28">
        <v>609767</v>
      </c>
      <c r="O13" s="28">
        <v>620795</v>
      </c>
      <c r="P13" s="28">
        <v>611010</v>
      </c>
      <c r="Q13" s="28">
        <v>578077</v>
      </c>
      <c r="R13" s="28">
        <v>637490</v>
      </c>
      <c r="S13" s="28">
        <v>639819</v>
      </c>
      <c r="T13" s="28">
        <v>631093</v>
      </c>
      <c r="U13" s="28">
        <v>589168</v>
      </c>
      <c r="V13" s="28">
        <v>665197</v>
      </c>
      <c r="W13" s="28">
        <v>683584</v>
      </c>
      <c r="X13" s="28">
        <v>676403</v>
      </c>
      <c r="Y13" s="28">
        <v>631167</v>
      </c>
      <c r="Z13" s="28">
        <v>691973</v>
      </c>
      <c r="AA13" s="28">
        <v>714389</v>
      </c>
      <c r="AB13" s="28">
        <v>715045</v>
      </c>
      <c r="AC13" s="28">
        <v>660342</v>
      </c>
      <c r="AD13" s="7"/>
      <c r="AE13" s="13"/>
      <c r="AH13" s="24" t="s">
        <v>28</v>
      </c>
      <c r="AI13" s="27">
        <v>493946</v>
      </c>
      <c r="AJ13" s="27">
        <v>508546</v>
      </c>
      <c r="AK13" s="27">
        <v>570785</v>
      </c>
      <c r="AL13" s="27">
        <v>555518</v>
      </c>
      <c r="AM13" s="27">
        <v>447518</v>
      </c>
      <c r="AN13" s="27">
        <v>555592</v>
      </c>
      <c r="AO13" s="27">
        <v>608413</v>
      </c>
      <c r="AP13" s="27">
        <v>600058</v>
      </c>
      <c r="AQ13" s="27">
        <v>535444</v>
      </c>
      <c r="AR13" s="27">
        <v>609796</v>
      </c>
      <c r="AS13" s="27">
        <v>620824</v>
      </c>
      <c r="AT13" s="27">
        <v>609610</v>
      </c>
      <c r="AU13" s="27">
        <v>576779</v>
      </c>
      <c r="AV13" s="27">
        <v>636021</v>
      </c>
      <c r="AW13" s="27">
        <v>638373</v>
      </c>
      <c r="AX13" s="27">
        <v>631152</v>
      </c>
      <c r="AY13" s="27">
        <v>589172</v>
      </c>
      <c r="AZ13" s="27">
        <v>665202</v>
      </c>
      <c r="BA13" s="27">
        <v>682803</v>
      </c>
      <c r="BB13" s="27">
        <v>675813</v>
      </c>
      <c r="BC13" s="27">
        <v>623316</v>
      </c>
      <c r="BD13" s="27">
        <v>691973</v>
      </c>
      <c r="BE13" s="27">
        <v>714389</v>
      </c>
      <c r="BF13" s="27">
        <v>710549</v>
      </c>
      <c r="BG13" s="27">
        <v>660342</v>
      </c>
      <c r="BH13" s="13"/>
      <c r="BI13" s="16"/>
      <c r="BL13" s="24" t="s">
        <v>28</v>
      </c>
      <c r="BM13" s="27">
        <f t="shared" si="1"/>
        <v>20</v>
      </c>
      <c r="BN13" s="27">
        <f t="shared" si="2"/>
        <v>25</v>
      </c>
      <c r="BO13" s="27">
        <f t="shared" si="3"/>
        <v>22</v>
      </c>
      <c r="BP13" s="27">
        <f t="shared" si="4"/>
        <v>19</v>
      </c>
      <c r="BQ13" s="27">
        <f t="shared" si="5"/>
        <v>761</v>
      </c>
      <c r="BR13" s="27">
        <f t="shared" si="6"/>
        <v>-98</v>
      </c>
      <c r="BS13" s="27">
        <f t="shared" si="7"/>
        <v>3980</v>
      </c>
      <c r="BT13" s="27">
        <f t="shared" si="8"/>
        <v>18</v>
      </c>
      <c r="BU13" s="27">
        <f t="shared" si="9"/>
        <v>20</v>
      </c>
      <c r="BV13" s="27">
        <f t="shared" si="10"/>
        <v>29</v>
      </c>
      <c r="BW13" s="27">
        <f t="shared" si="11"/>
        <v>29</v>
      </c>
      <c r="BX13" s="27">
        <f t="shared" si="12"/>
        <v>-1400</v>
      </c>
      <c r="BY13" s="27">
        <f t="shared" si="13"/>
        <v>-1298</v>
      </c>
      <c r="BZ13" s="27">
        <f t="shared" si="14"/>
        <v>-1469</v>
      </c>
      <c r="CA13" s="27">
        <f t="shared" si="15"/>
        <v>-1446</v>
      </c>
      <c r="CB13" s="27">
        <f t="shared" si="16"/>
        <v>59</v>
      </c>
      <c r="CC13" s="27">
        <f t="shared" si="17"/>
        <v>4</v>
      </c>
      <c r="CD13" s="27">
        <f t="shared" si="18"/>
        <v>5</v>
      </c>
      <c r="CE13" s="27">
        <f t="shared" si="19"/>
        <v>-781</v>
      </c>
      <c r="CF13" s="27">
        <f t="shared" si="20"/>
        <v>-590</v>
      </c>
      <c r="CG13" s="27">
        <f t="shared" si="21"/>
        <v>-7851</v>
      </c>
      <c r="CH13" s="27">
        <f t="shared" si="22"/>
        <v>0</v>
      </c>
      <c r="CI13" s="27">
        <f t="shared" si="23"/>
        <v>0</v>
      </c>
      <c r="CJ13" s="27">
        <f t="shared" si="24"/>
        <v>-4496</v>
      </c>
      <c r="CK13" s="27">
        <f t="shared" si="25"/>
        <v>0</v>
      </c>
      <c r="CL13" s="18"/>
    </row>
    <row r="14" spans="1:90" x14ac:dyDescent="0.7">
      <c r="A14" s="7"/>
      <c r="D14" s="24" t="s">
        <v>29</v>
      </c>
      <c r="E14" s="28">
        <v>9509</v>
      </c>
      <c r="F14" s="28">
        <v>9655</v>
      </c>
      <c r="G14" s="28">
        <v>9932</v>
      </c>
      <c r="H14" s="28">
        <v>9347</v>
      </c>
      <c r="I14" s="28">
        <v>7491</v>
      </c>
      <c r="J14" s="28">
        <v>8238</v>
      </c>
      <c r="K14" s="28">
        <v>8061</v>
      </c>
      <c r="L14" s="28">
        <v>7567</v>
      </c>
      <c r="M14" s="28">
        <v>6577</v>
      </c>
      <c r="N14" s="28">
        <v>7195</v>
      </c>
      <c r="O14" s="28">
        <v>6980</v>
      </c>
      <c r="P14" s="28">
        <v>7078</v>
      </c>
      <c r="Q14" s="28">
        <v>6438</v>
      </c>
      <c r="R14" s="28">
        <v>7586</v>
      </c>
      <c r="S14" s="28">
        <v>8423</v>
      </c>
      <c r="T14" s="28">
        <v>9188</v>
      </c>
      <c r="U14" s="28">
        <v>3720</v>
      </c>
      <c r="V14" s="28">
        <v>3793</v>
      </c>
      <c r="W14" s="28">
        <v>3519</v>
      </c>
      <c r="X14" s="28">
        <v>3264</v>
      </c>
      <c r="Y14" s="28">
        <v>2915</v>
      </c>
      <c r="Z14" s="28">
        <v>2926</v>
      </c>
      <c r="AA14" s="28">
        <v>2715</v>
      </c>
      <c r="AB14" s="28">
        <v>2643</v>
      </c>
      <c r="AC14" s="28">
        <v>2247</v>
      </c>
      <c r="AD14" s="7"/>
      <c r="AE14" s="13"/>
      <c r="AH14" s="24" t="s">
        <v>29</v>
      </c>
      <c r="AI14" s="27">
        <v>9511</v>
      </c>
      <c r="AJ14" s="27">
        <v>9657</v>
      </c>
      <c r="AK14" s="27">
        <v>9933</v>
      </c>
      <c r="AL14" s="27">
        <v>9349</v>
      </c>
      <c r="AM14" s="27">
        <v>7536</v>
      </c>
      <c r="AN14" s="27">
        <v>8272</v>
      </c>
      <c r="AO14" s="27">
        <v>8152</v>
      </c>
      <c r="AP14" s="27">
        <v>7566</v>
      </c>
      <c r="AQ14" s="27">
        <v>6429</v>
      </c>
      <c r="AR14" s="27">
        <v>6636</v>
      </c>
      <c r="AS14" s="27">
        <v>6111</v>
      </c>
      <c r="AT14" s="27">
        <v>5827</v>
      </c>
      <c r="AU14" s="27">
        <v>5034</v>
      </c>
      <c r="AV14" s="27">
        <v>5011</v>
      </c>
      <c r="AW14" s="27">
        <v>4462</v>
      </c>
      <c r="AX14" s="27">
        <v>4370</v>
      </c>
      <c r="AY14" s="27">
        <v>3720</v>
      </c>
      <c r="AZ14" s="27">
        <v>3793</v>
      </c>
      <c r="BA14" s="27">
        <v>3475</v>
      </c>
      <c r="BB14" s="27">
        <v>3264</v>
      </c>
      <c r="BC14" s="27">
        <v>2915</v>
      </c>
      <c r="BD14" s="27">
        <v>2926</v>
      </c>
      <c r="BE14" s="27">
        <v>2715</v>
      </c>
      <c r="BF14" s="27">
        <v>2643</v>
      </c>
      <c r="BG14" s="27">
        <v>2247</v>
      </c>
      <c r="BH14" s="13"/>
      <c r="BI14" s="16"/>
      <c r="BL14" s="24" t="s">
        <v>29</v>
      </c>
      <c r="BM14" s="27">
        <f t="shared" si="1"/>
        <v>2</v>
      </c>
      <c r="BN14" s="27">
        <f t="shared" si="2"/>
        <v>2</v>
      </c>
      <c r="BO14" s="27">
        <f t="shared" si="3"/>
        <v>1</v>
      </c>
      <c r="BP14" s="27">
        <f t="shared" si="4"/>
        <v>2</v>
      </c>
      <c r="BQ14" s="27">
        <f t="shared" si="5"/>
        <v>45</v>
      </c>
      <c r="BR14" s="27">
        <f t="shared" si="6"/>
        <v>34</v>
      </c>
      <c r="BS14" s="27">
        <f t="shared" si="7"/>
        <v>91</v>
      </c>
      <c r="BT14" s="27">
        <f t="shared" si="8"/>
        <v>-1</v>
      </c>
      <c r="BU14" s="27">
        <f t="shared" si="9"/>
        <v>-148</v>
      </c>
      <c r="BV14" s="27">
        <f t="shared" si="10"/>
        <v>-559</v>
      </c>
      <c r="BW14" s="27">
        <f t="shared" si="11"/>
        <v>-869</v>
      </c>
      <c r="BX14" s="27">
        <f t="shared" si="12"/>
        <v>-1251</v>
      </c>
      <c r="BY14" s="27">
        <f t="shared" si="13"/>
        <v>-1404</v>
      </c>
      <c r="BZ14" s="27">
        <f t="shared" si="14"/>
        <v>-2575</v>
      </c>
      <c r="CA14" s="27">
        <f t="shared" si="15"/>
        <v>-3961</v>
      </c>
      <c r="CB14" s="27">
        <f t="shared" si="16"/>
        <v>-4818</v>
      </c>
      <c r="CC14" s="27">
        <f t="shared" si="17"/>
        <v>0</v>
      </c>
      <c r="CD14" s="27">
        <f t="shared" si="18"/>
        <v>0</v>
      </c>
      <c r="CE14" s="27">
        <f t="shared" si="19"/>
        <v>-44</v>
      </c>
      <c r="CF14" s="27">
        <f t="shared" si="20"/>
        <v>0</v>
      </c>
      <c r="CG14" s="27">
        <f t="shared" si="21"/>
        <v>0</v>
      </c>
      <c r="CH14" s="27">
        <f t="shared" si="22"/>
        <v>0</v>
      </c>
      <c r="CI14" s="27">
        <f t="shared" si="23"/>
        <v>0</v>
      </c>
      <c r="CJ14" s="27">
        <f t="shared" si="24"/>
        <v>0</v>
      </c>
      <c r="CK14" s="27">
        <f t="shared" si="25"/>
        <v>0</v>
      </c>
      <c r="CL14" s="18"/>
    </row>
    <row r="15" spans="1:90" x14ac:dyDescent="0.7">
      <c r="A15" s="7"/>
      <c r="D15" s="24" t="s">
        <v>30</v>
      </c>
      <c r="E15" s="28">
        <v>341749</v>
      </c>
      <c r="F15" s="28">
        <v>351323</v>
      </c>
      <c r="G15" s="28">
        <v>395507</v>
      </c>
      <c r="H15" s="28">
        <v>381706</v>
      </c>
      <c r="I15" s="28">
        <v>301253</v>
      </c>
      <c r="J15" s="28">
        <v>374624</v>
      </c>
      <c r="K15" s="28">
        <v>409111</v>
      </c>
      <c r="L15" s="28">
        <v>405655</v>
      </c>
      <c r="M15" s="28">
        <v>352175</v>
      </c>
      <c r="N15" s="28">
        <v>403692</v>
      </c>
      <c r="O15" s="28">
        <v>409824</v>
      </c>
      <c r="P15" s="28">
        <v>399352</v>
      </c>
      <c r="Q15" s="28">
        <v>357818</v>
      </c>
      <c r="R15" s="28">
        <v>388091</v>
      </c>
      <c r="S15" s="28">
        <v>384035</v>
      </c>
      <c r="T15" s="28">
        <v>376162</v>
      </c>
      <c r="U15" s="28">
        <v>350243</v>
      </c>
      <c r="V15" s="28">
        <v>392055</v>
      </c>
      <c r="W15" s="28">
        <v>397158</v>
      </c>
      <c r="X15" s="28">
        <v>390467</v>
      </c>
      <c r="Y15" s="28">
        <v>358096</v>
      </c>
      <c r="Z15" s="28">
        <v>386673</v>
      </c>
      <c r="AA15" s="28">
        <v>398699</v>
      </c>
      <c r="AB15" s="28">
        <v>394984</v>
      </c>
      <c r="AC15" s="28">
        <v>358823</v>
      </c>
      <c r="AD15" s="7"/>
      <c r="AE15" s="13"/>
      <c r="AH15" s="24" t="s">
        <v>30</v>
      </c>
      <c r="AI15" s="27">
        <v>341767</v>
      </c>
      <c r="AJ15" s="27">
        <v>351344</v>
      </c>
      <c r="AK15" s="27">
        <v>395526</v>
      </c>
      <c r="AL15" s="27">
        <v>381722</v>
      </c>
      <c r="AM15" s="27">
        <v>301886</v>
      </c>
      <c r="AN15" s="27">
        <v>374610</v>
      </c>
      <c r="AO15" s="27">
        <v>412373</v>
      </c>
      <c r="AP15" s="27">
        <v>405678</v>
      </c>
      <c r="AQ15" s="27">
        <v>352563</v>
      </c>
      <c r="AR15" s="27">
        <v>405092</v>
      </c>
      <c r="AS15" s="27">
        <v>411995</v>
      </c>
      <c r="AT15" s="27">
        <v>401198</v>
      </c>
      <c r="AU15" s="27">
        <v>360066</v>
      </c>
      <c r="AV15" s="27">
        <v>392386</v>
      </c>
      <c r="AW15" s="27">
        <v>391555</v>
      </c>
      <c r="AX15" s="27">
        <v>385290</v>
      </c>
      <c r="AY15" s="27">
        <v>350246</v>
      </c>
      <c r="AZ15" s="27">
        <v>392056</v>
      </c>
      <c r="BA15" s="27">
        <v>396152</v>
      </c>
      <c r="BB15" s="27">
        <v>389877</v>
      </c>
      <c r="BC15" s="27">
        <v>350244</v>
      </c>
      <c r="BD15" s="27">
        <v>386673</v>
      </c>
      <c r="BE15" s="27">
        <v>398699</v>
      </c>
      <c r="BF15" s="27">
        <v>394984</v>
      </c>
      <c r="BG15" s="27">
        <v>358823</v>
      </c>
      <c r="BH15" s="13"/>
      <c r="BI15" s="16"/>
      <c r="BL15" s="24" t="s">
        <v>30</v>
      </c>
      <c r="BM15" s="27">
        <f t="shared" si="1"/>
        <v>18</v>
      </c>
      <c r="BN15" s="27">
        <f t="shared" si="2"/>
        <v>21</v>
      </c>
      <c r="BO15" s="27">
        <f t="shared" si="3"/>
        <v>19</v>
      </c>
      <c r="BP15" s="27">
        <f t="shared" si="4"/>
        <v>16</v>
      </c>
      <c r="BQ15" s="27">
        <f t="shared" si="5"/>
        <v>633</v>
      </c>
      <c r="BR15" s="27">
        <f t="shared" si="6"/>
        <v>-14</v>
      </c>
      <c r="BS15" s="27">
        <f t="shared" si="7"/>
        <v>3262</v>
      </c>
      <c r="BT15" s="27">
        <f t="shared" si="8"/>
        <v>23</v>
      </c>
      <c r="BU15" s="27">
        <f t="shared" si="9"/>
        <v>388</v>
      </c>
      <c r="BV15" s="27">
        <f t="shared" si="10"/>
        <v>1400</v>
      </c>
      <c r="BW15" s="27">
        <f t="shared" si="11"/>
        <v>2171</v>
      </c>
      <c r="BX15" s="27">
        <f t="shared" si="12"/>
        <v>1846</v>
      </c>
      <c r="BY15" s="27">
        <f t="shared" si="13"/>
        <v>2248</v>
      </c>
      <c r="BZ15" s="27">
        <f t="shared" si="14"/>
        <v>4295</v>
      </c>
      <c r="CA15" s="27">
        <f t="shared" si="15"/>
        <v>7520</v>
      </c>
      <c r="CB15" s="27">
        <f t="shared" si="16"/>
        <v>9128</v>
      </c>
      <c r="CC15" s="27">
        <f t="shared" si="17"/>
        <v>3</v>
      </c>
      <c r="CD15" s="27">
        <f t="shared" si="18"/>
        <v>1</v>
      </c>
      <c r="CE15" s="27">
        <f t="shared" si="19"/>
        <v>-1006</v>
      </c>
      <c r="CF15" s="27">
        <f t="shared" si="20"/>
        <v>-590</v>
      </c>
      <c r="CG15" s="27">
        <f t="shared" si="21"/>
        <v>-7852</v>
      </c>
      <c r="CH15" s="27">
        <f t="shared" si="22"/>
        <v>0</v>
      </c>
      <c r="CI15" s="27">
        <f t="shared" si="23"/>
        <v>0</v>
      </c>
      <c r="CJ15" s="27">
        <f t="shared" si="24"/>
        <v>0</v>
      </c>
      <c r="CK15" s="27">
        <f t="shared" si="25"/>
        <v>0</v>
      </c>
      <c r="CL15" s="18"/>
    </row>
    <row r="16" spans="1:90" x14ac:dyDescent="0.7">
      <c r="A16" s="7"/>
      <c r="D16" s="24" t="s">
        <v>31</v>
      </c>
      <c r="E16" s="28">
        <v>142668</v>
      </c>
      <c r="F16" s="28">
        <v>147543</v>
      </c>
      <c r="G16" s="28">
        <v>165324</v>
      </c>
      <c r="H16" s="28">
        <v>164446</v>
      </c>
      <c r="I16" s="28">
        <v>138013</v>
      </c>
      <c r="J16" s="28">
        <v>172828</v>
      </c>
      <c r="K16" s="28">
        <v>187261</v>
      </c>
      <c r="L16" s="28">
        <v>186818</v>
      </c>
      <c r="M16" s="28">
        <v>176672</v>
      </c>
      <c r="N16" s="28">
        <v>198880</v>
      </c>
      <c r="O16" s="28">
        <v>203991</v>
      </c>
      <c r="P16" s="28">
        <v>204580</v>
      </c>
      <c r="Q16" s="28">
        <v>213821</v>
      </c>
      <c r="R16" s="28">
        <v>241813</v>
      </c>
      <c r="S16" s="28">
        <v>247362</v>
      </c>
      <c r="T16" s="28">
        <v>245743</v>
      </c>
      <c r="U16" s="28">
        <v>235204</v>
      </c>
      <c r="V16" s="28">
        <v>269350</v>
      </c>
      <c r="W16" s="28">
        <v>282908</v>
      </c>
      <c r="X16" s="28">
        <v>282672</v>
      </c>
      <c r="Y16" s="28">
        <v>270156</v>
      </c>
      <c r="Z16" s="28">
        <v>302374</v>
      </c>
      <c r="AA16" s="28">
        <v>312976</v>
      </c>
      <c r="AB16" s="28">
        <v>317418</v>
      </c>
      <c r="AC16" s="28">
        <v>299273</v>
      </c>
      <c r="AD16" s="7"/>
      <c r="AE16" s="13"/>
      <c r="AH16" s="24" t="s">
        <v>31</v>
      </c>
      <c r="AI16" s="27">
        <v>142669</v>
      </c>
      <c r="AJ16" s="27">
        <v>147545</v>
      </c>
      <c r="AK16" s="27">
        <v>165326</v>
      </c>
      <c r="AL16" s="27">
        <v>164447</v>
      </c>
      <c r="AM16" s="27">
        <v>138095</v>
      </c>
      <c r="AN16" s="27">
        <v>172709</v>
      </c>
      <c r="AO16" s="27">
        <v>187888</v>
      </c>
      <c r="AP16" s="27">
        <v>186815</v>
      </c>
      <c r="AQ16" s="27">
        <v>176452</v>
      </c>
      <c r="AR16" s="27">
        <v>198068</v>
      </c>
      <c r="AS16" s="27">
        <v>202718</v>
      </c>
      <c r="AT16" s="27">
        <v>202585</v>
      </c>
      <c r="AU16" s="27">
        <v>211679</v>
      </c>
      <c r="AV16" s="27">
        <v>238624</v>
      </c>
      <c r="AW16" s="27">
        <v>242355</v>
      </c>
      <c r="AX16" s="27">
        <v>241493</v>
      </c>
      <c r="AY16" s="27">
        <v>235207</v>
      </c>
      <c r="AZ16" s="27">
        <v>269353</v>
      </c>
      <c r="BA16" s="27">
        <v>283176</v>
      </c>
      <c r="BB16" s="27">
        <v>282671</v>
      </c>
      <c r="BC16" s="27">
        <v>270157</v>
      </c>
      <c r="BD16" s="27">
        <v>302374</v>
      </c>
      <c r="BE16" s="27">
        <v>312976</v>
      </c>
      <c r="BF16" s="27">
        <v>312922</v>
      </c>
      <c r="BG16" s="27">
        <v>299273</v>
      </c>
      <c r="BH16" s="13"/>
      <c r="BI16" s="16"/>
      <c r="BL16" s="24" t="s">
        <v>31</v>
      </c>
      <c r="BM16" s="27">
        <f t="shared" si="1"/>
        <v>1</v>
      </c>
      <c r="BN16" s="27">
        <f t="shared" si="2"/>
        <v>2</v>
      </c>
      <c r="BO16" s="27">
        <f t="shared" si="3"/>
        <v>2</v>
      </c>
      <c r="BP16" s="27">
        <f t="shared" si="4"/>
        <v>1</v>
      </c>
      <c r="BQ16" s="27">
        <f t="shared" si="5"/>
        <v>82</v>
      </c>
      <c r="BR16" s="27">
        <f t="shared" si="6"/>
        <v>-119</v>
      </c>
      <c r="BS16" s="27">
        <f t="shared" si="7"/>
        <v>627</v>
      </c>
      <c r="BT16" s="27">
        <f t="shared" si="8"/>
        <v>-3</v>
      </c>
      <c r="BU16" s="27">
        <f t="shared" si="9"/>
        <v>-220</v>
      </c>
      <c r="BV16" s="27">
        <f t="shared" si="10"/>
        <v>-812</v>
      </c>
      <c r="BW16" s="27">
        <f t="shared" si="11"/>
        <v>-1273</v>
      </c>
      <c r="BX16" s="27">
        <f t="shared" si="12"/>
        <v>-1995</v>
      </c>
      <c r="BY16" s="27">
        <f t="shared" si="13"/>
        <v>-2142</v>
      </c>
      <c r="BZ16" s="27">
        <f t="shared" si="14"/>
        <v>-3189</v>
      </c>
      <c r="CA16" s="27">
        <f t="shared" si="15"/>
        <v>-5007</v>
      </c>
      <c r="CB16" s="27">
        <f t="shared" si="16"/>
        <v>-4250</v>
      </c>
      <c r="CC16" s="27">
        <f t="shared" si="17"/>
        <v>3</v>
      </c>
      <c r="CD16" s="27">
        <f t="shared" si="18"/>
        <v>3</v>
      </c>
      <c r="CE16" s="27">
        <f t="shared" si="19"/>
        <v>268</v>
      </c>
      <c r="CF16" s="27">
        <f t="shared" si="20"/>
        <v>-1</v>
      </c>
      <c r="CG16" s="27">
        <f t="shared" si="21"/>
        <v>1</v>
      </c>
      <c r="CH16" s="27">
        <f t="shared" si="22"/>
        <v>0</v>
      </c>
      <c r="CI16" s="27">
        <f t="shared" si="23"/>
        <v>0</v>
      </c>
      <c r="CJ16" s="27">
        <f t="shared" si="24"/>
        <v>-4496</v>
      </c>
      <c r="CK16" s="27">
        <f t="shared" si="25"/>
        <v>0</v>
      </c>
      <c r="CL16" s="18"/>
    </row>
    <row r="17" spans="1:90" x14ac:dyDescent="0.7">
      <c r="A17" s="7"/>
      <c r="D17" s="24" t="s">
        <v>32</v>
      </c>
      <c r="E17" s="28">
        <v>13131</v>
      </c>
      <c r="F17" s="28">
        <v>11165</v>
      </c>
      <c r="G17" s="28">
        <v>13677</v>
      </c>
      <c r="H17" s="28">
        <v>12240</v>
      </c>
      <c r="I17" s="28">
        <v>9984</v>
      </c>
      <c r="J17" s="28">
        <v>11423</v>
      </c>
      <c r="K17" s="28">
        <v>14093</v>
      </c>
      <c r="L17" s="28">
        <v>13950</v>
      </c>
      <c r="M17" s="28">
        <v>12682</v>
      </c>
      <c r="N17" s="28">
        <v>14398</v>
      </c>
      <c r="O17" s="28">
        <v>16210</v>
      </c>
      <c r="P17" s="28">
        <v>15320</v>
      </c>
      <c r="Q17" s="28">
        <v>14520</v>
      </c>
      <c r="R17" s="28">
        <v>15871</v>
      </c>
      <c r="S17" s="28">
        <v>17776</v>
      </c>
      <c r="T17" s="28">
        <v>16842</v>
      </c>
      <c r="U17" s="28">
        <v>15899</v>
      </c>
      <c r="V17" s="28">
        <v>17481</v>
      </c>
      <c r="W17" s="28">
        <v>19565</v>
      </c>
      <c r="X17" s="28">
        <v>18712</v>
      </c>
      <c r="Y17" s="28">
        <v>17287</v>
      </c>
      <c r="Z17" s="28">
        <v>18655</v>
      </c>
      <c r="AA17" s="28">
        <v>21167</v>
      </c>
      <c r="AB17" s="28">
        <v>20504</v>
      </c>
      <c r="AC17" s="28">
        <v>19553</v>
      </c>
      <c r="AD17" s="7"/>
      <c r="AE17" s="13"/>
      <c r="AH17" s="24" t="s">
        <v>32</v>
      </c>
      <c r="AI17" s="27">
        <v>13131</v>
      </c>
      <c r="AJ17" s="27">
        <v>11164</v>
      </c>
      <c r="AK17" s="27">
        <v>13678</v>
      </c>
      <c r="AL17" s="27">
        <v>12239</v>
      </c>
      <c r="AM17" s="27">
        <v>10028</v>
      </c>
      <c r="AN17" s="27">
        <v>11432</v>
      </c>
      <c r="AO17" s="27">
        <v>14196</v>
      </c>
      <c r="AP17" s="27">
        <v>13951</v>
      </c>
      <c r="AQ17" s="27">
        <v>12683</v>
      </c>
      <c r="AR17" s="27">
        <v>14398</v>
      </c>
      <c r="AS17" s="27">
        <v>16361</v>
      </c>
      <c r="AT17" s="27">
        <v>15310</v>
      </c>
      <c r="AU17" s="27">
        <v>14512</v>
      </c>
      <c r="AV17" s="27">
        <v>15862</v>
      </c>
      <c r="AW17" s="27">
        <v>17766</v>
      </c>
      <c r="AX17" s="27">
        <v>16843</v>
      </c>
      <c r="AY17" s="27">
        <v>15899</v>
      </c>
      <c r="AZ17" s="27">
        <v>17482</v>
      </c>
      <c r="BA17" s="27">
        <v>19802</v>
      </c>
      <c r="BB17" s="27">
        <v>18712</v>
      </c>
      <c r="BC17" s="27">
        <v>17287</v>
      </c>
      <c r="BD17" s="27">
        <v>18655</v>
      </c>
      <c r="BE17" s="27">
        <v>21172</v>
      </c>
      <c r="BF17" s="27">
        <v>20504</v>
      </c>
      <c r="BG17" s="27">
        <v>19553</v>
      </c>
      <c r="BH17" s="13"/>
      <c r="BI17" s="16"/>
      <c r="BL17" s="24" t="s">
        <v>32</v>
      </c>
      <c r="BM17" s="27">
        <f t="shared" si="1"/>
        <v>0</v>
      </c>
      <c r="BN17" s="27">
        <f t="shared" si="2"/>
        <v>-1</v>
      </c>
      <c r="BO17" s="27">
        <f t="shared" si="3"/>
        <v>1</v>
      </c>
      <c r="BP17" s="27">
        <f t="shared" si="4"/>
        <v>-1</v>
      </c>
      <c r="BQ17" s="27">
        <f t="shared" si="5"/>
        <v>44</v>
      </c>
      <c r="BR17" s="27">
        <f t="shared" si="6"/>
        <v>9</v>
      </c>
      <c r="BS17" s="27">
        <f t="shared" si="7"/>
        <v>103</v>
      </c>
      <c r="BT17" s="27">
        <f t="shared" si="8"/>
        <v>1</v>
      </c>
      <c r="BU17" s="27">
        <f t="shared" si="9"/>
        <v>1</v>
      </c>
      <c r="BV17" s="27">
        <f t="shared" si="10"/>
        <v>0</v>
      </c>
      <c r="BW17" s="27">
        <f t="shared" si="11"/>
        <v>151</v>
      </c>
      <c r="BX17" s="27">
        <f t="shared" si="12"/>
        <v>-10</v>
      </c>
      <c r="BY17" s="27">
        <f t="shared" si="13"/>
        <v>-8</v>
      </c>
      <c r="BZ17" s="27">
        <f t="shared" si="14"/>
        <v>-9</v>
      </c>
      <c r="CA17" s="27">
        <f t="shared" si="15"/>
        <v>-10</v>
      </c>
      <c r="CB17" s="27">
        <f t="shared" si="16"/>
        <v>1</v>
      </c>
      <c r="CC17" s="27">
        <f t="shared" si="17"/>
        <v>0</v>
      </c>
      <c r="CD17" s="27">
        <f t="shared" si="18"/>
        <v>1</v>
      </c>
      <c r="CE17" s="27">
        <f t="shared" si="19"/>
        <v>237</v>
      </c>
      <c r="CF17" s="27">
        <f t="shared" si="20"/>
        <v>0</v>
      </c>
      <c r="CG17" s="27">
        <f t="shared" si="21"/>
        <v>0</v>
      </c>
      <c r="CH17" s="27">
        <f t="shared" si="22"/>
        <v>0</v>
      </c>
      <c r="CI17" s="27">
        <f t="shared" si="23"/>
        <v>5</v>
      </c>
      <c r="CJ17" s="27">
        <f t="shared" si="24"/>
        <v>0</v>
      </c>
      <c r="CK17" s="27">
        <f t="shared" si="25"/>
        <v>0</v>
      </c>
      <c r="CL17" s="18"/>
    </row>
    <row r="18" spans="1:90" x14ac:dyDescent="0.7">
      <c r="A18" s="7"/>
      <c r="D18" s="24" t="s">
        <v>33</v>
      </c>
      <c r="E18" s="28">
        <v>13131</v>
      </c>
      <c r="F18" s="28">
        <v>11165</v>
      </c>
      <c r="G18" s="28">
        <v>13677</v>
      </c>
      <c r="H18" s="28">
        <v>12240</v>
      </c>
      <c r="I18" s="28">
        <v>9984</v>
      </c>
      <c r="J18" s="28">
        <v>11423</v>
      </c>
      <c r="K18" s="28">
        <v>14093</v>
      </c>
      <c r="L18" s="28">
        <v>13950</v>
      </c>
      <c r="M18" s="28">
        <v>12682</v>
      </c>
      <c r="N18" s="28">
        <v>14398</v>
      </c>
      <c r="O18" s="28">
        <v>16210</v>
      </c>
      <c r="P18" s="28">
        <v>15320</v>
      </c>
      <c r="Q18" s="28">
        <v>14520</v>
      </c>
      <c r="R18" s="28">
        <v>15871</v>
      </c>
      <c r="S18" s="28">
        <v>17776</v>
      </c>
      <c r="T18" s="28">
        <v>16842</v>
      </c>
      <c r="U18" s="28">
        <v>15899</v>
      </c>
      <c r="V18" s="28">
        <v>17481</v>
      </c>
      <c r="W18" s="28">
        <v>19565</v>
      </c>
      <c r="X18" s="28">
        <v>18712</v>
      </c>
      <c r="Y18" s="28">
        <v>17287</v>
      </c>
      <c r="Z18" s="28">
        <v>18655</v>
      </c>
      <c r="AA18" s="28">
        <v>21167</v>
      </c>
      <c r="AB18" s="28">
        <v>20504</v>
      </c>
      <c r="AC18" s="28">
        <v>19553</v>
      </c>
      <c r="AD18" s="7"/>
      <c r="AE18" s="13"/>
      <c r="AH18" s="24" t="s">
        <v>33</v>
      </c>
      <c r="AI18" s="27">
        <v>13131</v>
      </c>
      <c r="AJ18" s="27">
        <v>11164</v>
      </c>
      <c r="AK18" s="27">
        <v>13678</v>
      </c>
      <c r="AL18" s="27">
        <v>12239</v>
      </c>
      <c r="AM18" s="27">
        <v>10028</v>
      </c>
      <c r="AN18" s="27">
        <v>11432</v>
      </c>
      <c r="AO18" s="27">
        <v>14196</v>
      </c>
      <c r="AP18" s="27">
        <v>13951</v>
      </c>
      <c r="AQ18" s="27">
        <v>12683</v>
      </c>
      <c r="AR18" s="27">
        <v>14398</v>
      </c>
      <c r="AS18" s="27">
        <v>16361</v>
      </c>
      <c r="AT18" s="27">
        <v>15310</v>
      </c>
      <c r="AU18" s="27">
        <v>14512</v>
      </c>
      <c r="AV18" s="27">
        <v>15862</v>
      </c>
      <c r="AW18" s="27">
        <v>17766</v>
      </c>
      <c r="AX18" s="27">
        <v>16843</v>
      </c>
      <c r="AY18" s="27">
        <v>15899</v>
      </c>
      <c r="AZ18" s="27">
        <v>17482</v>
      </c>
      <c r="BA18" s="27">
        <v>19802</v>
      </c>
      <c r="BB18" s="27">
        <v>18712</v>
      </c>
      <c r="BC18" s="27">
        <v>17287</v>
      </c>
      <c r="BD18" s="27">
        <v>18655</v>
      </c>
      <c r="BE18" s="27">
        <v>21172</v>
      </c>
      <c r="BF18" s="27">
        <v>20504</v>
      </c>
      <c r="BG18" s="27">
        <v>19553</v>
      </c>
      <c r="BH18" s="13"/>
      <c r="BI18" s="16"/>
      <c r="BL18" s="24" t="s">
        <v>33</v>
      </c>
      <c r="BM18" s="27">
        <f t="shared" si="1"/>
        <v>0</v>
      </c>
      <c r="BN18" s="27">
        <f t="shared" si="2"/>
        <v>-1</v>
      </c>
      <c r="BO18" s="27">
        <f t="shared" si="3"/>
        <v>1</v>
      </c>
      <c r="BP18" s="27">
        <f t="shared" si="4"/>
        <v>-1</v>
      </c>
      <c r="BQ18" s="27">
        <f t="shared" si="5"/>
        <v>44</v>
      </c>
      <c r="BR18" s="27">
        <f t="shared" si="6"/>
        <v>9</v>
      </c>
      <c r="BS18" s="27">
        <f t="shared" si="7"/>
        <v>103</v>
      </c>
      <c r="BT18" s="27">
        <f t="shared" si="8"/>
        <v>1</v>
      </c>
      <c r="BU18" s="27">
        <f t="shared" si="9"/>
        <v>1</v>
      </c>
      <c r="BV18" s="27">
        <f t="shared" si="10"/>
        <v>0</v>
      </c>
      <c r="BW18" s="27">
        <f t="shared" si="11"/>
        <v>151</v>
      </c>
      <c r="BX18" s="27">
        <f t="shared" si="12"/>
        <v>-10</v>
      </c>
      <c r="BY18" s="27">
        <f t="shared" si="13"/>
        <v>-8</v>
      </c>
      <c r="BZ18" s="27">
        <f t="shared" si="14"/>
        <v>-9</v>
      </c>
      <c r="CA18" s="27">
        <f t="shared" si="15"/>
        <v>-10</v>
      </c>
      <c r="CB18" s="27">
        <f t="shared" si="16"/>
        <v>1</v>
      </c>
      <c r="CC18" s="27">
        <f t="shared" si="17"/>
        <v>0</v>
      </c>
      <c r="CD18" s="27">
        <f t="shared" si="18"/>
        <v>1</v>
      </c>
      <c r="CE18" s="27">
        <f t="shared" si="19"/>
        <v>237</v>
      </c>
      <c r="CF18" s="27">
        <f t="shared" si="20"/>
        <v>0</v>
      </c>
      <c r="CG18" s="27">
        <f t="shared" si="21"/>
        <v>0</v>
      </c>
      <c r="CH18" s="27">
        <f t="shared" si="22"/>
        <v>0</v>
      </c>
      <c r="CI18" s="27">
        <f t="shared" si="23"/>
        <v>5</v>
      </c>
      <c r="CJ18" s="27">
        <f t="shared" si="24"/>
        <v>0</v>
      </c>
      <c r="CK18" s="27">
        <f t="shared" si="25"/>
        <v>0</v>
      </c>
      <c r="CL18" s="18"/>
    </row>
    <row r="19" spans="1:90" x14ac:dyDescent="0.7">
      <c r="A19" s="7"/>
      <c r="C19" s="24" t="s">
        <v>47</v>
      </c>
      <c r="D19" s="24" t="s">
        <v>45</v>
      </c>
      <c r="E19" s="28">
        <v>18032</v>
      </c>
      <c r="F19" s="28">
        <v>14645</v>
      </c>
      <c r="G19" s="28">
        <v>17829</v>
      </c>
      <c r="H19" s="28">
        <v>17770</v>
      </c>
      <c r="I19" s="28">
        <v>14563</v>
      </c>
      <c r="J19" s="28">
        <v>17885</v>
      </c>
      <c r="K19" s="28">
        <v>20936</v>
      </c>
      <c r="L19" s="28">
        <v>22393</v>
      </c>
      <c r="M19" s="28">
        <v>20856</v>
      </c>
      <c r="N19" s="28">
        <v>24508</v>
      </c>
      <c r="O19" s="28">
        <v>24837</v>
      </c>
      <c r="P19" s="28">
        <v>25383</v>
      </c>
      <c r="Q19" s="28">
        <v>20772</v>
      </c>
      <c r="R19" s="28">
        <v>15049</v>
      </c>
      <c r="S19" s="28">
        <v>14199</v>
      </c>
      <c r="T19" s="28">
        <v>15312</v>
      </c>
      <c r="U19" s="28">
        <v>14609</v>
      </c>
      <c r="V19" s="28">
        <v>15895</v>
      </c>
      <c r="W19" s="28">
        <v>14777</v>
      </c>
      <c r="X19" s="28">
        <v>16044</v>
      </c>
      <c r="Y19" s="28">
        <v>15573</v>
      </c>
      <c r="Z19" s="28">
        <v>16166</v>
      </c>
      <c r="AA19" s="28">
        <v>15212</v>
      </c>
      <c r="AB19" s="28">
        <v>16551</v>
      </c>
      <c r="AC19" s="28">
        <v>15809</v>
      </c>
      <c r="AD19" s="7"/>
      <c r="AE19" s="13"/>
      <c r="AG19" s="24" t="s">
        <v>47</v>
      </c>
      <c r="AH19" s="24" t="s">
        <v>45</v>
      </c>
      <c r="AI19" s="27">
        <v>18015</v>
      </c>
      <c r="AJ19" s="27">
        <v>14620</v>
      </c>
      <c r="AK19" s="27">
        <v>17805</v>
      </c>
      <c r="AL19" s="27">
        <v>17749</v>
      </c>
      <c r="AM19" s="27">
        <v>14545</v>
      </c>
      <c r="AN19" s="27">
        <v>17863</v>
      </c>
      <c r="AO19" s="27">
        <v>20916</v>
      </c>
      <c r="AP19" s="27">
        <v>22372</v>
      </c>
      <c r="AQ19" s="27">
        <v>20836</v>
      </c>
      <c r="AR19" s="27">
        <v>24480</v>
      </c>
      <c r="AS19" s="27">
        <v>24806</v>
      </c>
      <c r="AT19" s="27">
        <v>25336</v>
      </c>
      <c r="AU19" s="27">
        <v>20730</v>
      </c>
      <c r="AV19" s="27">
        <v>15008</v>
      </c>
      <c r="AW19" s="27">
        <v>14159</v>
      </c>
      <c r="AX19" s="27">
        <v>15288</v>
      </c>
      <c r="AY19" s="27">
        <v>14603</v>
      </c>
      <c r="AZ19" s="27">
        <v>15889</v>
      </c>
      <c r="BA19" s="27">
        <v>14731</v>
      </c>
      <c r="BB19" s="27">
        <v>16036</v>
      </c>
      <c r="BC19" s="27">
        <v>15461</v>
      </c>
      <c r="BD19" s="27">
        <v>16166</v>
      </c>
      <c r="BE19" s="27">
        <v>15212</v>
      </c>
      <c r="BF19" s="27">
        <v>16411</v>
      </c>
      <c r="BG19" s="27">
        <v>15809</v>
      </c>
      <c r="BH19" s="13"/>
      <c r="BI19" s="16"/>
      <c r="BK19" s="24" t="s">
        <v>47</v>
      </c>
      <c r="BL19" s="24" t="s">
        <v>45</v>
      </c>
      <c r="BM19" s="27">
        <f t="shared" si="1"/>
        <v>-17</v>
      </c>
      <c r="BN19" s="27">
        <f t="shared" si="2"/>
        <v>-25</v>
      </c>
      <c r="BO19" s="27">
        <f t="shared" si="3"/>
        <v>-24</v>
      </c>
      <c r="BP19" s="27">
        <f t="shared" si="4"/>
        <v>-21</v>
      </c>
      <c r="BQ19" s="27">
        <f t="shared" si="5"/>
        <v>-18</v>
      </c>
      <c r="BR19" s="27">
        <f t="shared" si="6"/>
        <v>-22</v>
      </c>
      <c r="BS19" s="27">
        <f t="shared" si="7"/>
        <v>-20</v>
      </c>
      <c r="BT19" s="27">
        <f t="shared" si="8"/>
        <v>-21</v>
      </c>
      <c r="BU19" s="27">
        <f t="shared" si="9"/>
        <v>-20</v>
      </c>
      <c r="BV19" s="27">
        <f t="shared" si="10"/>
        <v>-28</v>
      </c>
      <c r="BW19" s="27">
        <f t="shared" si="11"/>
        <v>-31</v>
      </c>
      <c r="BX19" s="27">
        <f t="shared" si="12"/>
        <v>-47</v>
      </c>
      <c r="BY19" s="27">
        <f t="shared" si="13"/>
        <v>-42</v>
      </c>
      <c r="BZ19" s="27">
        <f t="shared" si="14"/>
        <v>-41</v>
      </c>
      <c r="CA19" s="27">
        <f t="shared" si="15"/>
        <v>-40</v>
      </c>
      <c r="CB19" s="27">
        <f t="shared" si="16"/>
        <v>-24</v>
      </c>
      <c r="CC19" s="27">
        <f t="shared" si="17"/>
        <v>-6</v>
      </c>
      <c r="CD19" s="27">
        <f t="shared" si="18"/>
        <v>-6</v>
      </c>
      <c r="CE19" s="27">
        <f t="shared" si="19"/>
        <v>-46</v>
      </c>
      <c r="CF19" s="27">
        <f t="shared" si="20"/>
        <v>-8</v>
      </c>
      <c r="CG19" s="27">
        <f t="shared" si="21"/>
        <v>-112</v>
      </c>
      <c r="CH19" s="27">
        <f t="shared" si="22"/>
        <v>0</v>
      </c>
      <c r="CI19" s="27">
        <f t="shared" si="23"/>
        <v>0</v>
      </c>
      <c r="CJ19" s="27">
        <f t="shared" si="24"/>
        <v>-140</v>
      </c>
      <c r="CK19" s="27">
        <f t="shared" si="25"/>
        <v>0</v>
      </c>
      <c r="CL19" s="18"/>
    </row>
    <row r="20" spans="1:90" x14ac:dyDescent="0.7">
      <c r="A20" s="7"/>
      <c r="D20" s="24" t="s">
        <v>28</v>
      </c>
      <c r="E20" s="28">
        <v>13612</v>
      </c>
      <c r="F20" s="28">
        <v>12811</v>
      </c>
      <c r="G20" s="28">
        <v>15228</v>
      </c>
      <c r="H20" s="28">
        <v>15272</v>
      </c>
      <c r="I20" s="28">
        <v>12700</v>
      </c>
      <c r="J20" s="28">
        <v>15411</v>
      </c>
      <c r="K20" s="28">
        <v>17811</v>
      </c>
      <c r="L20" s="28">
        <v>18597</v>
      </c>
      <c r="M20" s="28">
        <v>17274</v>
      </c>
      <c r="N20" s="28">
        <v>19934</v>
      </c>
      <c r="O20" s="28">
        <v>20630</v>
      </c>
      <c r="P20" s="28">
        <v>20731</v>
      </c>
      <c r="Q20" s="28">
        <v>16015</v>
      </c>
      <c r="R20" s="28">
        <v>10217</v>
      </c>
      <c r="S20" s="28">
        <v>9868</v>
      </c>
      <c r="T20" s="28">
        <v>10492</v>
      </c>
      <c r="U20" s="28">
        <v>9793</v>
      </c>
      <c r="V20" s="28">
        <v>10694</v>
      </c>
      <c r="W20" s="28">
        <v>10278</v>
      </c>
      <c r="X20" s="28">
        <v>11049</v>
      </c>
      <c r="Y20" s="28">
        <v>10553</v>
      </c>
      <c r="Z20" s="28">
        <v>11042</v>
      </c>
      <c r="AA20" s="28">
        <v>10596</v>
      </c>
      <c r="AB20" s="28">
        <v>11415</v>
      </c>
      <c r="AC20" s="28">
        <v>10697</v>
      </c>
      <c r="AD20" s="7"/>
      <c r="AE20" s="13"/>
      <c r="AH20" s="24" t="s">
        <v>28</v>
      </c>
      <c r="AI20" s="27">
        <v>13594</v>
      </c>
      <c r="AJ20" s="27">
        <v>12786</v>
      </c>
      <c r="AK20" s="27">
        <v>15205</v>
      </c>
      <c r="AL20" s="27">
        <v>15251</v>
      </c>
      <c r="AM20" s="27">
        <v>12682</v>
      </c>
      <c r="AN20" s="27">
        <v>15389</v>
      </c>
      <c r="AO20" s="27">
        <v>17790</v>
      </c>
      <c r="AP20" s="27">
        <v>18576</v>
      </c>
      <c r="AQ20" s="27">
        <v>17255</v>
      </c>
      <c r="AR20" s="27">
        <v>19906</v>
      </c>
      <c r="AS20" s="27">
        <v>20599</v>
      </c>
      <c r="AT20" s="27">
        <v>20686</v>
      </c>
      <c r="AU20" s="27">
        <v>15974</v>
      </c>
      <c r="AV20" s="27">
        <v>10178</v>
      </c>
      <c r="AW20" s="27">
        <v>9829</v>
      </c>
      <c r="AX20" s="27">
        <v>10469</v>
      </c>
      <c r="AY20" s="27">
        <v>9788</v>
      </c>
      <c r="AZ20" s="27">
        <v>10690</v>
      </c>
      <c r="BA20" s="27">
        <v>10234</v>
      </c>
      <c r="BB20" s="27">
        <v>11041</v>
      </c>
      <c r="BC20" s="27">
        <v>10442</v>
      </c>
      <c r="BD20" s="27">
        <v>11042</v>
      </c>
      <c r="BE20" s="27">
        <v>10596</v>
      </c>
      <c r="BF20" s="27">
        <v>11275</v>
      </c>
      <c r="BG20" s="27">
        <v>10697</v>
      </c>
      <c r="BH20" s="13"/>
      <c r="BI20" s="16"/>
      <c r="BL20" s="24" t="s">
        <v>28</v>
      </c>
      <c r="BM20" s="27">
        <f t="shared" si="1"/>
        <v>-18</v>
      </c>
      <c r="BN20" s="27">
        <f t="shared" si="2"/>
        <v>-25</v>
      </c>
      <c r="BO20" s="27">
        <f t="shared" si="3"/>
        <v>-23</v>
      </c>
      <c r="BP20" s="27">
        <f t="shared" si="4"/>
        <v>-21</v>
      </c>
      <c r="BQ20" s="27">
        <f t="shared" si="5"/>
        <v>-18</v>
      </c>
      <c r="BR20" s="27">
        <f t="shared" si="6"/>
        <v>-22</v>
      </c>
      <c r="BS20" s="27">
        <f t="shared" si="7"/>
        <v>-21</v>
      </c>
      <c r="BT20" s="27">
        <f t="shared" si="8"/>
        <v>-21</v>
      </c>
      <c r="BU20" s="27">
        <f t="shared" si="9"/>
        <v>-19</v>
      </c>
      <c r="BV20" s="27">
        <f t="shared" si="10"/>
        <v>-28</v>
      </c>
      <c r="BW20" s="27">
        <f t="shared" si="11"/>
        <v>-31</v>
      </c>
      <c r="BX20" s="27">
        <f t="shared" si="12"/>
        <v>-45</v>
      </c>
      <c r="BY20" s="27">
        <f t="shared" si="13"/>
        <v>-41</v>
      </c>
      <c r="BZ20" s="27">
        <f t="shared" si="14"/>
        <v>-39</v>
      </c>
      <c r="CA20" s="27">
        <f t="shared" si="15"/>
        <v>-39</v>
      </c>
      <c r="CB20" s="27">
        <f t="shared" si="16"/>
        <v>-23</v>
      </c>
      <c r="CC20" s="27">
        <f t="shared" si="17"/>
        <v>-5</v>
      </c>
      <c r="CD20" s="27">
        <f t="shared" si="18"/>
        <v>-4</v>
      </c>
      <c r="CE20" s="27">
        <f t="shared" si="19"/>
        <v>-44</v>
      </c>
      <c r="CF20" s="27">
        <f t="shared" si="20"/>
        <v>-8</v>
      </c>
      <c r="CG20" s="27">
        <f t="shared" si="21"/>
        <v>-111</v>
      </c>
      <c r="CH20" s="27">
        <f t="shared" si="22"/>
        <v>0</v>
      </c>
      <c r="CI20" s="27">
        <f t="shared" si="23"/>
        <v>0</v>
      </c>
      <c r="CJ20" s="27">
        <f t="shared" si="24"/>
        <v>-140</v>
      </c>
      <c r="CK20" s="27">
        <f t="shared" si="25"/>
        <v>0</v>
      </c>
      <c r="CL20" s="18"/>
    </row>
    <row r="21" spans="1:90" x14ac:dyDescent="0.7">
      <c r="A21" s="7"/>
      <c r="D21" s="24" t="s">
        <v>29</v>
      </c>
      <c r="E21" s="28">
        <v>348</v>
      </c>
      <c r="F21" s="28">
        <v>318</v>
      </c>
      <c r="G21" s="28">
        <v>330</v>
      </c>
      <c r="H21" s="28">
        <v>319</v>
      </c>
      <c r="I21" s="28">
        <v>221</v>
      </c>
      <c r="J21" s="28">
        <v>260</v>
      </c>
      <c r="K21" s="28">
        <v>253</v>
      </c>
      <c r="L21" s="28">
        <v>249</v>
      </c>
      <c r="M21" s="28">
        <v>207</v>
      </c>
      <c r="N21" s="28">
        <v>215</v>
      </c>
      <c r="O21" s="28">
        <v>188</v>
      </c>
      <c r="P21" s="28">
        <v>187</v>
      </c>
      <c r="Q21" s="28">
        <v>159</v>
      </c>
      <c r="R21" s="28">
        <v>152</v>
      </c>
      <c r="S21" s="28">
        <v>127</v>
      </c>
      <c r="T21" s="28">
        <v>130</v>
      </c>
      <c r="U21" s="28">
        <v>106</v>
      </c>
      <c r="V21" s="28">
        <v>107</v>
      </c>
      <c r="W21" s="28">
        <v>94</v>
      </c>
      <c r="X21" s="28">
        <v>90</v>
      </c>
      <c r="Y21" s="28">
        <v>79</v>
      </c>
      <c r="Z21" s="28">
        <v>67</v>
      </c>
      <c r="AA21" s="28">
        <v>36</v>
      </c>
      <c r="AB21" s="28">
        <v>14</v>
      </c>
      <c r="AC21" s="28">
        <v>9</v>
      </c>
      <c r="AD21" s="7"/>
      <c r="AE21" s="13"/>
      <c r="AH21" s="24" t="s">
        <v>29</v>
      </c>
      <c r="AI21" s="27">
        <v>347</v>
      </c>
      <c r="AJ21" s="27">
        <v>317</v>
      </c>
      <c r="AK21" s="27">
        <v>329</v>
      </c>
      <c r="AL21" s="27">
        <v>318</v>
      </c>
      <c r="AM21" s="27">
        <v>221</v>
      </c>
      <c r="AN21" s="27">
        <v>260</v>
      </c>
      <c r="AO21" s="27">
        <v>254</v>
      </c>
      <c r="AP21" s="27">
        <v>249</v>
      </c>
      <c r="AQ21" s="27">
        <v>207</v>
      </c>
      <c r="AR21" s="27">
        <v>215</v>
      </c>
      <c r="AS21" s="27">
        <v>188</v>
      </c>
      <c r="AT21" s="27">
        <v>188</v>
      </c>
      <c r="AU21" s="27">
        <v>159</v>
      </c>
      <c r="AV21" s="27">
        <v>152</v>
      </c>
      <c r="AW21" s="27">
        <v>127</v>
      </c>
      <c r="AX21" s="27">
        <v>129</v>
      </c>
      <c r="AY21" s="27">
        <v>106</v>
      </c>
      <c r="AZ21" s="27">
        <v>107</v>
      </c>
      <c r="BA21" s="27">
        <v>92</v>
      </c>
      <c r="BB21" s="27">
        <v>90</v>
      </c>
      <c r="BC21" s="27">
        <v>79</v>
      </c>
      <c r="BD21" s="27">
        <v>67</v>
      </c>
      <c r="BE21" s="27">
        <v>36</v>
      </c>
      <c r="BF21" s="27">
        <v>14</v>
      </c>
      <c r="BG21" s="27">
        <v>9</v>
      </c>
      <c r="BH21" s="13"/>
      <c r="BI21" s="16"/>
      <c r="BL21" s="24" t="s">
        <v>29</v>
      </c>
      <c r="BM21" s="27">
        <f t="shared" si="1"/>
        <v>-1</v>
      </c>
      <c r="BN21" s="27">
        <f t="shared" si="2"/>
        <v>-1</v>
      </c>
      <c r="BO21" s="27">
        <f t="shared" si="3"/>
        <v>-1</v>
      </c>
      <c r="BP21" s="27">
        <f t="shared" si="4"/>
        <v>-1</v>
      </c>
      <c r="BQ21" s="27">
        <f t="shared" si="5"/>
        <v>0</v>
      </c>
      <c r="BR21" s="27">
        <f t="shared" si="6"/>
        <v>0</v>
      </c>
      <c r="BS21" s="27">
        <f t="shared" si="7"/>
        <v>1</v>
      </c>
      <c r="BT21" s="27">
        <f t="shared" si="8"/>
        <v>0</v>
      </c>
      <c r="BU21" s="27">
        <f t="shared" si="9"/>
        <v>0</v>
      </c>
      <c r="BV21" s="27">
        <f t="shared" si="10"/>
        <v>0</v>
      </c>
      <c r="BW21" s="27">
        <f t="shared" si="11"/>
        <v>0</v>
      </c>
      <c r="BX21" s="27">
        <f t="shared" si="12"/>
        <v>1</v>
      </c>
      <c r="BY21" s="27">
        <f t="shared" si="13"/>
        <v>0</v>
      </c>
      <c r="BZ21" s="27">
        <f t="shared" si="14"/>
        <v>0</v>
      </c>
      <c r="CA21" s="27">
        <f t="shared" si="15"/>
        <v>0</v>
      </c>
      <c r="CB21" s="27">
        <f t="shared" si="16"/>
        <v>-1</v>
      </c>
      <c r="CC21" s="27">
        <f t="shared" si="17"/>
        <v>0</v>
      </c>
      <c r="CD21" s="27">
        <f t="shared" si="18"/>
        <v>0</v>
      </c>
      <c r="CE21" s="27">
        <f t="shared" si="19"/>
        <v>-2</v>
      </c>
      <c r="CF21" s="27">
        <f t="shared" si="20"/>
        <v>0</v>
      </c>
      <c r="CG21" s="27">
        <f t="shared" si="21"/>
        <v>0</v>
      </c>
      <c r="CH21" s="27">
        <f t="shared" si="22"/>
        <v>0</v>
      </c>
      <c r="CI21" s="27">
        <f t="shared" si="23"/>
        <v>0</v>
      </c>
      <c r="CJ21" s="27">
        <f t="shared" si="24"/>
        <v>0</v>
      </c>
      <c r="CK21" s="27">
        <f t="shared" si="25"/>
        <v>0</v>
      </c>
      <c r="CL21" s="18"/>
    </row>
    <row r="22" spans="1:90" x14ac:dyDescent="0.7">
      <c r="A22" s="7"/>
      <c r="D22" s="24" t="s">
        <v>30</v>
      </c>
      <c r="E22" s="28">
        <v>11241</v>
      </c>
      <c r="F22" s="28">
        <v>10524</v>
      </c>
      <c r="G22" s="28">
        <v>12593</v>
      </c>
      <c r="H22" s="28">
        <v>12573</v>
      </c>
      <c r="I22" s="28">
        <v>10512</v>
      </c>
      <c r="J22" s="28">
        <v>12769</v>
      </c>
      <c r="K22" s="28">
        <v>15008</v>
      </c>
      <c r="L22" s="28">
        <v>15583</v>
      </c>
      <c r="M22" s="28">
        <v>14460</v>
      </c>
      <c r="N22" s="28">
        <v>16796</v>
      </c>
      <c r="O22" s="28">
        <v>17521</v>
      </c>
      <c r="P22" s="28">
        <v>17191</v>
      </c>
      <c r="Q22" s="28">
        <v>12063</v>
      </c>
      <c r="R22" s="28">
        <v>5923</v>
      </c>
      <c r="S22" s="28">
        <v>5414</v>
      </c>
      <c r="T22" s="28">
        <v>5568</v>
      </c>
      <c r="U22" s="28">
        <v>5092</v>
      </c>
      <c r="V22" s="28">
        <v>5449</v>
      </c>
      <c r="W22" s="28">
        <v>5147</v>
      </c>
      <c r="X22" s="28">
        <v>5436</v>
      </c>
      <c r="Y22" s="28">
        <v>5068</v>
      </c>
      <c r="Z22" s="28">
        <v>4551</v>
      </c>
      <c r="AA22" s="28">
        <v>2685</v>
      </c>
      <c r="AB22" s="28">
        <v>1550</v>
      </c>
      <c r="AC22" s="28">
        <v>980</v>
      </c>
      <c r="AD22" s="7"/>
      <c r="AE22" s="13"/>
      <c r="AH22" s="24" t="s">
        <v>30</v>
      </c>
      <c r="AI22" s="27">
        <v>11224</v>
      </c>
      <c r="AJ22" s="27">
        <v>10502</v>
      </c>
      <c r="AK22" s="27">
        <v>12574</v>
      </c>
      <c r="AL22" s="27">
        <v>12556</v>
      </c>
      <c r="AM22" s="27">
        <v>10497</v>
      </c>
      <c r="AN22" s="27">
        <v>12752</v>
      </c>
      <c r="AO22" s="27">
        <v>14986</v>
      </c>
      <c r="AP22" s="27">
        <v>15565</v>
      </c>
      <c r="AQ22" s="27">
        <v>14441</v>
      </c>
      <c r="AR22" s="27">
        <v>16768</v>
      </c>
      <c r="AS22" s="27">
        <v>17489</v>
      </c>
      <c r="AT22" s="27">
        <v>17142</v>
      </c>
      <c r="AU22" s="27">
        <v>12019</v>
      </c>
      <c r="AV22" s="27">
        <v>5878</v>
      </c>
      <c r="AW22" s="27">
        <v>5363</v>
      </c>
      <c r="AX22" s="27">
        <v>5531</v>
      </c>
      <c r="AY22" s="27">
        <v>5090</v>
      </c>
      <c r="AZ22" s="27">
        <v>5448</v>
      </c>
      <c r="BA22" s="27">
        <v>5108</v>
      </c>
      <c r="BB22" s="27">
        <v>5428</v>
      </c>
      <c r="BC22" s="27">
        <v>4957</v>
      </c>
      <c r="BD22" s="27">
        <v>4551</v>
      </c>
      <c r="BE22" s="27">
        <v>2685</v>
      </c>
      <c r="BF22" s="27">
        <v>1550</v>
      </c>
      <c r="BG22" s="27">
        <v>980</v>
      </c>
      <c r="BH22" s="13"/>
      <c r="BI22" s="16"/>
      <c r="BL22" s="24" t="s">
        <v>30</v>
      </c>
      <c r="BM22" s="27">
        <f t="shared" si="1"/>
        <v>-17</v>
      </c>
      <c r="BN22" s="27">
        <f t="shared" si="2"/>
        <v>-22</v>
      </c>
      <c r="BO22" s="27">
        <f t="shared" si="3"/>
        <v>-19</v>
      </c>
      <c r="BP22" s="27">
        <f t="shared" si="4"/>
        <v>-17</v>
      </c>
      <c r="BQ22" s="27">
        <f t="shared" si="5"/>
        <v>-15</v>
      </c>
      <c r="BR22" s="27">
        <f t="shared" si="6"/>
        <v>-17</v>
      </c>
      <c r="BS22" s="27">
        <f t="shared" si="7"/>
        <v>-22</v>
      </c>
      <c r="BT22" s="27">
        <f t="shared" si="8"/>
        <v>-18</v>
      </c>
      <c r="BU22" s="27">
        <f t="shared" si="9"/>
        <v>-19</v>
      </c>
      <c r="BV22" s="27">
        <f t="shared" si="10"/>
        <v>-28</v>
      </c>
      <c r="BW22" s="27">
        <f t="shared" si="11"/>
        <v>-32</v>
      </c>
      <c r="BX22" s="27">
        <f t="shared" si="12"/>
        <v>-49</v>
      </c>
      <c r="BY22" s="27">
        <f t="shared" si="13"/>
        <v>-44</v>
      </c>
      <c r="BZ22" s="27">
        <f t="shared" si="14"/>
        <v>-45</v>
      </c>
      <c r="CA22" s="27">
        <f t="shared" si="15"/>
        <v>-51</v>
      </c>
      <c r="CB22" s="27">
        <f t="shared" si="16"/>
        <v>-37</v>
      </c>
      <c r="CC22" s="27">
        <f t="shared" si="17"/>
        <v>-2</v>
      </c>
      <c r="CD22" s="27">
        <f t="shared" si="18"/>
        <v>-1</v>
      </c>
      <c r="CE22" s="27">
        <f t="shared" si="19"/>
        <v>-39</v>
      </c>
      <c r="CF22" s="27">
        <f t="shared" si="20"/>
        <v>-8</v>
      </c>
      <c r="CG22" s="27">
        <f t="shared" si="21"/>
        <v>-111</v>
      </c>
      <c r="CH22" s="27">
        <f t="shared" si="22"/>
        <v>0</v>
      </c>
      <c r="CI22" s="27">
        <f t="shared" si="23"/>
        <v>0</v>
      </c>
      <c r="CJ22" s="27">
        <f t="shared" si="24"/>
        <v>0</v>
      </c>
      <c r="CK22" s="27">
        <f t="shared" si="25"/>
        <v>0</v>
      </c>
      <c r="CL22" s="18"/>
    </row>
    <row r="23" spans="1:90" x14ac:dyDescent="0.7">
      <c r="A23" s="7"/>
      <c r="D23" s="24" t="s">
        <v>31</v>
      </c>
      <c r="E23" s="28">
        <v>2023</v>
      </c>
      <c r="F23" s="28">
        <v>1969</v>
      </c>
      <c r="G23" s="28">
        <v>2305</v>
      </c>
      <c r="H23" s="28">
        <v>2380</v>
      </c>
      <c r="I23" s="28">
        <v>1967</v>
      </c>
      <c r="J23" s="28">
        <v>2382</v>
      </c>
      <c r="K23" s="28">
        <v>2550</v>
      </c>
      <c r="L23" s="28">
        <v>2765</v>
      </c>
      <c r="M23" s="28">
        <v>2607</v>
      </c>
      <c r="N23" s="28">
        <v>2923</v>
      </c>
      <c r="O23" s="28">
        <v>2921</v>
      </c>
      <c r="P23" s="28">
        <v>3353</v>
      </c>
      <c r="Q23" s="28">
        <v>3793</v>
      </c>
      <c r="R23" s="28">
        <v>4143</v>
      </c>
      <c r="S23" s="28">
        <v>4327</v>
      </c>
      <c r="T23" s="28">
        <v>4795</v>
      </c>
      <c r="U23" s="28">
        <v>4595</v>
      </c>
      <c r="V23" s="28">
        <v>5138</v>
      </c>
      <c r="W23" s="28">
        <v>5037</v>
      </c>
      <c r="X23" s="28">
        <v>5523</v>
      </c>
      <c r="Y23" s="28">
        <v>5406</v>
      </c>
      <c r="Z23" s="28">
        <v>6424</v>
      </c>
      <c r="AA23" s="28">
        <v>7876</v>
      </c>
      <c r="AB23" s="28">
        <v>9850</v>
      </c>
      <c r="AC23" s="28">
        <v>9708</v>
      </c>
      <c r="AD23" s="7"/>
      <c r="AE23" s="13"/>
      <c r="AH23" s="24" t="s">
        <v>31</v>
      </c>
      <c r="AI23" s="27">
        <v>2023</v>
      </c>
      <c r="AJ23" s="27">
        <v>1967</v>
      </c>
      <c r="AK23" s="27">
        <v>2302</v>
      </c>
      <c r="AL23" s="27">
        <v>2378</v>
      </c>
      <c r="AM23" s="27">
        <v>1964</v>
      </c>
      <c r="AN23" s="27">
        <v>2377</v>
      </c>
      <c r="AO23" s="27">
        <v>2550</v>
      </c>
      <c r="AP23" s="27">
        <v>2762</v>
      </c>
      <c r="AQ23" s="27">
        <v>2606</v>
      </c>
      <c r="AR23" s="27">
        <v>2923</v>
      </c>
      <c r="AS23" s="27">
        <v>2922</v>
      </c>
      <c r="AT23" s="27">
        <v>3356</v>
      </c>
      <c r="AU23" s="27">
        <v>3796</v>
      </c>
      <c r="AV23" s="27">
        <v>4148</v>
      </c>
      <c r="AW23" s="27">
        <v>4339</v>
      </c>
      <c r="AX23" s="27">
        <v>4808</v>
      </c>
      <c r="AY23" s="27">
        <v>4592</v>
      </c>
      <c r="AZ23" s="27">
        <v>5135</v>
      </c>
      <c r="BA23" s="27">
        <v>5035</v>
      </c>
      <c r="BB23" s="27">
        <v>5523</v>
      </c>
      <c r="BC23" s="27">
        <v>5405</v>
      </c>
      <c r="BD23" s="27">
        <v>6424</v>
      </c>
      <c r="BE23" s="27">
        <v>7876</v>
      </c>
      <c r="BF23" s="27">
        <v>9711</v>
      </c>
      <c r="BG23" s="27">
        <v>9708</v>
      </c>
      <c r="BH23" s="13"/>
      <c r="BI23" s="16"/>
      <c r="BL23" s="24" t="s">
        <v>31</v>
      </c>
      <c r="BM23" s="27">
        <f t="shared" si="1"/>
        <v>0</v>
      </c>
      <c r="BN23" s="27">
        <f t="shared" si="2"/>
        <v>-2</v>
      </c>
      <c r="BO23" s="27">
        <f t="shared" si="3"/>
        <v>-3</v>
      </c>
      <c r="BP23" s="27">
        <f t="shared" si="4"/>
        <v>-2</v>
      </c>
      <c r="BQ23" s="27">
        <f t="shared" si="5"/>
        <v>-3</v>
      </c>
      <c r="BR23" s="27">
        <f t="shared" si="6"/>
        <v>-5</v>
      </c>
      <c r="BS23" s="27">
        <f t="shared" si="7"/>
        <v>0</v>
      </c>
      <c r="BT23" s="27">
        <f t="shared" si="8"/>
        <v>-3</v>
      </c>
      <c r="BU23" s="27">
        <f t="shared" si="9"/>
        <v>-1</v>
      </c>
      <c r="BV23" s="27">
        <f t="shared" si="10"/>
        <v>0</v>
      </c>
      <c r="BW23" s="27">
        <f t="shared" si="11"/>
        <v>1</v>
      </c>
      <c r="BX23" s="27">
        <f t="shared" si="12"/>
        <v>3</v>
      </c>
      <c r="BY23" s="27">
        <f t="shared" si="13"/>
        <v>3</v>
      </c>
      <c r="BZ23" s="27">
        <f t="shared" si="14"/>
        <v>5</v>
      </c>
      <c r="CA23" s="27">
        <f t="shared" si="15"/>
        <v>12</v>
      </c>
      <c r="CB23" s="27">
        <f t="shared" si="16"/>
        <v>13</v>
      </c>
      <c r="CC23" s="27">
        <f t="shared" si="17"/>
        <v>-3</v>
      </c>
      <c r="CD23" s="27">
        <f t="shared" si="18"/>
        <v>-3</v>
      </c>
      <c r="CE23" s="27">
        <f t="shared" si="19"/>
        <v>-2</v>
      </c>
      <c r="CF23" s="27">
        <f t="shared" si="20"/>
        <v>0</v>
      </c>
      <c r="CG23" s="27">
        <f t="shared" si="21"/>
        <v>-1</v>
      </c>
      <c r="CH23" s="27">
        <f t="shared" si="22"/>
        <v>0</v>
      </c>
      <c r="CI23" s="27">
        <f t="shared" si="23"/>
        <v>0</v>
      </c>
      <c r="CJ23" s="27">
        <f t="shared" si="24"/>
        <v>-139</v>
      </c>
      <c r="CK23" s="27">
        <f t="shared" si="25"/>
        <v>0</v>
      </c>
      <c r="CL23" s="18"/>
    </row>
    <row r="24" spans="1:90" x14ac:dyDescent="0.7">
      <c r="A24" s="7"/>
      <c r="D24" s="24" t="s">
        <v>32</v>
      </c>
      <c r="E24" s="28">
        <v>4420</v>
      </c>
      <c r="F24" s="28">
        <v>1834</v>
      </c>
      <c r="G24" s="28">
        <v>2601</v>
      </c>
      <c r="H24" s="28">
        <v>2498</v>
      </c>
      <c r="I24" s="28">
        <v>1863</v>
      </c>
      <c r="J24" s="28">
        <v>2474</v>
      </c>
      <c r="K24" s="28">
        <v>3125</v>
      </c>
      <c r="L24" s="28">
        <v>3796</v>
      </c>
      <c r="M24" s="28">
        <v>3582</v>
      </c>
      <c r="N24" s="28">
        <v>4574</v>
      </c>
      <c r="O24" s="28">
        <v>4207</v>
      </c>
      <c r="P24" s="28">
        <v>4652</v>
      </c>
      <c r="Q24" s="28">
        <v>4757</v>
      </c>
      <c r="R24" s="28">
        <v>4832</v>
      </c>
      <c r="S24" s="28">
        <v>4331</v>
      </c>
      <c r="T24" s="28">
        <v>4820</v>
      </c>
      <c r="U24" s="28">
        <v>4816</v>
      </c>
      <c r="V24" s="28">
        <v>5200</v>
      </c>
      <c r="W24" s="28">
        <v>4500</v>
      </c>
      <c r="X24" s="28">
        <v>4995</v>
      </c>
      <c r="Y24" s="28">
        <v>5019</v>
      </c>
      <c r="Z24" s="28">
        <v>5123</v>
      </c>
      <c r="AA24" s="28">
        <v>4616</v>
      </c>
      <c r="AB24" s="28">
        <v>5136</v>
      </c>
      <c r="AC24" s="28">
        <v>5112</v>
      </c>
      <c r="AD24" s="7"/>
      <c r="AE24" s="13"/>
      <c r="AH24" s="24" t="s">
        <v>32</v>
      </c>
      <c r="AI24" s="27">
        <v>4421</v>
      </c>
      <c r="AJ24" s="27">
        <v>1834</v>
      </c>
      <c r="AK24" s="27">
        <v>2600</v>
      </c>
      <c r="AL24" s="27">
        <v>2498</v>
      </c>
      <c r="AM24" s="27">
        <v>1863</v>
      </c>
      <c r="AN24" s="27">
        <v>2474</v>
      </c>
      <c r="AO24" s="27">
        <v>3126</v>
      </c>
      <c r="AP24" s="27">
        <v>3795</v>
      </c>
      <c r="AQ24" s="27">
        <v>3582</v>
      </c>
      <c r="AR24" s="27">
        <v>4573</v>
      </c>
      <c r="AS24" s="27">
        <v>4206</v>
      </c>
      <c r="AT24" s="27">
        <v>4650</v>
      </c>
      <c r="AU24" s="27">
        <v>4755</v>
      </c>
      <c r="AV24" s="27">
        <v>4830</v>
      </c>
      <c r="AW24" s="27">
        <v>4329</v>
      </c>
      <c r="AX24" s="27">
        <v>4820</v>
      </c>
      <c r="AY24" s="27">
        <v>4815</v>
      </c>
      <c r="AZ24" s="27">
        <v>5199</v>
      </c>
      <c r="BA24" s="27">
        <v>4496</v>
      </c>
      <c r="BB24" s="27">
        <v>4995</v>
      </c>
      <c r="BC24" s="27">
        <v>5019</v>
      </c>
      <c r="BD24" s="27">
        <v>5123</v>
      </c>
      <c r="BE24" s="27">
        <v>4616</v>
      </c>
      <c r="BF24" s="27">
        <v>5136</v>
      </c>
      <c r="BG24" s="27">
        <v>5112</v>
      </c>
      <c r="BH24" s="13"/>
      <c r="BI24" s="16"/>
      <c r="BL24" s="24" t="s">
        <v>32</v>
      </c>
      <c r="BM24" s="27">
        <f t="shared" si="1"/>
        <v>1</v>
      </c>
      <c r="BN24" s="27">
        <f t="shared" si="2"/>
        <v>0</v>
      </c>
      <c r="BO24" s="27">
        <f t="shared" si="3"/>
        <v>-1</v>
      </c>
      <c r="BP24" s="27">
        <f t="shared" si="4"/>
        <v>0</v>
      </c>
      <c r="BQ24" s="27">
        <f t="shared" si="5"/>
        <v>0</v>
      </c>
      <c r="BR24" s="27">
        <f t="shared" si="6"/>
        <v>0</v>
      </c>
      <c r="BS24" s="27">
        <f t="shared" si="7"/>
        <v>1</v>
      </c>
      <c r="BT24" s="27">
        <f t="shared" si="8"/>
        <v>-1</v>
      </c>
      <c r="BU24" s="27">
        <f t="shared" si="9"/>
        <v>0</v>
      </c>
      <c r="BV24" s="27">
        <f t="shared" si="10"/>
        <v>-1</v>
      </c>
      <c r="BW24" s="27">
        <f t="shared" si="11"/>
        <v>-1</v>
      </c>
      <c r="BX24" s="27">
        <f t="shared" si="12"/>
        <v>-2</v>
      </c>
      <c r="BY24" s="27">
        <f t="shared" si="13"/>
        <v>-2</v>
      </c>
      <c r="BZ24" s="27">
        <f t="shared" si="14"/>
        <v>-2</v>
      </c>
      <c r="CA24" s="27">
        <f t="shared" si="15"/>
        <v>-2</v>
      </c>
      <c r="CB24" s="27">
        <f t="shared" si="16"/>
        <v>0</v>
      </c>
      <c r="CC24" s="27">
        <f t="shared" si="17"/>
        <v>-1</v>
      </c>
      <c r="CD24" s="27">
        <f t="shared" si="18"/>
        <v>-1</v>
      </c>
      <c r="CE24" s="27">
        <f t="shared" si="19"/>
        <v>-4</v>
      </c>
      <c r="CF24" s="27">
        <f t="shared" si="20"/>
        <v>0</v>
      </c>
      <c r="CG24" s="27">
        <f t="shared" si="21"/>
        <v>0</v>
      </c>
      <c r="CH24" s="27">
        <f t="shared" si="22"/>
        <v>0</v>
      </c>
      <c r="CI24" s="27">
        <f t="shared" si="23"/>
        <v>0</v>
      </c>
      <c r="CJ24" s="27">
        <f t="shared" si="24"/>
        <v>0</v>
      </c>
      <c r="CK24" s="27">
        <f t="shared" si="25"/>
        <v>0</v>
      </c>
      <c r="CL24" s="18"/>
    </row>
    <row r="25" spans="1:90" x14ac:dyDescent="0.7">
      <c r="A25" s="7"/>
      <c r="D25" s="24" t="s">
        <v>33</v>
      </c>
      <c r="E25" s="28">
        <v>4420</v>
      </c>
      <c r="F25" s="28">
        <v>1834</v>
      </c>
      <c r="G25" s="28">
        <v>2601</v>
      </c>
      <c r="H25" s="28">
        <v>2498</v>
      </c>
      <c r="I25" s="28">
        <v>1863</v>
      </c>
      <c r="J25" s="28">
        <v>2474</v>
      </c>
      <c r="K25" s="28">
        <v>3125</v>
      </c>
      <c r="L25" s="28">
        <v>3796</v>
      </c>
      <c r="M25" s="28">
        <v>3582</v>
      </c>
      <c r="N25" s="28">
        <v>4574</v>
      </c>
      <c r="O25" s="28">
        <v>4207</v>
      </c>
      <c r="P25" s="28">
        <v>4652</v>
      </c>
      <c r="Q25" s="28">
        <v>4757</v>
      </c>
      <c r="R25" s="28">
        <v>4832</v>
      </c>
      <c r="S25" s="28">
        <v>4331</v>
      </c>
      <c r="T25" s="28">
        <v>4820</v>
      </c>
      <c r="U25" s="28">
        <v>4816</v>
      </c>
      <c r="V25" s="28">
        <v>5200</v>
      </c>
      <c r="W25" s="28">
        <v>4500</v>
      </c>
      <c r="X25" s="28">
        <v>4995</v>
      </c>
      <c r="Y25" s="28">
        <v>5019</v>
      </c>
      <c r="Z25" s="28">
        <v>5123</v>
      </c>
      <c r="AA25" s="28">
        <v>4616</v>
      </c>
      <c r="AB25" s="28">
        <v>5136</v>
      </c>
      <c r="AC25" s="28">
        <v>5112</v>
      </c>
      <c r="AD25" s="7"/>
      <c r="AE25" s="13"/>
      <c r="AH25" s="24" t="s">
        <v>33</v>
      </c>
      <c r="AI25" s="27">
        <v>4421</v>
      </c>
      <c r="AJ25" s="27">
        <v>1834</v>
      </c>
      <c r="AK25" s="27">
        <v>2600</v>
      </c>
      <c r="AL25" s="27">
        <v>2498</v>
      </c>
      <c r="AM25" s="27">
        <v>1863</v>
      </c>
      <c r="AN25" s="27">
        <v>2474</v>
      </c>
      <c r="AO25" s="27">
        <v>3126</v>
      </c>
      <c r="AP25" s="27">
        <v>3795</v>
      </c>
      <c r="AQ25" s="27">
        <v>3582</v>
      </c>
      <c r="AR25" s="27">
        <v>4573</v>
      </c>
      <c r="AS25" s="27">
        <v>4206</v>
      </c>
      <c r="AT25" s="27">
        <v>4650</v>
      </c>
      <c r="AU25" s="27">
        <v>4755</v>
      </c>
      <c r="AV25" s="27">
        <v>4830</v>
      </c>
      <c r="AW25" s="27">
        <v>4329</v>
      </c>
      <c r="AX25" s="27">
        <v>4820</v>
      </c>
      <c r="AY25" s="27">
        <v>4815</v>
      </c>
      <c r="AZ25" s="27">
        <v>5199</v>
      </c>
      <c r="BA25" s="27">
        <v>4496</v>
      </c>
      <c r="BB25" s="27">
        <v>4995</v>
      </c>
      <c r="BC25" s="27">
        <v>5019</v>
      </c>
      <c r="BD25" s="27">
        <v>5123</v>
      </c>
      <c r="BE25" s="27">
        <v>4616</v>
      </c>
      <c r="BF25" s="27">
        <v>5136</v>
      </c>
      <c r="BG25" s="27">
        <v>5112</v>
      </c>
      <c r="BH25" s="13"/>
      <c r="BI25" s="16"/>
      <c r="BL25" s="24" t="s">
        <v>33</v>
      </c>
      <c r="BM25" s="27">
        <f t="shared" si="1"/>
        <v>1</v>
      </c>
      <c r="BN25" s="27">
        <f t="shared" si="2"/>
        <v>0</v>
      </c>
      <c r="BO25" s="27">
        <f t="shared" si="3"/>
        <v>-1</v>
      </c>
      <c r="BP25" s="27">
        <f t="shared" si="4"/>
        <v>0</v>
      </c>
      <c r="BQ25" s="27">
        <f t="shared" si="5"/>
        <v>0</v>
      </c>
      <c r="BR25" s="27">
        <f t="shared" si="6"/>
        <v>0</v>
      </c>
      <c r="BS25" s="27">
        <f t="shared" si="7"/>
        <v>1</v>
      </c>
      <c r="BT25" s="27">
        <f t="shared" si="8"/>
        <v>-1</v>
      </c>
      <c r="BU25" s="27">
        <f t="shared" si="9"/>
        <v>0</v>
      </c>
      <c r="BV25" s="27">
        <f t="shared" si="10"/>
        <v>-1</v>
      </c>
      <c r="BW25" s="27">
        <f t="shared" si="11"/>
        <v>-1</v>
      </c>
      <c r="BX25" s="27">
        <f t="shared" si="12"/>
        <v>-2</v>
      </c>
      <c r="BY25" s="27">
        <f t="shared" si="13"/>
        <v>-2</v>
      </c>
      <c r="BZ25" s="27">
        <f t="shared" si="14"/>
        <v>-2</v>
      </c>
      <c r="CA25" s="27">
        <f t="shared" si="15"/>
        <v>-2</v>
      </c>
      <c r="CB25" s="27">
        <f t="shared" si="16"/>
        <v>0</v>
      </c>
      <c r="CC25" s="27">
        <f t="shared" si="17"/>
        <v>-1</v>
      </c>
      <c r="CD25" s="27">
        <f t="shared" si="18"/>
        <v>-1</v>
      </c>
      <c r="CE25" s="27">
        <f t="shared" si="19"/>
        <v>-4</v>
      </c>
      <c r="CF25" s="27">
        <f t="shared" si="20"/>
        <v>0</v>
      </c>
      <c r="CG25" s="27">
        <f t="shared" si="21"/>
        <v>0</v>
      </c>
      <c r="CH25" s="27">
        <f t="shared" si="22"/>
        <v>0</v>
      </c>
      <c r="CI25" s="27">
        <f t="shared" si="23"/>
        <v>0</v>
      </c>
      <c r="CJ25" s="27">
        <f t="shared" si="24"/>
        <v>0</v>
      </c>
      <c r="CK25" s="27">
        <f t="shared" si="25"/>
        <v>0</v>
      </c>
      <c r="CL25" s="18"/>
    </row>
    <row r="26" spans="1:90" x14ac:dyDescent="0.7">
      <c r="A26" s="7"/>
      <c r="B26" s="24" t="s">
        <v>44</v>
      </c>
      <c r="C26" s="24" t="s">
        <v>26</v>
      </c>
      <c r="D26" s="24" t="s">
        <v>45</v>
      </c>
      <c r="E26" s="28">
        <v>154004</v>
      </c>
      <c r="F26" s="28">
        <v>158634</v>
      </c>
      <c r="G26" s="28">
        <v>171552</v>
      </c>
      <c r="H26" s="28">
        <v>180030</v>
      </c>
      <c r="I26" s="28">
        <v>145929</v>
      </c>
      <c r="J26" s="28">
        <v>186358</v>
      </c>
      <c r="K26" s="28">
        <v>192186</v>
      </c>
      <c r="L26" s="28">
        <v>193921</v>
      </c>
      <c r="M26" s="28">
        <v>176397</v>
      </c>
      <c r="N26" s="28">
        <v>204089</v>
      </c>
      <c r="O26" s="28">
        <v>200641</v>
      </c>
      <c r="P26" s="28">
        <v>200530</v>
      </c>
      <c r="Q26" s="28">
        <v>186469</v>
      </c>
      <c r="R26" s="28">
        <v>205220</v>
      </c>
      <c r="S26" s="28">
        <v>201479</v>
      </c>
      <c r="T26" s="28">
        <v>204321</v>
      </c>
      <c r="U26" s="28">
        <v>190221</v>
      </c>
      <c r="V26" s="28">
        <v>213687</v>
      </c>
      <c r="W26" s="28">
        <v>211928</v>
      </c>
      <c r="X26" s="28">
        <v>215463</v>
      </c>
      <c r="Y26" s="28">
        <v>199530</v>
      </c>
      <c r="Z26" s="28">
        <v>221906</v>
      </c>
      <c r="AA26" s="28">
        <v>221370</v>
      </c>
      <c r="AB26" s="28">
        <v>229301</v>
      </c>
      <c r="AC26" s="28">
        <v>204068</v>
      </c>
      <c r="AD26" s="7"/>
      <c r="AE26" s="13"/>
      <c r="AF26" s="24" t="s">
        <v>44</v>
      </c>
      <c r="AG26" s="24" t="s">
        <v>26</v>
      </c>
      <c r="AH26" s="24" t="s">
        <v>45</v>
      </c>
      <c r="AI26" s="27">
        <v>154006</v>
      </c>
      <c r="AJ26" s="27">
        <v>158636</v>
      </c>
      <c r="AK26" s="27">
        <v>171552</v>
      </c>
      <c r="AL26" s="27">
        <v>180029</v>
      </c>
      <c r="AM26" s="27">
        <v>146088</v>
      </c>
      <c r="AN26" s="27">
        <v>186250</v>
      </c>
      <c r="AO26" s="27">
        <v>193257</v>
      </c>
      <c r="AP26" s="27">
        <v>193921</v>
      </c>
      <c r="AQ26" s="27">
        <v>176068</v>
      </c>
      <c r="AR26" s="27">
        <v>204088</v>
      </c>
      <c r="AS26" s="27">
        <v>200640</v>
      </c>
      <c r="AT26" s="27">
        <v>200101</v>
      </c>
      <c r="AU26" s="27">
        <v>186074</v>
      </c>
      <c r="AV26" s="27">
        <v>204767</v>
      </c>
      <c r="AW26" s="27">
        <v>201039</v>
      </c>
      <c r="AX26" s="27">
        <v>204325</v>
      </c>
      <c r="AY26" s="27">
        <v>190221</v>
      </c>
      <c r="AZ26" s="27">
        <v>213687</v>
      </c>
      <c r="BA26" s="27">
        <v>211652</v>
      </c>
      <c r="BB26" s="27">
        <v>216227</v>
      </c>
      <c r="BC26" s="27">
        <v>197002</v>
      </c>
      <c r="BD26" s="27">
        <v>221906</v>
      </c>
      <c r="BE26" s="27">
        <v>221396</v>
      </c>
      <c r="BF26" s="27">
        <v>228210</v>
      </c>
      <c r="BG26" s="27">
        <v>204068</v>
      </c>
      <c r="BH26" s="13"/>
      <c r="BI26" s="16"/>
      <c r="BJ26" s="24" t="s">
        <v>44</v>
      </c>
      <c r="BK26" s="24" t="s">
        <v>26</v>
      </c>
      <c r="BL26" s="24" t="s">
        <v>45</v>
      </c>
      <c r="BM26" s="27">
        <f t="shared" si="1"/>
        <v>2</v>
      </c>
      <c r="BN26" s="27">
        <f t="shared" si="2"/>
        <v>2</v>
      </c>
      <c r="BO26" s="27">
        <f t="shared" si="3"/>
        <v>0</v>
      </c>
      <c r="BP26" s="27">
        <f t="shared" si="4"/>
        <v>-1</v>
      </c>
      <c r="BQ26" s="27">
        <f t="shared" si="5"/>
        <v>159</v>
      </c>
      <c r="BR26" s="27">
        <f t="shared" si="6"/>
        <v>-108</v>
      </c>
      <c r="BS26" s="27">
        <f t="shared" si="7"/>
        <v>1071</v>
      </c>
      <c r="BT26" s="27">
        <f t="shared" si="8"/>
        <v>0</v>
      </c>
      <c r="BU26" s="27">
        <f t="shared" si="9"/>
        <v>-329</v>
      </c>
      <c r="BV26" s="27">
        <f t="shared" si="10"/>
        <v>-1</v>
      </c>
      <c r="BW26" s="27">
        <f t="shared" si="11"/>
        <v>-1</v>
      </c>
      <c r="BX26" s="27">
        <f t="shared" si="12"/>
        <v>-429</v>
      </c>
      <c r="BY26" s="27">
        <f t="shared" si="13"/>
        <v>-395</v>
      </c>
      <c r="BZ26" s="27">
        <f t="shared" si="14"/>
        <v>-453</v>
      </c>
      <c r="CA26" s="27">
        <f t="shared" si="15"/>
        <v>-440</v>
      </c>
      <c r="CB26" s="27">
        <f t="shared" si="16"/>
        <v>4</v>
      </c>
      <c r="CC26" s="27">
        <f t="shared" si="17"/>
        <v>0</v>
      </c>
      <c r="CD26" s="27">
        <f t="shared" si="18"/>
        <v>0</v>
      </c>
      <c r="CE26" s="27">
        <f t="shared" si="19"/>
        <v>-276</v>
      </c>
      <c r="CF26" s="27">
        <f t="shared" si="20"/>
        <v>764</v>
      </c>
      <c r="CG26" s="27">
        <f t="shared" si="21"/>
        <v>-2528</v>
      </c>
      <c r="CH26" s="27">
        <f t="shared" si="22"/>
        <v>0</v>
      </c>
      <c r="CI26" s="27">
        <f t="shared" si="23"/>
        <v>26</v>
      </c>
      <c r="CJ26" s="27">
        <f t="shared" si="24"/>
        <v>-1091</v>
      </c>
      <c r="CK26" s="27">
        <f t="shared" si="25"/>
        <v>0</v>
      </c>
      <c r="CL26" s="18"/>
    </row>
    <row r="27" spans="1:90" x14ac:dyDescent="0.7">
      <c r="A27" s="7"/>
      <c r="D27" s="24" t="s">
        <v>28</v>
      </c>
      <c r="E27" s="28">
        <v>141138</v>
      </c>
      <c r="F27" s="28">
        <v>150433</v>
      </c>
      <c r="G27" s="28">
        <v>161438</v>
      </c>
      <c r="H27" s="28">
        <v>170510</v>
      </c>
      <c r="I27" s="28">
        <v>138111</v>
      </c>
      <c r="J27" s="28">
        <v>176200</v>
      </c>
      <c r="K27" s="28">
        <v>179658</v>
      </c>
      <c r="L27" s="28">
        <v>180852</v>
      </c>
      <c r="M27" s="28">
        <v>163148</v>
      </c>
      <c r="N27" s="28">
        <v>188376</v>
      </c>
      <c r="O27" s="28">
        <v>184498</v>
      </c>
      <c r="P27" s="28">
        <v>185123</v>
      </c>
      <c r="Q27" s="28">
        <v>170551</v>
      </c>
      <c r="R27" s="28">
        <v>188871</v>
      </c>
      <c r="S27" s="28">
        <v>184646</v>
      </c>
      <c r="T27" s="28">
        <v>187694</v>
      </c>
      <c r="U27" s="28">
        <v>173363</v>
      </c>
      <c r="V27" s="28">
        <v>196170</v>
      </c>
      <c r="W27" s="28">
        <v>194049</v>
      </c>
      <c r="X27" s="28">
        <v>197537</v>
      </c>
      <c r="Y27" s="28">
        <v>181835</v>
      </c>
      <c r="Z27" s="28">
        <v>203741</v>
      </c>
      <c r="AA27" s="28">
        <v>202572</v>
      </c>
      <c r="AB27" s="28">
        <v>210134</v>
      </c>
      <c r="AC27" s="28">
        <v>184801</v>
      </c>
      <c r="AD27" s="7"/>
      <c r="AE27" s="13"/>
      <c r="AH27" s="24" t="s">
        <v>28</v>
      </c>
      <c r="AI27" s="27">
        <v>141139</v>
      </c>
      <c r="AJ27" s="27">
        <v>150434</v>
      </c>
      <c r="AK27" s="27">
        <v>161439</v>
      </c>
      <c r="AL27" s="27">
        <v>170509</v>
      </c>
      <c r="AM27" s="27">
        <v>138231</v>
      </c>
      <c r="AN27" s="27">
        <v>176092</v>
      </c>
      <c r="AO27" s="27">
        <v>180671</v>
      </c>
      <c r="AP27" s="27">
        <v>180851</v>
      </c>
      <c r="AQ27" s="27">
        <v>162819</v>
      </c>
      <c r="AR27" s="27">
        <v>188376</v>
      </c>
      <c r="AS27" s="27">
        <v>184497</v>
      </c>
      <c r="AT27" s="27">
        <v>184703</v>
      </c>
      <c r="AU27" s="27">
        <v>170166</v>
      </c>
      <c r="AV27" s="27">
        <v>188426</v>
      </c>
      <c r="AW27" s="27">
        <v>184215</v>
      </c>
      <c r="AX27" s="27">
        <v>187759</v>
      </c>
      <c r="AY27" s="27">
        <v>173362</v>
      </c>
      <c r="AZ27" s="27">
        <v>196170</v>
      </c>
      <c r="BA27" s="27">
        <v>193681</v>
      </c>
      <c r="BB27" s="27">
        <v>198300</v>
      </c>
      <c r="BC27" s="27">
        <v>179308</v>
      </c>
      <c r="BD27" s="27">
        <v>203741</v>
      </c>
      <c r="BE27" s="27">
        <v>202572</v>
      </c>
      <c r="BF27" s="27">
        <v>209042</v>
      </c>
      <c r="BG27" s="27">
        <v>184801</v>
      </c>
      <c r="BH27" s="13"/>
      <c r="BI27" s="16"/>
      <c r="BL27" s="24" t="s">
        <v>28</v>
      </c>
      <c r="BM27" s="27">
        <f t="shared" si="1"/>
        <v>1</v>
      </c>
      <c r="BN27" s="27">
        <f t="shared" si="2"/>
        <v>1</v>
      </c>
      <c r="BO27" s="27">
        <f t="shared" si="3"/>
        <v>1</v>
      </c>
      <c r="BP27" s="27">
        <f t="shared" si="4"/>
        <v>-1</v>
      </c>
      <c r="BQ27" s="27">
        <f t="shared" si="5"/>
        <v>120</v>
      </c>
      <c r="BR27" s="27">
        <f t="shared" si="6"/>
        <v>-108</v>
      </c>
      <c r="BS27" s="27">
        <f t="shared" si="7"/>
        <v>1013</v>
      </c>
      <c r="BT27" s="27">
        <f t="shared" si="8"/>
        <v>-1</v>
      </c>
      <c r="BU27" s="27">
        <f t="shared" si="9"/>
        <v>-329</v>
      </c>
      <c r="BV27" s="27">
        <f t="shared" si="10"/>
        <v>0</v>
      </c>
      <c r="BW27" s="27">
        <f t="shared" si="11"/>
        <v>-1</v>
      </c>
      <c r="BX27" s="27">
        <f t="shared" si="12"/>
        <v>-420</v>
      </c>
      <c r="BY27" s="27">
        <f t="shared" si="13"/>
        <v>-385</v>
      </c>
      <c r="BZ27" s="27">
        <f t="shared" si="14"/>
        <v>-445</v>
      </c>
      <c r="CA27" s="27">
        <f t="shared" si="15"/>
        <v>-431</v>
      </c>
      <c r="CB27" s="27">
        <f t="shared" si="16"/>
        <v>65</v>
      </c>
      <c r="CC27" s="27">
        <f t="shared" si="17"/>
        <v>-1</v>
      </c>
      <c r="CD27" s="27">
        <f t="shared" si="18"/>
        <v>0</v>
      </c>
      <c r="CE27" s="27">
        <f t="shared" si="19"/>
        <v>-368</v>
      </c>
      <c r="CF27" s="27">
        <f t="shared" si="20"/>
        <v>763</v>
      </c>
      <c r="CG27" s="27">
        <f t="shared" si="21"/>
        <v>-2527</v>
      </c>
      <c r="CH27" s="27">
        <f t="shared" si="22"/>
        <v>0</v>
      </c>
      <c r="CI27" s="27">
        <f t="shared" si="23"/>
        <v>0</v>
      </c>
      <c r="CJ27" s="27">
        <f t="shared" si="24"/>
        <v>-1092</v>
      </c>
      <c r="CK27" s="27">
        <f t="shared" si="25"/>
        <v>0</v>
      </c>
      <c r="CL27" s="18"/>
    </row>
    <row r="28" spans="1:90" x14ac:dyDescent="0.7">
      <c r="A28" s="7"/>
      <c r="D28" s="24" t="s">
        <v>29</v>
      </c>
      <c r="E28" s="28">
        <v>3293</v>
      </c>
      <c r="F28" s="28">
        <v>3377</v>
      </c>
      <c r="G28" s="28">
        <v>3396</v>
      </c>
      <c r="H28" s="28">
        <v>3468</v>
      </c>
      <c r="I28" s="28">
        <v>2656</v>
      </c>
      <c r="J28" s="28">
        <v>3048</v>
      </c>
      <c r="K28" s="28">
        <v>2857</v>
      </c>
      <c r="L28" s="28">
        <v>2666</v>
      </c>
      <c r="M28" s="28">
        <v>2345</v>
      </c>
      <c r="N28" s="28">
        <v>2620</v>
      </c>
      <c r="O28" s="28">
        <v>2425</v>
      </c>
      <c r="P28" s="28">
        <v>2513</v>
      </c>
      <c r="Q28" s="28">
        <v>2203</v>
      </c>
      <c r="R28" s="28">
        <v>2604</v>
      </c>
      <c r="S28" s="28">
        <v>2705</v>
      </c>
      <c r="T28" s="28">
        <v>3022</v>
      </c>
      <c r="U28" s="28">
        <v>1319</v>
      </c>
      <c r="V28" s="28">
        <v>1372</v>
      </c>
      <c r="W28" s="28">
        <v>1232</v>
      </c>
      <c r="X28" s="28">
        <v>1180</v>
      </c>
      <c r="Y28" s="28">
        <v>1026</v>
      </c>
      <c r="Z28" s="28">
        <v>1047</v>
      </c>
      <c r="AA28" s="28">
        <v>909</v>
      </c>
      <c r="AB28" s="28">
        <v>897</v>
      </c>
      <c r="AC28" s="28">
        <v>743</v>
      </c>
      <c r="AD28" s="7"/>
      <c r="AE28" s="13"/>
      <c r="AH28" s="24" t="s">
        <v>29</v>
      </c>
      <c r="AI28" s="27">
        <v>3293</v>
      </c>
      <c r="AJ28" s="27">
        <v>3378</v>
      </c>
      <c r="AK28" s="27">
        <v>3397</v>
      </c>
      <c r="AL28" s="27">
        <v>3468</v>
      </c>
      <c r="AM28" s="27">
        <v>2669</v>
      </c>
      <c r="AN28" s="27">
        <v>3056</v>
      </c>
      <c r="AO28" s="27">
        <v>2887</v>
      </c>
      <c r="AP28" s="27">
        <v>2665</v>
      </c>
      <c r="AQ28" s="27">
        <v>2292</v>
      </c>
      <c r="AR28" s="27">
        <v>2421</v>
      </c>
      <c r="AS28" s="27">
        <v>2151</v>
      </c>
      <c r="AT28" s="27">
        <v>2122</v>
      </c>
      <c r="AU28" s="27">
        <v>1779</v>
      </c>
      <c r="AV28" s="27">
        <v>1817</v>
      </c>
      <c r="AW28" s="27">
        <v>1571</v>
      </c>
      <c r="AX28" s="27">
        <v>1601</v>
      </c>
      <c r="AY28" s="27">
        <v>1319</v>
      </c>
      <c r="AZ28" s="27">
        <v>1372</v>
      </c>
      <c r="BA28" s="27">
        <v>1211</v>
      </c>
      <c r="BB28" s="27">
        <v>1180</v>
      </c>
      <c r="BC28" s="27">
        <v>1026</v>
      </c>
      <c r="BD28" s="27">
        <v>1047</v>
      </c>
      <c r="BE28" s="27">
        <v>909</v>
      </c>
      <c r="BF28" s="27">
        <v>897</v>
      </c>
      <c r="BG28" s="27">
        <v>743</v>
      </c>
      <c r="BH28" s="13"/>
      <c r="BI28" s="16"/>
      <c r="BL28" s="24" t="s">
        <v>29</v>
      </c>
      <c r="BM28" s="27">
        <f t="shared" si="1"/>
        <v>0</v>
      </c>
      <c r="BN28" s="27">
        <f t="shared" si="2"/>
        <v>1</v>
      </c>
      <c r="BO28" s="27">
        <f t="shared" si="3"/>
        <v>1</v>
      </c>
      <c r="BP28" s="27">
        <f t="shared" si="4"/>
        <v>0</v>
      </c>
      <c r="BQ28" s="27">
        <f t="shared" si="5"/>
        <v>13</v>
      </c>
      <c r="BR28" s="27">
        <f t="shared" si="6"/>
        <v>8</v>
      </c>
      <c r="BS28" s="27">
        <f t="shared" si="7"/>
        <v>30</v>
      </c>
      <c r="BT28" s="27">
        <f t="shared" si="8"/>
        <v>-1</v>
      </c>
      <c r="BU28" s="27">
        <f t="shared" si="9"/>
        <v>-53</v>
      </c>
      <c r="BV28" s="27">
        <f t="shared" si="10"/>
        <v>-199</v>
      </c>
      <c r="BW28" s="27">
        <f t="shared" si="11"/>
        <v>-274</v>
      </c>
      <c r="BX28" s="27">
        <f t="shared" si="12"/>
        <v>-391</v>
      </c>
      <c r="BY28" s="27">
        <f t="shared" si="13"/>
        <v>-424</v>
      </c>
      <c r="BZ28" s="27">
        <f t="shared" si="14"/>
        <v>-787</v>
      </c>
      <c r="CA28" s="27">
        <f t="shared" si="15"/>
        <v>-1134</v>
      </c>
      <c r="CB28" s="27">
        <f t="shared" si="16"/>
        <v>-1421</v>
      </c>
      <c r="CC28" s="27">
        <f t="shared" si="17"/>
        <v>0</v>
      </c>
      <c r="CD28" s="27">
        <f t="shared" si="18"/>
        <v>0</v>
      </c>
      <c r="CE28" s="27">
        <f t="shared" si="19"/>
        <v>-21</v>
      </c>
      <c r="CF28" s="27">
        <f t="shared" si="20"/>
        <v>0</v>
      </c>
      <c r="CG28" s="27">
        <f t="shared" si="21"/>
        <v>0</v>
      </c>
      <c r="CH28" s="27">
        <f t="shared" si="22"/>
        <v>0</v>
      </c>
      <c r="CI28" s="27">
        <f t="shared" si="23"/>
        <v>0</v>
      </c>
      <c r="CJ28" s="27">
        <f t="shared" si="24"/>
        <v>0</v>
      </c>
      <c r="CK28" s="27">
        <f t="shared" si="25"/>
        <v>0</v>
      </c>
      <c r="CL28" s="18"/>
    </row>
    <row r="29" spans="1:90" x14ac:dyDescent="0.7">
      <c r="A29" s="7"/>
      <c r="D29" s="24" t="s">
        <v>30</v>
      </c>
      <c r="E29" s="28">
        <v>106568</v>
      </c>
      <c r="F29" s="28">
        <v>112733</v>
      </c>
      <c r="G29" s="28">
        <v>121417</v>
      </c>
      <c r="H29" s="28">
        <v>127340</v>
      </c>
      <c r="I29" s="28">
        <v>100940</v>
      </c>
      <c r="J29" s="28">
        <v>130225</v>
      </c>
      <c r="K29" s="28">
        <v>133337</v>
      </c>
      <c r="L29" s="28">
        <v>134584</v>
      </c>
      <c r="M29" s="28">
        <v>119353</v>
      </c>
      <c r="N29" s="28">
        <v>138407</v>
      </c>
      <c r="O29" s="28">
        <v>133879</v>
      </c>
      <c r="P29" s="28">
        <v>133410</v>
      </c>
      <c r="Q29" s="28">
        <v>117240</v>
      </c>
      <c r="R29" s="28">
        <v>127577</v>
      </c>
      <c r="S29" s="28">
        <v>121795</v>
      </c>
      <c r="T29" s="28">
        <v>123469</v>
      </c>
      <c r="U29" s="28">
        <v>114327</v>
      </c>
      <c r="V29" s="28">
        <v>128965</v>
      </c>
      <c r="W29" s="28">
        <v>124709</v>
      </c>
      <c r="X29" s="28">
        <v>126162</v>
      </c>
      <c r="Y29" s="28">
        <v>114808</v>
      </c>
      <c r="Z29" s="28">
        <v>127165</v>
      </c>
      <c r="AA29" s="28">
        <v>123818</v>
      </c>
      <c r="AB29" s="28">
        <v>126552</v>
      </c>
      <c r="AC29" s="28">
        <v>113463</v>
      </c>
      <c r="AD29" s="7"/>
      <c r="AE29" s="13"/>
      <c r="AH29" s="24" t="s">
        <v>30</v>
      </c>
      <c r="AI29" s="27">
        <v>106569</v>
      </c>
      <c r="AJ29" s="27">
        <v>112732</v>
      </c>
      <c r="AK29" s="27">
        <v>121418</v>
      </c>
      <c r="AL29" s="27">
        <v>127339</v>
      </c>
      <c r="AM29" s="27">
        <v>101054</v>
      </c>
      <c r="AN29" s="27">
        <v>130140</v>
      </c>
      <c r="AO29" s="27">
        <v>134211</v>
      </c>
      <c r="AP29" s="27">
        <v>134585</v>
      </c>
      <c r="AQ29" s="27">
        <v>119147</v>
      </c>
      <c r="AR29" s="27">
        <v>138872</v>
      </c>
      <c r="AS29" s="27">
        <v>134549</v>
      </c>
      <c r="AT29" s="27">
        <v>133975</v>
      </c>
      <c r="AU29" s="27">
        <v>117919</v>
      </c>
      <c r="AV29" s="27">
        <v>128912</v>
      </c>
      <c r="AW29" s="27">
        <v>124021</v>
      </c>
      <c r="AX29" s="27">
        <v>126321</v>
      </c>
      <c r="AY29" s="27">
        <v>114327</v>
      </c>
      <c r="AZ29" s="27">
        <v>128965</v>
      </c>
      <c r="BA29" s="27">
        <v>124300</v>
      </c>
      <c r="BB29" s="27">
        <v>126926</v>
      </c>
      <c r="BC29" s="27">
        <v>112280</v>
      </c>
      <c r="BD29" s="27">
        <v>127165</v>
      </c>
      <c r="BE29" s="27">
        <v>123818</v>
      </c>
      <c r="BF29" s="27">
        <v>126552</v>
      </c>
      <c r="BG29" s="27">
        <v>113463</v>
      </c>
      <c r="BH29" s="13"/>
      <c r="BI29" s="16"/>
      <c r="BL29" s="24" t="s">
        <v>30</v>
      </c>
      <c r="BM29" s="27">
        <f t="shared" si="1"/>
        <v>1</v>
      </c>
      <c r="BN29" s="27">
        <f t="shared" si="2"/>
        <v>-1</v>
      </c>
      <c r="BO29" s="27">
        <f t="shared" si="3"/>
        <v>1</v>
      </c>
      <c r="BP29" s="27">
        <f t="shared" si="4"/>
        <v>-1</v>
      </c>
      <c r="BQ29" s="27">
        <f t="shared" si="5"/>
        <v>114</v>
      </c>
      <c r="BR29" s="27">
        <f t="shared" si="6"/>
        <v>-85</v>
      </c>
      <c r="BS29" s="27">
        <f t="shared" si="7"/>
        <v>874</v>
      </c>
      <c r="BT29" s="27">
        <f t="shared" si="8"/>
        <v>1</v>
      </c>
      <c r="BU29" s="27">
        <f t="shared" si="9"/>
        <v>-206</v>
      </c>
      <c r="BV29" s="27">
        <f t="shared" si="10"/>
        <v>465</v>
      </c>
      <c r="BW29" s="27">
        <f t="shared" si="11"/>
        <v>670</v>
      </c>
      <c r="BX29" s="27">
        <f t="shared" si="12"/>
        <v>565</v>
      </c>
      <c r="BY29" s="27">
        <f t="shared" si="13"/>
        <v>679</v>
      </c>
      <c r="BZ29" s="27">
        <f t="shared" si="14"/>
        <v>1335</v>
      </c>
      <c r="CA29" s="27">
        <f t="shared" si="15"/>
        <v>2226</v>
      </c>
      <c r="CB29" s="27">
        <f t="shared" si="16"/>
        <v>2852</v>
      </c>
      <c r="CC29" s="27">
        <f t="shared" si="17"/>
        <v>0</v>
      </c>
      <c r="CD29" s="27">
        <f t="shared" si="18"/>
        <v>0</v>
      </c>
      <c r="CE29" s="27">
        <f t="shared" si="19"/>
        <v>-409</v>
      </c>
      <c r="CF29" s="27">
        <f t="shared" si="20"/>
        <v>764</v>
      </c>
      <c r="CG29" s="27">
        <f t="shared" si="21"/>
        <v>-2528</v>
      </c>
      <c r="CH29" s="27">
        <f t="shared" si="22"/>
        <v>0</v>
      </c>
      <c r="CI29" s="27">
        <f t="shared" si="23"/>
        <v>0</v>
      </c>
      <c r="CJ29" s="27">
        <f t="shared" si="24"/>
        <v>0</v>
      </c>
      <c r="CK29" s="27">
        <f t="shared" si="25"/>
        <v>0</v>
      </c>
      <c r="CL29" s="18"/>
    </row>
    <row r="30" spans="1:90" x14ac:dyDescent="0.7">
      <c r="A30" s="7"/>
      <c r="D30" s="24" t="s">
        <v>31</v>
      </c>
      <c r="E30" s="28">
        <v>31277</v>
      </c>
      <c r="F30" s="28">
        <v>34323</v>
      </c>
      <c r="G30" s="28">
        <v>36625</v>
      </c>
      <c r="H30" s="28">
        <v>39702</v>
      </c>
      <c r="I30" s="28">
        <v>34515</v>
      </c>
      <c r="J30" s="28">
        <v>42927</v>
      </c>
      <c r="K30" s="28">
        <v>43464</v>
      </c>
      <c r="L30" s="28">
        <v>43602</v>
      </c>
      <c r="M30" s="28">
        <v>41450</v>
      </c>
      <c r="N30" s="28">
        <v>47349</v>
      </c>
      <c r="O30" s="28">
        <v>48194</v>
      </c>
      <c r="P30" s="28">
        <v>49200</v>
      </c>
      <c r="Q30" s="28">
        <v>51108</v>
      </c>
      <c r="R30" s="28">
        <v>58690</v>
      </c>
      <c r="S30" s="28">
        <v>60146</v>
      </c>
      <c r="T30" s="28">
        <v>61203</v>
      </c>
      <c r="U30" s="28">
        <v>57717</v>
      </c>
      <c r="V30" s="28">
        <v>65833</v>
      </c>
      <c r="W30" s="28">
        <v>68107</v>
      </c>
      <c r="X30" s="28">
        <v>70194</v>
      </c>
      <c r="Y30" s="28">
        <v>66001</v>
      </c>
      <c r="Z30" s="28">
        <v>75530</v>
      </c>
      <c r="AA30" s="28">
        <v>77845</v>
      </c>
      <c r="AB30" s="28">
        <v>82684</v>
      </c>
      <c r="AC30" s="28">
        <v>70595</v>
      </c>
      <c r="AD30" s="7"/>
      <c r="AE30" s="13"/>
      <c r="AH30" s="24" t="s">
        <v>31</v>
      </c>
      <c r="AI30" s="27">
        <v>31277</v>
      </c>
      <c r="AJ30" s="27">
        <v>34324</v>
      </c>
      <c r="AK30" s="27">
        <v>36624</v>
      </c>
      <c r="AL30" s="27">
        <v>39702</v>
      </c>
      <c r="AM30" s="27">
        <v>34507</v>
      </c>
      <c r="AN30" s="27">
        <v>42897</v>
      </c>
      <c r="AO30" s="27">
        <v>43573</v>
      </c>
      <c r="AP30" s="27">
        <v>43601</v>
      </c>
      <c r="AQ30" s="27">
        <v>41380</v>
      </c>
      <c r="AR30" s="27">
        <v>47083</v>
      </c>
      <c r="AS30" s="27">
        <v>47797</v>
      </c>
      <c r="AT30" s="27">
        <v>48606</v>
      </c>
      <c r="AU30" s="27">
        <v>50467</v>
      </c>
      <c r="AV30" s="27">
        <v>57696</v>
      </c>
      <c r="AW30" s="27">
        <v>58623</v>
      </c>
      <c r="AX30" s="27">
        <v>59837</v>
      </c>
      <c r="AY30" s="27">
        <v>57717</v>
      </c>
      <c r="AZ30" s="27">
        <v>65833</v>
      </c>
      <c r="BA30" s="27">
        <v>68170</v>
      </c>
      <c r="BB30" s="27">
        <v>70194</v>
      </c>
      <c r="BC30" s="27">
        <v>66001</v>
      </c>
      <c r="BD30" s="27">
        <v>75530</v>
      </c>
      <c r="BE30" s="27">
        <v>77845</v>
      </c>
      <c r="BF30" s="27">
        <v>81593</v>
      </c>
      <c r="BG30" s="27">
        <v>70595</v>
      </c>
      <c r="BH30" s="13"/>
      <c r="BI30" s="16"/>
      <c r="BL30" s="24" t="s">
        <v>31</v>
      </c>
      <c r="BM30" s="27">
        <f t="shared" si="1"/>
        <v>0</v>
      </c>
      <c r="BN30" s="27">
        <f t="shared" si="2"/>
        <v>1</v>
      </c>
      <c r="BO30" s="27">
        <f t="shared" si="3"/>
        <v>-1</v>
      </c>
      <c r="BP30" s="27">
        <f t="shared" si="4"/>
        <v>0</v>
      </c>
      <c r="BQ30" s="27">
        <f t="shared" si="5"/>
        <v>-8</v>
      </c>
      <c r="BR30" s="27">
        <f t="shared" si="6"/>
        <v>-30</v>
      </c>
      <c r="BS30" s="27">
        <f t="shared" si="7"/>
        <v>109</v>
      </c>
      <c r="BT30" s="27">
        <f t="shared" si="8"/>
        <v>-1</v>
      </c>
      <c r="BU30" s="27">
        <f t="shared" si="9"/>
        <v>-70</v>
      </c>
      <c r="BV30" s="27">
        <f t="shared" si="10"/>
        <v>-266</v>
      </c>
      <c r="BW30" s="27">
        <f t="shared" si="11"/>
        <v>-397</v>
      </c>
      <c r="BX30" s="27">
        <f t="shared" si="12"/>
        <v>-594</v>
      </c>
      <c r="BY30" s="27">
        <f t="shared" si="13"/>
        <v>-641</v>
      </c>
      <c r="BZ30" s="27">
        <f t="shared" si="14"/>
        <v>-994</v>
      </c>
      <c r="CA30" s="27">
        <f t="shared" si="15"/>
        <v>-1523</v>
      </c>
      <c r="CB30" s="27">
        <f t="shared" si="16"/>
        <v>-1366</v>
      </c>
      <c r="CC30" s="27">
        <f t="shared" si="17"/>
        <v>0</v>
      </c>
      <c r="CD30" s="27">
        <f t="shared" si="18"/>
        <v>0</v>
      </c>
      <c r="CE30" s="27">
        <f t="shared" si="19"/>
        <v>63</v>
      </c>
      <c r="CF30" s="27">
        <f t="shared" si="20"/>
        <v>0</v>
      </c>
      <c r="CG30" s="27">
        <f t="shared" si="21"/>
        <v>0</v>
      </c>
      <c r="CH30" s="27">
        <f t="shared" si="22"/>
        <v>0</v>
      </c>
      <c r="CI30" s="27">
        <f t="shared" si="23"/>
        <v>0</v>
      </c>
      <c r="CJ30" s="27">
        <f t="shared" si="24"/>
        <v>-1091</v>
      </c>
      <c r="CK30" s="27">
        <f t="shared" si="25"/>
        <v>0</v>
      </c>
      <c r="CL30" s="18"/>
    </row>
    <row r="31" spans="1:90" x14ac:dyDescent="0.7">
      <c r="A31" s="7"/>
      <c r="D31" s="24" t="s">
        <v>32</v>
      </c>
      <c r="E31" s="28">
        <v>12866</v>
      </c>
      <c r="F31" s="28">
        <v>8201</v>
      </c>
      <c r="G31" s="28">
        <v>10114</v>
      </c>
      <c r="H31" s="28">
        <v>9520</v>
      </c>
      <c r="I31" s="28">
        <v>7818</v>
      </c>
      <c r="J31" s="28">
        <v>10158</v>
      </c>
      <c r="K31" s="28">
        <v>12528</v>
      </c>
      <c r="L31" s="28">
        <v>13069</v>
      </c>
      <c r="M31" s="28">
        <v>13249</v>
      </c>
      <c r="N31" s="28">
        <v>15713</v>
      </c>
      <c r="O31" s="28">
        <v>16143</v>
      </c>
      <c r="P31" s="28">
        <v>15407</v>
      </c>
      <c r="Q31" s="28">
        <v>15918</v>
      </c>
      <c r="R31" s="28">
        <v>16350</v>
      </c>
      <c r="S31" s="28">
        <v>16833</v>
      </c>
      <c r="T31" s="28">
        <v>16628</v>
      </c>
      <c r="U31" s="28">
        <v>16859</v>
      </c>
      <c r="V31" s="28">
        <v>17517</v>
      </c>
      <c r="W31" s="28">
        <v>17880</v>
      </c>
      <c r="X31" s="28">
        <v>17926</v>
      </c>
      <c r="Y31" s="28">
        <v>17695</v>
      </c>
      <c r="Z31" s="28">
        <v>18165</v>
      </c>
      <c r="AA31" s="28">
        <v>18797</v>
      </c>
      <c r="AB31" s="28">
        <v>19168</v>
      </c>
      <c r="AC31" s="28">
        <v>19267</v>
      </c>
      <c r="AD31" s="7"/>
      <c r="AE31" s="13"/>
      <c r="AH31" s="24" t="s">
        <v>32</v>
      </c>
      <c r="AI31" s="27">
        <v>12867</v>
      </c>
      <c r="AJ31" s="27">
        <v>8202</v>
      </c>
      <c r="AK31" s="27">
        <v>10113</v>
      </c>
      <c r="AL31" s="27">
        <v>9520</v>
      </c>
      <c r="AM31" s="27">
        <v>7857</v>
      </c>
      <c r="AN31" s="27">
        <v>10157</v>
      </c>
      <c r="AO31" s="27">
        <v>12586</v>
      </c>
      <c r="AP31" s="27">
        <v>13070</v>
      </c>
      <c r="AQ31" s="27">
        <v>13249</v>
      </c>
      <c r="AR31" s="27">
        <v>15712</v>
      </c>
      <c r="AS31" s="27">
        <v>16144</v>
      </c>
      <c r="AT31" s="27">
        <v>15399</v>
      </c>
      <c r="AU31" s="27">
        <v>15908</v>
      </c>
      <c r="AV31" s="27">
        <v>16341</v>
      </c>
      <c r="AW31" s="27">
        <v>16823</v>
      </c>
      <c r="AX31" s="27">
        <v>16566</v>
      </c>
      <c r="AY31" s="27">
        <v>16859</v>
      </c>
      <c r="AZ31" s="27">
        <v>17517</v>
      </c>
      <c r="BA31" s="27">
        <v>17971</v>
      </c>
      <c r="BB31" s="27">
        <v>17926</v>
      </c>
      <c r="BC31" s="27">
        <v>17694</v>
      </c>
      <c r="BD31" s="27">
        <v>18165</v>
      </c>
      <c r="BE31" s="27">
        <v>18823</v>
      </c>
      <c r="BF31" s="27">
        <v>19168</v>
      </c>
      <c r="BG31" s="27">
        <v>19267</v>
      </c>
      <c r="BH31" s="13"/>
      <c r="BI31" s="16"/>
      <c r="BL31" s="24" t="s">
        <v>32</v>
      </c>
      <c r="BM31" s="27">
        <f t="shared" si="1"/>
        <v>1</v>
      </c>
      <c r="BN31" s="27">
        <f t="shared" si="2"/>
        <v>1</v>
      </c>
      <c r="BO31" s="27">
        <f t="shared" si="3"/>
        <v>-1</v>
      </c>
      <c r="BP31" s="27">
        <f t="shared" si="4"/>
        <v>0</v>
      </c>
      <c r="BQ31" s="27">
        <f t="shared" si="5"/>
        <v>39</v>
      </c>
      <c r="BR31" s="27">
        <f t="shared" si="6"/>
        <v>-1</v>
      </c>
      <c r="BS31" s="27">
        <f t="shared" si="7"/>
        <v>58</v>
      </c>
      <c r="BT31" s="27">
        <f t="shared" si="8"/>
        <v>1</v>
      </c>
      <c r="BU31" s="27">
        <f t="shared" si="9"/>
        <v>0</v>
      </c>
      <c r="BV31" s="27">
        <f t="shared" si="10"/>
        <v>-1</v>
      </c>
      <c r="BW31" s="27">
        <f t="shared" si="11"/>
        <v>1</v>
      </c>
      <c r="BX31" s="27">
        <f t="shared" si="12"/>
        <v>-8</v>
      </c>
      <c r="BY31" s="27">
        <f t="shared" si="13"/>
        <v>-10</v>
      </c>
      <c r="BZ31" s="27">
        <f t="shared" si="14"/>
        <v>-9</v>
      </c>
      <c r="CA31" s="27">
        <f t="shared" si="15"/>
        <v>-10</v>
      </c>
      <c r="CB31" s="27">
        <f t="shared" si="16"/>
        <v>-62</v>
      </c>
      <c r="CC31" s="27">
        <f t="shared" si="17"/>
        <v>0</v>
      </c>
      <c r="CD31" s="27">
        <f t="shared" si="18"/>
        <v>0</v>
      </c>
      <c r="CE31" s="27">
        <f t="shared" si="19"/>
        <v>91</v>
      </c>
      <c r="CF31" s="27">
        <f t="shared" si="20"/>
        <v>0</v>
      </c>
      <c r="CG31" s="27">
        <f t="shared" si="21"/>
        <v>-1</v>
      </c>
      <c r="CH31" s="27">
        <f t="shared" si="22"/>
        <v>0</v>
      </c>
      <c r="CI31" s="27">
        <f t="shared" si="23"/>
        <v>26</v>
      </c>
      <c r="CJ31" s="27">
        <f t="shared" si="24"/>
        <v>0</v>
      </c>
      <c r="CK31" s="27">
        <f t="shared" si="25"/>
        <v>0</v>
      </c>
      <c r="CL31" s="18"/>
    </row>
    <row r="32" spans="1:90" x14ac:dyDescent="0.7">
      <c r="A32" s="7"/>
      <c r="D32" s="24" t="s">
        <v>33</v>
      </c>
      <c r="E32" s="28">
        <v>12866</v>
      </c>
      <c r="F32" s="28">
        <v>8201</v>
      </c>
      <c r="G32" s="28">
        <v>10114</v>
      </c>
      <c r="H32" s="28">
        <v>9520</v>
      </c>
      <c r="I32" s="28">
        <v>7818</v>
      </c>
      <c r="J32" s="28">
        <v>10158</v>
      </c>
      <c r="K32" s="28">
        <v>12528</v>
      </c>
      <c r="L32" s="28">
        <v>13069</v>
      </c>
      <c r="M32" s="28">
        <v>13249</v>
      </c>
      <c r="N32" s="28">
        <v>15713</v>
      </c>
      <c r="O32" s="28">
        <v>16143</v>
      </c>
      <c r="P32" s="28">
        <v>15407</v>
      </c>
      <c r="Q32" s="28">
        <v>15918</v>
      </c>
      <c r="R32" s="28">
        <v>16350</v>
      </c>
      <c r="S32" s="28">
        <v>16833</v>
      </c>
      <c r="T32" s="28">
        <v>16628</v>
      </c>
      <c r="U32" s="28">
        <v>16859</v>
      </c>
      <c r="V32" s="28">
        <v>17517</v>
      </c>
      <c r="W32" s="28">
        <v>17880</v>
      </c>
      <c r="X32" s="28">
        <v>17926</v>
      </c>
      <c r="Y32" s="28">
        <v>17695</v>
      </c>
      <c r="Z32" s="28">
        <v>18165</v>
      </c>
      <c r="AA32" s="28">
        <v>18797</v>
      </c>
      <c r="AB32" s="28">
        <v>19168</v>
      </c>
      <c r="AC32" s="28">
        <v>19267</v>
      </c>
      <c r="AD32" s="7"/>
      <c r="AE32" s="13"/>
      <c r="AH32" s="24" t="s">
        <v>33</v>
      </c>
      <c r="AI32" s="27">
        <v>12867</v>
      </c>
      <c r="AJ32" s="27">
        <v>8202</v>
      </c>
      <c r="AK32" s="27">
        <v>10113</v>
      </c>
      <c r="AL32" s="27">
        <v>9520</v>
      </c>
      <c r="AM32" s="27">
        <v>7857</v>
      </c>
      <c r="AN32" s="27">
        <v>10157</v>
      </c>
      <c r="AO32" s="27">
        <v>12586</v>
      </c>
      <c r="AP32" s="27">
        <v>13070</v>
      </c>
      <c r="AQ32" s="27">
        <v>13249</v>
      </c>
      <c r="AR32" s="27">
        <v>15712</v>
      </c>
      <c r="AS32" s="27">
        <v>16144</v>
      </c>
      <c r="AT32" s="27">
        <v>15399</v>
      </c>
      <c r="AU32" s="27">
        <v>15908</v>
      </c>
      <c r="AV32" s="27">
        <v>16341</v>
      </c>
      <c r="AW32" s="27">
        <v>16823</v>
      </c>
      <c r="AX32" s="27">
        <v>16566</v>
      </c>
      <c r="AY32" s="27">
        <v>16859</v>
      </c>
      <c r="AZ32" s="27">
        <v>17517</v>
      </c>
      <c r="BA32" s="27">
        <v>17971</v>
      </c>
      <c r="BB32" s="27">
        <v>17926</v>
      </c>
      <c r="BC32" s="27">
        <v>17694</v>
      </c>
      <c r="BD32" s="27">
        <v>18165</v>
      </c>
      <c r="BE32" s="27">
        <v>18823</v>
      </c>
      <c r="BF32" s="27">
        <v>19168</v>
      </c>
      <c r="BG32" s="27">
        <v>19267</v>
      </c>
      <c r="BH32" s="13"/>
      <c r="BI32" s="16"/>
      <c r="BL32" s="24" t="s">
        <v>33</v>
      </c>
      <c r="BM32" s="27">
        <f t="shared" si="1"/>
        <v>1</v>
      </c>
      <c r="BN32" s="27">
        <f t="shared" si="2"/>
        <v>1</v>
      </c>
      <c r="BO32" s="27">
        <f t="shared" si="3"/>
        <v>-1</v>
      </c>
      <c r="BP32" s="27">
        <f t="shared" si="4"/>
        <v>0</v>
      </c>
      <c r="BQ32" s="27">
        <f t="shared" si="5"/>
        <v>39</v>
      </c>
      <c r="BR32" s="27">
        <f t="shared" si="6"/>
        <v>-1</v>
      </c>
      <c r="BS32" s="27">
        <f t="shared" si="7"/>
        <v>58</v>
      </c>
      <c r="BT32" s="27">
        <f t="shared" si="8"/>
        <v>1</v>
      </c>
      <c r="BU32" s="27">
        <f t="shared" si="9"/>
        <v>0</v>
      </c>
      <c r="BV32" s="27">
        <f t="shared" si="10"/>
        <v>-1</v>
      </c>
      <c r="BW32" s="27">
        <f t="shared" si="11"/>
        <v>1</v>
      </c>
      <c r="BX32" s="27">
        <f t="shared" si="12"/>
        <v>-8</v>
      </c>
      <c r="BY32" s="27">
        <f t="shared" si="13"/>
        <v>-10</v>
      </c>
      <c r="BZ32" s="27">
        <f t="shared" si="14"/>
        <v>-9</v>
      </c>
      <c r="CA32" s="27">
        <f t="shared" si="15"/>
        <v>-10</v>
      </c>
      <c r="CB32" s="27">
        <f t="shared" si="16"/>
        <v>-62</v>
      </c>
      <c r="CC32" s="27">
        <f t="shared" si="17"/>
        <v>0</v>
      </c>
      <c r="CD32" s="27">
        <f t="shared" si="18"/>
        <v>0</v>
      </c>
      <c r="CE32" s="27">
        <f t="shared" si="19"/>
        <v>91</v>
      </c>
      <c r="CF32" s="27">
        <f t="shared" si="20"/>
        <v>0</v>
      </c>
      <c r="CG32" s="27">
        <f t="shared" si="21"/>
        <v>-1</v>
      </c>
      <c r="CH32" s="27">
        <f t="shared" si="22"/>
        <v>0</v>
      </c>
      <c r="CI32" s="27">
        <f t="shared" si="23"/>
        <v>26</v>
      </c>
      <c r="CJ32" s="27">
        <f t="shared" si="24"/>
        <v>0</v>
      </c>
      <c r="CK32" s="27">
        <f t="shared" si="25"/>
        <v>0</v>
      </c>
      <c r="CL32" s="18"/>
    </row>
    <row r="33" spans="1:90" x14ac:dyDescent="0.7">
      <c r="A33" s="7"/>
      <c r="C33" s="24" t="s">
        <v>46</v>
      </c>
      <c r="D33" s="24" t="s">
        <v>45</v>
      </c>
      <c r="E33" s="28">
        <v>141406</v>
      </c>
      <c r="F33" s="28">
        <v>148543</v>
      </c>
      <c r="G33" s="28">
        <v>159521</v>
      </c>
      <c r="H33" s="28">
        <v>167255</v>
      </c>
      <c r="I33" s="28">
        <v>134779</v>
      </c>
      <c r="J33" s="28">
        <v>173280</v>
      </c>
      <c r="K33" s="28">
        <v>177453</v>
      </c>
      <c r="L33" s="28">
        <v>178026</v>
      </c>
      <c r="M33" s="28">
        <v>161198</v>
      </c>
      <c r="N33" s="28">
        <v>187069</v>
      </c>
      <c r="O33" s="28">
        <v>183963</v>
      </c>
      <c r="P33" s="28">
        <v>183098</v>
      </c>
      <c r="Q33" s="28">
        <v>170726</v>
      </c>
      <c r="R33" s="28">
        <v>190893</v>
      </c>
      <c r="S33" s="28">
        <v>187735</v>
      </c>
      <c r="T33" s="28">
        <v>189384</v>
      </c>
      <c r="U33" s="28">
        <v>176252</v>
      </c>
      <c r="V33" s="28">
        <v>198693</v>
      </c>
      <c r="W33" s="28">
        <v>197874</v>
      </c>
      <c r="X33" s="28">
        <v>199895</v>
      </c>
      <c r="Y33" s="28">
        <v>184665</v>
      </c>
      <c r="Z33" s="28">
        <v>206710</v>
      </c>
      <c r="AA33" s="28">
        <v>207154</v>
      </c>
      <c r="AB33" s="28">
        <v>213612</v>
      </c>
      <c r="AC33" s="28">
        <v>190203</v>
      </c>
      <c r="AD33" s="7"/>
      <c r="AE33" s="13"/>
      <c r="AG33" s="24" t="s">
        <v>46</v>
      </c>
      <c r="AH33" s="24" t="s">
        <v>45</v>
      </c>
      <c r="AI33" s="27">
        <v>141417</v>
      </c>
      <c r="AJ33" s="27">
        <v>148560</v>
      </c>
      <c r="AK33" s="27">
        <v>159538</v>
      </c>
      <c r="AL33" s="27">
        <v>167268</v>
      </c>
      <c r="AM33" s="27">
        <v>134952</v>
      </c>
      <c r="AN33" s="27">
        <v>173191</v>
      </c>
      <c r="AO33" s="27">
        <v>178528</v>
      </c>
      <c r="AP33" s="27">
        <v>178043</v>
      </c>
      <c r="AQ33" s="27">
        <v>160907</v>
      </c>
      <c r="AR33" s="27">
        <v>187086</v>
      </c>
      <c r="AS33" s="27">
        <v>183978</v>
      </c>
      <c r="AT33" s="27">
        <v>182701</v>
      </c>
      <c r="AU33" s="27">
        <v>170362</v>
      </c>
      <c r="AV33" s="27">
        <v>190468</v>
      </c>
      <c r="AW33" s="27">
        <v>187322</v>
      </c>
      <c r="AX33" s="27">
        <v>189400</v>
      </c>
      <c r="AY33" s="27">
        <v>176254</v>
      </c>
      <c r="AZ33" s="27">
        <v>198695</v>
      </c>
      <c r="BA33" s="27">
        <v>197631</v>
      </c>
      <c r="BB33" s="27">
        <v>200628</v>
      </c>
      <c r="BC33" s="27">
        <v>182243</v>
      </c>
      <c r="BD33" s="27">
        <v>206710</v>
      </c>
      <c r="BE33" s="27">
        <v>207180</v>
      </c>
      <c r="BF33" s="27">
        <v>212639</v>
      </c>
      <c r="BG33" s="27">
        <v>190203</v>
      </c>
      <c r="BH33" s="13"/>
      <c r="BI33" s="16"/>
      <c r="BK33" s="24" t="s">
        <v>46</v>
      </c>
      <c r="BL33" s="24" t="s">
        <v>45</v>
      </c>
      <c r="BM33" s="27">
        <f t="shared" si="1"/>
        <v>11</v>
      </c>
      <c r="BN33" s="27">
        <f t="shared" si="2"/>
        <v>17</v>
      </c>
      <c r="BO33" s="27">
        <f t="shared" si="3"/>
        <v>17</v>
      </c>
      <c r="BP33" s="27">
        <f t="shared" si="4"/>
        <v>13</v>
      </c>
      <c r="BQ33" s="27">
        <f t="shared" si="5"/>
        <v>173</v>
      </c>
      <c r="BR33" s="27">
        <f t="shared" si="6"/>
        <v>-89</v>
      </c>
      <c r="BS33" s="27">
        <f t="shared" si="7"/>
        <v>1075</v>
      </c>
      <c r="BT33" s="27">
        <f t="shared" si="8"/>
        <v>17</v>
      </c>
      <c r="BU33" s="27">
        <f t="shared" si="9"/>
        <v>-291</v>
      </c>
      <c r="BV33" s="27">
        <f t="shared" si="10"/>
        <v>17</v>
      </c>
      <c r="BW33" s="27">
        <f t="shared" si="11"/>
        <v>15</v>
      </c>
      <c r="BX33" s="27">
        <f t="shared" si="12"/>
        <v>-397</v>
      </c>
      <c r="BY33" s="27">
        <f t="shared" si="13"/>
        <v>-364</v>
      </c>
      <c r="BZ33" s="27">
        <f t="shared" si="14"/>
        <v>-425</v>
      </c>
      <c r="CA33" s="27">
        <f t="shared" si="15"/>
        <v>-413</v>
      </c>
      <c r="CB33" s="27">
        <f t="shared" si="16"/>
        <v>16</v>
      </c>
      <c r="CC33" s="27">
        <f t="shared" si="17"/>
        <v>2</v>
      </c>
      <c r="CD33" s="27">
        <f t="shared" si="18"/>
        <v>2</v>
      </c>
      <c r="CE33" s="27">
        <f t="shared" si="19"/>
        <v>-243</v>
      </c>
      <c r="CF33" s="27">
        <f t="shared" si="20"/>
        <v>733</v>
      </c>
      <c r="CG33" s="27">
        <f t="shared" si="21"/>
        <v>-2422</v>
      </c>
      <c r="CH33" s="27">
        <f t="shared" si="22"/>
        <v>0</v>
      </c>
      <c r="CI33" s="27">
        <f t="shared" si="23"/>
        <v>26</v>
      </c>
      <c r="CJ33" s="27">
        <f t="shared" si="24"/>
        <v>-973</v>
      </c>
      <c r="CK33" s="27">
        <f t="shared" si="25"/>
        <v>0</v>
      </c>
      <c r="CL33" s="18"/>
    </row>
    <row r="34" spans="1:90" x14ac:dyDescent="0.7">
      <c r="A34" s="7"/>
      <c r="D34" s="24" t="s">
        <v>28</v>
      </c>
      <c r="E34" s="28">
        <v>132228</v>
      </c>
      <c r="F34" s="28">
        <v>141955</v>
      </c>
      <c r="G34" s="28">
        <v>151608</v>
      </c>
      <c r="H34" s="28">
        <v>160024</v>
      </c>
      <c r="I34" s="28">
        <v>128786</v>
      </c>
      <c r="J34" s="28">
        <v>165533</v>
      </c>
      <c r="K34" s="28">
        <v>167928</v>
      </c>
      <c r="L34" s="28">
        <v>168689</v>
      </c>
      <c r="M34" s="28">
        <v>151538</v>
      </c>
      <c r="N34" s="28">
        <v>176010</v>
      </c>
      <c r="O34" s="28">
        <v>172246</v>
      </c>
      <c r="P34" s="28">
        <v>172433</v>
      </c>
      <c r="Q34" s="28">
        <v>159571</v>
      </c>
      <c r="R34" s="28">
        <v>179372</v>
      </c>
      <c r="S34" s="28">
        <v>175321</v>
      </c>
      <c r="T34" s="28">
        <v>177598</v>
      </c>
      <c r="U34" s="28">
        <v>164259</v>
      </c>
      <c r="V34" s="28">
        <v>186320</v>
      </c>
      <c r="W34" s="28">
        <v>184563</v>
      </c>
      <c r="X34" s="28">
        <v>187045</v>
      </c>
      <c r="Y34" s="28">
        <v>172059</v>
      </c>
      <c r="Z34" s="28">
        <v>193643</v>
      </c>
      <c r="AA34" s="28">
        <v>193046</v>
      </c>
      <c r="AB34" s="28">
        <v>199613</v>
      </c>
      <c r="AC34" s="28">
        <v>176128</v>
      </c>
      <c r="AD34" s="7"/>
      <c r="AE34" s="13"/>
      <c r="AH34" s="24" t="s">
        <v>28</v>
      </c>
      <c r="AI34" s="27">
        <v>132240</v>
      </c>
      <c r="AJ34" s="27">
        <v>141971</v>
      </c>
      <c r="AK34" s="27">
        <v>151626</v>
      </c>
      <c r="AL34" s="27">
        <v>160037</v>
      </c>
      <c r="AM34" s="27">
        <v>128922</v>
      </c>
      <c r="AN34" s="27">
        <v>165445</v>
      </c>
      <c r="AO34" s="27">
        <v>168947</v>
      </c>
      <c r="AP34" s="27">
        <v>168705</v>
      </c>
      <c r="AQ34" s="27">
        <v>151248</v>
      </c>
      <c r="AR34" s="27">
        <v>176028</v>
      </c>
      <c r="AS34" s="27">
        <v>172260</v>
      </c>
      <c r="AT34" s="27">
        <v>172044</v>
      </c>
      <c r="AU34" s="27">
        <v>159215</v>
      </c>
      <c r="AV34" s="27">
        <v>178954</v>
      </c>
      <c r="AW34" s="27">
        <v>174917</v>
      </c>
      <c r="AX34" s="27">
        <v>177675</v>
      </c>
      <c r="AY34" s="27">
        <v>164262</v>
      </c>
      <c r="AZ34" s="27">
        <v>186323</v>
      </c>
      <c r="BA34" s="27">
        <v>184227</v>
      </c>
      <c r="BB34" s="27">
        <v>187777</v>
      </c>
      <c r="BC34" s="27">
        <v>169637</v>
      </c>
      <c r="BD34" s="27">
        <v>193643</v>
      </c>
      <c r="BE34" s="27">
        <v>193046</v>
      </c>
      <c r="BF34" s="27">
        <v>198640</v>
      </c>
      <c r="BG34" s="27">
        <v>176128</v>
      </c>
      <c r="BH34" s="13"/>
      <c r="BI34" s="16"/>
      <c r="BL34" s="24" t="s">
        <v>28</v>
      </c>
      <c r="BM34" s="27">
        <f t="shared" si="1"/>
        <v>12</v>
      </c>
      <c r="BN34" s="27">
        <f t="shared" si="2"/>
        <v>16</v>
      </c>
      <c r="BO34" s="27">
        <f t="shared" si="3"/>
        <v>18</v>
      </c>
      <c r="BP34" s="27">
        <f t="shared" si="4"/>
        <v>13</v>
      </c>
      <c r="BQ34" s="27">
        <f t="shared" si="5"/>
        <v>136</v>
      </c>
      <c r="BR34" s="27">
        <f t="shared" si="6"/>
        <v>-88</v>
      </c>
      <c r="BS34" s="27">
        <f t="shared" si="7"/>
        <v>1019</v>
      </c>
      <c r="BT34" s="27">
        <f t="shared" si="8"/>
        <v>16</v>
      </c>
      <c r="BU34" s="27">
        <f t="shared" si="9"/>
        <v>-290</v>
      </c>
      <c r="BV34" s="27">
        <f t="shared" si="10"/>
        <v>18</v>
      </c>
      <c r="BW34" s="27">
        <f t="shared" si="11"/>
        <v>14</v>
      </c>
      <c r="BX34" s="27">
        <f t="shared" si="12"/>
        <v>-389</v>
      </c>
      <c r="BY34" s="27">
        <f t="shared" si="13"/>
        <v>-356</v>
      </c>
      <c r="BZ34" s="27">
        <f t="shared" si="14"/>
        <v>-418</v>
      </c>
      <c r="CA34" s="27">
        <f t="shared" si="15"/>
        <v>-404</v>
      </c>
      <c r="CB34" s="27">
        <f t="shared" si="16"/>
        <v>77</v>
      </c>
      <c r="CC34" s="27">
        <f t="shared" si="17"/>
        <v>3</v>
      </c>
      <c r="CD34" s="27">
        <f t="shared" si="18"/>
        <v>3</v>
      </c>
      <c r="CE34" s="27">
        <f t="shared" si="19"/>
        <v>-336</v>
      </c>
      <c r="CF34" s="27">
        <f t="shared" si="20"/>
        <v>732</v>
      </c>
      <c r="CG34" s="27">
        <f t="shared" si="21"/>
        <v>-2422</v>
      </c>
      <c r="CH34" s="27">
        <f t="shared" si="22"/>
        <v>0</v>
      </c>
      <c r="CI34" s="27">
        <f t="shared" si="23"/>
        <v>0</v>
      </c>
      <c r="CJ34" s="27">
        <f t="shared" si="24"/>
        <v>-973</v>
      </c>
      <c r="CK34" s="27">
        <f t="shared" si="25"/>
        <v>0</v>
      </c>
      <c r="CL34" s="18"/>
    </row>
    <row r="35" spans="1:90" x14ac:dyDescent="0.7">
      <c r="A35" s="7"/>
      <c r="D35" s="24" t="s">
        <v>29</v>
      </c>
      <c r="E35" s="28">
        <v>2953</v>
      </c>
      <c r="F35" s="28">
        <v>3068</v>
      </c>
      <c r="G35" s="28">
        <v>3066</v>
      </c>
      <c r="H35" s="28">
        <v>3132</v>
      </c>
      <c r="I35" s="28">
        <v>2430</v>
      </c>
      <c r="J35" s="28">
        <v>2753</v>
      </c>
      <c r="K35" s="28">
        <v>2561</v>
      </c>
      <c r="L35" s="28">
        <v>2390</v>
      </c>
      <c r="M35" s="28">
        <v>2103</v>
      </c>
      <c r="N35" s="28">
        <v>2381</v>
      </c>
      <c r="O35" s="28">
        <v>2214</v>
      </c>
      <c r="P35" s="28">
        <v>2304</v>
      </c>
      <c r="Q35" s="28">
        <v>2029</v>
      </c>
      <c r="R35" s="28">
        <v>2437</v>
      </c>
      <c r="S35" s="28">
        <v>2559</v>
      </c>
      <c r="T35" s="28">
        <v>2870</v>
      </c>
      <c r="U35" s="28">
        <v>1200</v>
      </c>
      <c r="V35" s="28">
        <v>1244</v>
      </c>
      <c r="W35" s="28">
        <v>1119</v>
      </c>
      <c r="X35" s="28">
        <v>1077</v>
      </c>
      <c r="Y35" s="28">
        <v>936</v>
      </c>
      <c r="Z35" s="28">
        <v>972</v>
      </c>
      <c r="AA35" s="28">
        <v>869</v>
      </c>
      <c r="AB35" s="28">
        <v>880</v>
      </c>
      <c r="AC35" s="28">
        <v>732</v>
      </c>
      <c r="AD35" s="7"/>
      <c r="AE35" s="13"/>
      <c r="AH35" s="24" t="s">
        <v>29</v>
      </c>
      <c r="AI35" s="27">
        <v>2953</v>
      </c>
      <c r="AJ35" s="27">
        <v>3068</v>
      </c>
      <c r="AK35" s="27">
        <v>3068</v>
      </c>
      <c r="AL35" s="27">
        <v>3131</v>
      </c>
      <c r="AM35" s="27">
        <v>2443</v>
      </c>
      <c r="AN35" s="27">
        <v>2761</v>
      </c>
      <c r="AO35" s="27">
        <v>2588</v>
      </c>
      <c r="AP35" s="27">
        <v>2389</v>
      </c>
      <c r="AQ35" s="27">
        <v>2050</v>
      </c>
      <c r="AR35" s="27">
        <v>2182</v>
      </c>
      <c r="AS35" s="27">
        <v>1939</v>
      </c>
      <c r="AT35" s="27">
        <v>1913</v>
      </c>
      <c r="AU35" s="27">
        <v>1605</v>
      </c>
      <c r="AV35" s="27">
        <v>1651</v>
      </c>
      <c r="AW35" s="27">
        <v>1424</v>
      </c>
      <c r="AX35" s="27">
        <v>1449</v>
      </c>
      <c r="AY35" s="27">
        <v>1200</v>
      </c>
      <c r="AZ35" s="27">
        <v>1244</v>
      </c>
      <c r="BA35" s="27">
        <v>1104</v>
      </c>
      <c r="BB35" s="27">
        <v>1077</v>
      </c>
      <c r="BC35" s="27">
        <v>936</v>
      </c>
      <c r="BD35" s="27">
        <v>972</v>
      </c>
      <c r="BE35" s="27">
        <v>869</v>
      </c>
      <c r="BF35" s="27">
        <v>880</v>
      </c>
      <c r="BG35" s="27">
        <v>732</v>
      </c>
      <c r="BH35" s="13"/>
      <c r="BI35" s="16"/>
      <c r="BL35" s="24" t="s">
        <v>29</v>
      </c>
      <c r="BM35" s="27">
        <f t="shared" si="1"/>
        <v>0</v>
      </c>
      <c r="BN35" s="27">
        <f t="shared" si="2"/>
        <v>0</v>
      </c>
      <c r="BO35" s="27">
        <f t="shared" si="3"/>
        <v>2</v>
      </c>
      <c r="BP35" s="27">
        <f t="shared" si="4"/>
        <v>-1</v>
      </c>
      <c r="BQ35" s="27">
        <f t="shared" si="5"/>
        <v>13</v>
      </c>
      <c r="BR35" s="27">
        <f t="shared" si="6"/>
        <v>8</v>
      </c>
      <c r="BS35" s="27">
        <f t="shared" si="7"/>
        <v>27</v>
      </c>
      <c r="BT35" s="27">
        <f t="shared" si="8"/>
        <v>-1</v>
      </c>
      <c r="BU35" s="27">
        <f t="shared" si="9"/>
        <v>-53</v>
      </c>
      <c r="BV35" s="27">
        <f t="shared" si="10"/>
        <v>-199</v>
      </c>
      <c r="BW35" s="27">
        <f t="shared" si="11"/>
        <v>-275</v>
      </c>
      <c r="BX35" s="27">
        <f t="shared" si="12"/>
        <v>-391</v>
      </c>
      <c r="BY35" s="27">
        <f t="shared" si="13"/>
        <v>-424</v>
      </c>
      <c r="BZ35" s="27">
        <f t="shared" si="14"/>
        <v>-786</v>
      </c>
      <c r="CA35" s="27">
        <f t="shared" si="15"/>
        <v>-1135</v>
      </c>
      <c r="CB35" s="27">
        <f t="shared" si="16"/>
        <v>-1421</v>
      </c>
      <c r="CC35" s="27">
        <f t="shared" si="17"/>
        <v>0</v>
      </c>
      <c r="CD35" s="27">
        <f t="shared" si="18"/>
        <v>0</v>
      </c>
      <c r="CE35" s="27">
        <f t="shared" si="19"/>
        <v>-15</v>
      </c>
      <c r="CF35" s="27">
        <f t="shared" si="20"/>
        <v>0</v>
      </c>
      <c r="CG35" s="27">
        <f t="shared" si="21"/>
        <v>0</v>
      </c>
      <c r="CH35" s="27">
        <f t="shared" si="22"/>
        <v>0</v>
      </c>
      <c r="CI35" s="27">
        <f t="shared" si="23"/>
        <v>0</v>
      </c>
      <c r="CJ35" s="27">
        <f t="shared" si="24"/>
        <v>0</v>
      </c>
      <c r="CK35" s="27">
        <f t="shared" si="25"/>
        <v>0</v>
      </c>
      <c r="CL35" s="18"/>
    </row>
    <row r="36" spans="1:90" x14ac:dyDescent="0.7">
      <c r="A36" s="7"/>
      <c r="D36" s="24" t="s">
        <v>30</v>
      </c>
      <c r="E36" s="28">
        <v>99663</v>
      </c>
      <c r="F36" s="28">
        <v>106259</v>
      </c>
      <c r="G36" s="28">
        <v>113887</v>
      </c>
      <c r="H36" s="28">
        <v>119364</v>
      </c>
      <c r="I36" s="28">
        <v>93685</v>
      </c>
      <c r="J36" s="28">
        <v>122115</v>
      </c>
      <c r="K36" s="28">
        <v>124306</v>
      </c>
      <c r="L36" s="28">
        <v>125403</v>
      </c>
      <c r="M36" s="28">
        <v>110550</v>
      </c>
      <c r="N36" s="28">
        <v>129228</v>
      </c>
      <c r="O36" s="28">
        <v>124757</v>
      </c>
      <c r="P36" s="28">
        <v>124349</v>
      </c>
      <c r="Q36" s="28">
        <v>110016</v>
      </c>
      <c r="R36" s="28">
        <v>122135</v>
      </c>
      <c r="S36" s="28">
        <v>116666</v>
      </c>
      <c r="T36" s="28">
        <v>118138</v>
      </c>
      <c r="U36" s="28">
        <v>109536</v>
      </c>
      <c r="V36" s="28">
        <v>123972</v>
      </c>
      <c r="W36" s="28">
        <v>119930</v>
      </c>
      <c r="X36" s="28">
        <v>121038</v>
      </c>
      <c r="Y36" s="28">
        <v>110010</v>
      </c>
      <c r="Z36" s="28">
        <v>122954</v>
      </c>
      <c r="AA36" s="28">
        <v>121260</v>
      </c>
      <c r="AB36" s="28">
        <v>125019</v>
      </c>
      <c r="AC36" s="28">
        <v>112512</v>
      </c>
      <c r="AD36" s="7"/>
      <c r="AE36" s="13"/>
      <c r="AH36" s="24" t="s">
        <v>30</v>
      </c>
      <c r="AI36" s="27">
        <v>99674</v>
      </c>
      <c r="AJ36" s="27">
        <v>106272</v>
      </c>
      <c r="AK36" s="27">
        <v>113901</v>
      </c>
      <c r="AL36" s="27">
        <v>119375</v>
      </c>
      <c r="AM36" s="27">
        <v>93812</v>
      </c>
      <c r="AN36" s="27">
        <v>122044</v>
      </c>
      <c r="AO36" s="27">
        <v>125189</v>
      </c>
      <c r="AP36" s="27">
        <v>125418</v>
      </c>
      <c r="AQ36" s="27">
        <v>110381</v>
      </c>
      <c r="AR36" s="27">
        <v>129711</v>
      </c>
      <c r="AS36" s="27">
        <v>125445</v>
      </c>
      <c r="AT36" s="27">
        <v>124949</v>
      </c>
      <c r="AU36" s="27">
        <v>110728</v>
      </c>
      <c r="AV36" s="27">
        <v>123504</v>
      </c>
      <c r="AW36" s="27">
        <v>118934</v>
      </c>
      <c r="AX36" s="27">
        <v>121019</v>
      </c>
      <c r="AY36" s="27">
        <v>109536</v>
      </c>
      <c r="AZ36" s="27">
        <v>123972</v>
      </c>
      <c r="BA36" s="27">
        <v>119539</v>
      </c>
      <c r="BB36" s="27">
        <v>121771</v>
      </c>
      <c r="BC36" s="27">
        <v>107588</v>
      </c>
      <c r="BD36" s="27">
        <v>122954</v>
      </c>
      <c r="BE36" s="27">
        <v>121260</v>
      </c>
      <c r="BF36" s="27">
        <v>125019</v>
      </c>
      <c r="BG36" s="27">
        <v>112512</v>
      </c>
      <c r="BH36" s="13"/>
      <c r="BI36" s="16"/>
      <c r="BL36" s="24" t="s">
        <v>30</v>
      </c>
      <c r="BM36" s="27">
        <f t="shared" si="1"/>
        <v>11</v>
      </c>
      <c r="BN36" s="27">
        <f t="shared" si="2"/>
        <v>13</v>
      </c>
      <c r="BO36" s="27">
        <f t="shared" si="3"/>
        <v>14</v>
      </c>
      <c r="BP36" s="27">
        <f t="shared" si="4"/>
        <v>11</v>
      </c>
      <c r="BQ36" s="27">
        <f t="shared" si="5"/>
        <v>127</v>
      </c>
      <c r="BR36" s="27">
        <f t="shared" si="6"/>
        <v>-71</v>
      </c>
      <c r="BS36" s="27">
        <f t="shared" si="7"/>
        <v>883</v>
      </c>
      <c r="BT36" s="27">
        <f t="shared" si="8"/>
        <v>15</v>
      </c>
      <c r="BU36" s="27">
        <f t="shared" si="9"/>
        <v>-169</v>
      </c>
      <c r="BV36" s="27">
        <f t="shared" si="10"/>
        <v>483</v>
      </c>
      <c r="BW36" s="27">
        <f t="shared" si="11"/>
        <v>688</v>
      </c>
      <c r="BX36" s="27">
        <f t="shared" si="12"/>
        <v>600</v>
      </c>
      <c r="BY36" s="27">
        <f t="shared" si="13"/>
        <v>712</v>
      </c>
      <c r="BZ36" s="27">
        <f t="shared" si="14"/>
        <v>1369</v>
      </c>
      <c r="CA36" s="27">
        <f t="shared" si="15"/>
        <v>2268</v>
      </c>
      <c r="CB36" s="27">
        <f t="shared" si="16"/>
        <v>2881</v>
      </c>
      <c r="CC36" s="27">
        <f t="shared" si="17"/>
        <v>0</v>
      </c>
      <c r="CD36" s="27">
        <f t="shared" si="18"/>
        <v>0</v>
      </c>
      <c r="CE36" s="27">
        <f t="shared" si="19"/>
        <v>-391</v>
      </c>
      <c r="CF36" s="27">
        <f t="shared" si="20"/>
        <v>733</v>
      </c>
      <c r="CG36" s="27">
        <f t="shared" si="21"/>
        <v>-2422</v>
      </c>
      <c r="CH36" s="27">
        <f t="shared" si="22"/>
        <v>0</v>
      </c>
      <c r="CI36" s="27">
        <f t="shared" si="23"/>
        <v>0</v>
      </c>
      <c r="CJ36" s="27">
        <f t="shared" si="24"/>
        <v>0</v>
      </c>
      <c r="CK36" s="27">
        <f t="shared" si="25"/>
        <v>0</v>
      </c>
      <c r="CL36" s="18"/>
    </row>
    <row r="37" spans="1:90" x14ac:dyDescent="0.7">
      <c r="A37" s="7"/>
      <c r="D37" s="24" t="s">
        <v>31</v>
      </c>
      <c r="E37" s="28">
        <v>29612</v>
      </c>
      <c r="F37" s="28">
        <v>32628</v>
      </c>
      <c r="G37" s="28">
        <v>34655</v>
      </c>
      <c r="H37" s="28">
        <v>37528</v>
      </c>
      <c r="I37" s="28">
        <v>32671</v>
      </c>
      <c r="J37" s="28">
        <v>40665</v>
      </c>
      <c r="K37" s="28">
        <v>41061</v>
      </c>
      <c r="L37" s="28">
        <v>40896</v>
      </c>
      <c r="M37" s="28">
        <v>38885</v>
      </c>
      <c r="N37" s="28">
        <v>44401</v>
      </c>
      <c r="O37" s="28">
        <v>45275</v>
      </c>
      <c r="P37" s="28">
        <v>45780</v>
      </c>
      <c r="Q37" s="28">
        <v>47526</v>
      </c>
      <c r="R37" s="28">
        <v>54800</v>
      </c>
      <c r="S37" s="28">
        <v>56096</v>
      </c>
      <c r="T37" s="28">
        <v>56589</v>
      </c>
      <c r="U37" s="28">
        <v>53523</v>
      </c>
      <c r="V37" s="28">
        <v>61104</v>
      </c>
      <c r="W37" s="28">
        <v>63514</v>
      </c>
      <c r="X37" s="28">
        <v>64929</v>
      </c>
      <c r="Y37" s="28">
        <v>61113</v>
      </c>
      <c r="Z37" s="28">
        <v>69717</v>
      </c>
      <c r="AA37" s="28">
        <v>70916</v>
      </c>
      <c r="AB37" s="28">
        <v>73713</v>
      </c>
      <c r="AC37" s="28">
        <v>62884</v>
      </c>
      <c r="AD37" s="7"/>
      <c r="AE37" s="13"/>
      <c r="AH37" s="24" t="s">
        <v>31</v>
      </c>
      <c r="AI37" s="27">
        <v>29613</v>
      </c>
      <c r="AJ37" s="27">
        <v>32631</v>
      </c>
      <c r="AK37" s="27">
        <v>34657</v>
      </c>
      <c r="AL37" s="27">
        <v>37531</v>
      </c>
      <c r="AM37" s="27">
        <v>32667</v>
      </c>
      <c r="AN37" s="27">
        <v>40640</v>
      </c>
      <c r="AO37" s="27">
        <v>41169</v>
      </c>
      <c r="AP37" s="27">
        <v>40898</v>
      </c>
      <c r="AQ37" s="27">
        <v>38816</v>
      </c>
      <c r="AR37" s="27">
        <v>44135</v>
      </c>
      <c r="AS37" s="27">
        <v>44877</v>
      </c>
      <c r="AT37" s="27">
        <v>45182</v>
      </c>
      <c r="AU37" s="27">
        <v>46882</v>
      </c>
      <c r="AV37" s="27">
        <v>53799</v>
      </c>
      <c r="AW37" s="27">
        <v>54559</v>
      </c>
      <c r="AX37" s="27">
        <v>55207</v>
      </c>
      <c r="AY37" s="27">
        <v>53525</v>
      </c>
      <c r="AZ37" s="27">
        <v>61107</v>
      </c>
      <c r="BA37" s="27">
        <v>63584</v>
      </c>
      <c r="BB37" s="27">
        <v>64929</v>
      </c>
      <c r="BC37" s="27">
        <v>61114</v>
      </c>
      <c r="BD37" s="27">
        <v>69717</v>
      </c>
      <c r="BE37" s="27">
        <v>70916</v>
      </c>
      <c r="BF37" s="27">
        <v>72740</v>
      </c>
      <c r="BG37" s="27">
        <v>62884</v>
      </c>
      <c r="BH37" s="13"/>
      <c r="BI37" s="16"/>
      <c r="BL37" s="24" t="s">
        <v>31</v>
      </c>
      <c r="BM37" s="27">
        <f t="shared" si="1"/>
        <v>1</v>
      </c>
      <c r="BN37" s="27">
        <f t="shared" si="2"/>
        <v>3</v>
      </c>
      <c r="BO37" s="27">
        <f t="shared" si="3"/>
        <v>2</v>
      </c>
      <c r="BP37" s="27">
        <f t="shared" si="4"/>
        <v>3</v>
      </c>
      <c r="BQ37" s="27">
        <f t="shared" si="5"/>
        <v>-4</v>
      </c>
      <c r="BR37" s="27">
        <f t="shared" si="6"/>
        <v>-25</v>
      </c>
      <c r="BS37" s="27">
        <f t="shared" si="7"/>
        <v>108</v>
      </c>
      <c r="BT37" s="27">
        <f t="shared" si="8"/>
        <v>2</v>
      </c>
      <c r="BU37" s="27">
        <f t="shared" si="9"/>
        <v>-69</v>
      </c>
      <c r="BV37" s="27">
        <f t="shared" si="10"/>
        <v>-266</v>
      </c>
      <c r="BW37" s="27">
        <f t="shared" si="11"/>
        <v>-398</v>
      </c>
      <c r="BX37" s="27">
        <f t="shared" si="12"/>
        <v>-598</v>
      </c>
      <c r="BY37" s="27">
        <f t="shared" si="13"/>
        <v>-644</v>
      </c>
      <c r="BZ37" s="27">
        <f t="shared" si="14"/>
        <v>-1001</v>
      </c>
      <c r="CA37" s="27">
        <f t="shared" si="15"/>
        <v>-1537</v>
      </c>
      <c r="CB37" s="27">
        <f t="shared" si="16"/>
        <v>-1382</v>
      </c>
      <c r="CC37" s="27">
        <f t="shared" si="17"/>
        <v>2</v>
      </c>
      <c r="CD37" s="27">
        <f t="shared" si="18"/>
        <v>3</v>
      </c>
      <c r="CE37" s="27">
        <f t="shared" si="19"/>
        <v>70</v>
      </c>
      <c r="CF37" s="27">
        <f t="shared" si="20"/>
        <v>0</v>
      </c>
      <c r="CG37" s="27">
        <f t="shared" si="21"/>
        <v>1</v>
      </c>
      <c r="CH37" s="27">
        <f t="shared" si="22"/>
        <v>0</v>
      </c>
      <c r="CI37" s="27">
        <f t="shared" si="23"/>
        <v>0</v>
      </c>
      <c r="CJ37" s="27">
        <f t="shared" si="24"/>
        <v>-973</v>
      </c>
      <c r="CK37" s="27">
        <f t="shared" si="25"/>
        <v>0</v>
      </c>
      <c r="CL37" s="18"/>
    </row>
    <row r="38" spans="1:90" x14ac:dyDescent="0.7">
      <c r="A38" s="7"/>
      <c r="D38" s="24" t="s">
        <v>32</v>
      </c>
      <c r="E38" s="28">
        <v>9178</v>
      </c>
      <c r="F38" s="28">
        <v>6588</v>
      </c>
      <c r="G38" s="28">
        <v>7913</v>
      </c>
      <c r="H38" s="28">
        <v>7231</v>
      </c>
      <c r="I38" s="28">
        <v>5993</v>
      </c>
      <c r="J38" s="28">
        <v>7747</v>
      </c>
      <c r="K38" s="28">
        <v>9525</v>
      </c>
      <c r="L38" s="28">
        <v>9337</v>
      </c>
      <c r="M38" s="28">
        <v>9660</v>
      </c>
      <c r="N38" s="28">
        <v>11059</v>
      </c>
      <c r="O38" s="28">
        <v>11717</v>
      </c>
      <c r="P38" s="28">
        <v>10665</v>
      </c>
      <c r="Q38" s="28">
        <v>11155</v>
      </c>
      <c r="R38" s="28">
        <v>11522</v>
      </c>
      <c r="S38" s="28">
        <v>12414</v>
      </c>
      <c r="T38" s="28">
        <v>11787</v>
      </c>
      <c r="U38" s="28">
        <v>11993</v>
      </c>
      <c r="V38" s="28">
        <v>12372</v>
      </c>
      <c r="W38" s="28">
        <v>13311</v>
      </c>
      <c r="X38" s="28">
        <v>12850</v>
      </c>
      <c r="Y38" s="28">
        <v>12606</v>
      </c>
      <c r="Z38" s="28">
        <v>13068</v>
      </c>
      <c r="AA38" s="28">
        <v>14108</v>
      </c>
      <c r="AB38" s="28">
        <v>14000</v>
      </c>
      <c r="AC38" s="28">
        <v>14075</v>
      </c>
      <c r="AD38" s="7"/>
      <c r="AE38" s="13"/>
      <c r="AH38" s="24" t="s">
        <v>32</v>
      </c>
      <c r="AI38" s="27">
        <v>9177</v>
      </c>
      <c r="AJ38" s="27">
        <v>6588</v>
      </c>
      <c r="AK38" s="27">
        <v>7912</v>
      </c>
      <c r="AL38" s="27">
        <v>7230</v>
      </c>
      <c r="AM38" s="27">
        <v>6030</v>
      </c>
      <c r="AN38" s="27">
        <v>7746</v>
      </c>
      <c r="AO38" s="27">
        <v>9581</v>
      </c>
      <c r="AP38" s="27">
        <v>9338</v>
      </c>
      <c r="AQ38" s="27">
        <v>9660</v>
      </c>
      <c r="AR38" s="27">
        <v>11058</v>
      </c>
      <c r="AS38" s="27">
        <v>11717</v>
      </c>
      <c r="AT38" s="27">
        <v>10658</v>
      </c>
      <c r="AU38" s="27">
        <v>11147</v>
      </c>
      <c r="AV38" s="27">
        <v>11514</v>
      </c>
      <c r="AW38" s="27">
        <v>12405</v>
      </c>
      <c r="AX38" s="27">
        <v>11725</v>
      </c>
      <c r="AY38" s="27">
        <v>11993</v>
      </c>
      <c r="AZ38" s="27">
        <v>12372</v>
      </c>
      <c r="BA38" s="27">
        <v>13404</v>
      </c>
      <c r="BB38" s="27">
        <v>12850</v>
      </c>
      <c r="BC38" s="27">
        <v>12606</v>
      </c>
      <c r="BD38" s="27">
        <v>13068</v>
      </c>
      <c r="BE38" s="27">
        <v>14134</v>
      </c>
      <c r="BF38" s="27">
        <v>14000</v>
      </c>
      <c r="BG38" s="27">
        <v>14075</v>
      </c>
      <c r="BH38" s="13"/>
      <c r="BI38" s="16"/>
      <c r="BL38" s="24" t="s">
        <v>32</v>
      </c>
      <c r="BM38" s="27">
        <f t="shared" si="1"/>
        <v>-1</v>
      </c>
      <c r="BN38" s="27">
        <f t="shared" si="2"/>
        <v>0</v>
      </c>
      <c r="BO38" s="27">
        <f t="shared" si="3"/>
        <v>-1</v>
      </c>
      <c r="BP38" s="27">
        <f t="shared" si="4"/>
        <v>-1</v>
      </c>
      <c r="BQ38" s="27">
        <f t="shared" si="5"/>
        <v>37</v>
      </c>
      <c r="BR38" s="27">
        <f t="shared" si="6"/>
        <v>-1</v>
      </c>
      <c r="BS38" s="27">
        <f t="shared" si="7"/>
        <v>56</v>
      </c>
      <c r="BT38" s="27">
        <f t="shared" si="8"/>
        <v>1</v>
      </c>
      <c r="BU38" s="27">
        <f t="shared" si="9"/>
        <v>0</v>
      </c>
      <c r="BV38" s="27">
        <f t="shared" si="10"/>
        <v>-1</v>
      </c>
      <c r="BW38" s="27">
        <f t="shared" si="11"/>
        <v>0</v>
      </c>
      <c r="BX38" s="27">
        <f t="shared" si="12"/>
        <v>-7</v>
      </c>
      <c r="BY38" s="27">
        <f t="shared" si="13"/>
        <v>-8</v>
      </c>
      <c r="BZ38" s="27">
        <f t="shared" si="14"/>
        <v>-8</v>
      </c>
      <c r="CA38" s="27">
        <f t="shared" si="15"/>
        <v>-9</v>
      </c>
      <c r="CB38" s="27">
        <f t="shared" si="16"/>
        <v>-62</v>
      </c>
      <c r="CC38" s="27">
        <f t="shared" si="17"/>
        <v>0</v>
      </c>
      <c r="CD38" s="27">
        <f t="shared" si="18"/>
        <v>0</v>
      </c>
      <c r="CE38" s="27">
        <f t="shared" si="19"/>
        <v>93</v>
      </c>
      <c r="CF38" s="27">
        <f t="shared" si="20"/>
        <v>0</v>
      </c>
      <c r="CG38" s="27">
        <f t="shared" si="21"/>
        <v>0</v>
      </c>
      <c r="CH38" s="27">
        <f t="shared" si="22"/>
        <v>0</v>
      </c>
      <c r="CI38" s="27">
        <f t="shared" si="23"/>
        <v>26</v>
      </c>
      <c r="CJ38" s="27">
        <f t="shared" si="24"/>
        <v>0</v>
      </c>
      <c r="CK38" s="27">
        <f t="shared" si="25"/>
        <v>0</v>
      </c>
      <c r="CL38" s="18"/>
    </row>
    <row r="39" spans="1:90" x14ac:dyDescent="0.7">
      <c r="A39" s="7"/>
      <c r="D39" s="24" t="s">
        <v>33</v>
      </c>
      <c r="E39" s="28">
        <v>9178</v>
      </c>
      <c r="F39" s="28">
        <v>6588</v>
      </c>
      <c r="G39" s="28">
        <v>7913</v>
      </c>
      <c r="H39" s="28">
        <v>7231</v>
      </c>
      <c r="I39" s="28">
        <v>5993</v>
      </c>
      <c r="J39" s="28">
        <v>7747</v>
      </c>
      <c r="K39" s="28">
        <v>9525</v>
      </c>
      <c r="L39" s="28">
        <v>9337</v>
      </c>
      <c r="M39" s="28">
        <v>9660</v>
      </c>
      <c r="N39" s="28">
        <v>11059</v>
      </c>
      <c r="O39" s="28">
        <v>11717</v>
      </c>
      <c r="P39" s="28">
        <v>10665</v>
      </c>
      <c r="Q39" s="28">
        <v>11155</v>
      </c>
      <c r="R39" s="28">
        <v>11522</v>
      </c>
      <c r="S39" s="28">
        <v>12414</v>
      </c>
      <c r="T39" s="28">
        <v>11787</v>
      </c>
      <c r="U39" s="28">
        <v>11993</v>
      </c>
      <c r="V39" s="28">
        <v>12372</v>
      </c>
      <c r="W39" s="28">
        <v>13311</v>
      </c>
      <c r="X39" s="28">
        <v>12850</v>
      </c>
      <c r="Y39" s="28">
        <v>12606</v>
      </c>
      <c r="Z39" s="28">
        <v>13068</v>
      </c>
      <c r="AA39" s="28">
        <v>14108</v>
      </c>
      <c r="AB39" s="28">
        <v>14000</v>
      </c>
      <c r="AC39" s="28">
        <v>14075</v>
      </c>
      <c r="AD39" s="7"/>
      <c r="AE39" s="13"/>
      <c r="AH39" s="24" t="s">
        <v>33</v>
      </c>
      <c r="AI39" s="27">
        <v>9177</v>
      </c>
      <c r="AJ39" s="27">
        <v>6588</v>
      </c>
      <c r="AK39" s="27">
        <v>7912</v>
      </c>
      <c r="AL39" s="27">
        <v>7230</v>
      </c>
      <c r="AM39" s="27">
        <v>6030</v>
      </c>
      <c r="AN39" s="27">
        <v>7746</v>
      </c>
      <c r="AO39" s="27">
        <v>9581</v>
      </c>
      <c r="AP39" s="27">
        <v>9338</v>
      </c>
      <c r="AQ39" s="27">
        <v>9660</v>
      </c>
      <c r="AR39" s="27">
        <v>11058</v>
      </c>
      <c r="AS39" s="27">
        <v>11717</v>
      </c>
      <c r="AT39" s="27">
        <v>10658</v>
      </c>
      <c r="AU39" s="27">
        <v>11147</v>
      </c>
      <c r="AV39" s="27">
        <v>11514</v>
      </c>
      <c r="AW39" s="27">
        <v>12405</v>
      </c>
      <c r="AX39" s="27">
        <v>11725</v>
      </c>
      <c r="AY39" s="27">
        <v>11993</v>
      </c>
      <c r="AZ39" s="27">
        <v>12372</v>
      </c>
      <c r="BA39" s="27">
        <v>13404</v>
      </c>
      <c r="BB39" s="27">
        <v>12850</v>
      </c>
      <c r="BC39" s="27">
        <v>12606</v>
      </c>
      <c r="BD39" s="27">
        <v>13068</v>
      </c>
      <c r="BE39" s="27">
        <v>14134</v>
      </c>
      <c r="BF39" s="27">
        <v>14000</v>
      </c>
      <c r="BG39" s="27">
        <v>14075</v>
      </c>
      <c r="BH39" s="13"/>
      <c r="BI39" s="16"/>
      <c r="BL39" s="24" t="s">
        <v>33</v>
      </c>
      <c r="BM39" s="27">
        <f t="shared" si="1"/>
        <v>-1</v>
      </c>
      <c r="BN39" s="27">
        <f t="shared" si="2"/>
        <v>0</v>
      </c>
      <c r="BO39" s="27">
        <f t="shared" si="3"/>
        <v>-1</v>
      </c>
      <c r="BP39" s="27">
        <f t="shared" si="4"/>
        <v>-1</v>
      </c>
      <c r="BQ39" s="27">
        <f t="shared" si="5"/>
        <v>37</v>
      </c>
      <c r="BR39" s="27">
        <f t="shared" si="6"/>
        <v>-1</v>
      </c>
      <c r="BS39" s="27">
        <f t="shared" si="7"/>
        <v>56</v>
      </c>
      <c r="BT39" s="27">
        <f t="shared" si="8"/>
        <v>1</v>
      </c>
      <c r="BU39" s="27">
        <f t="shared" si="9"/>
        <v>0</v>
      </c>
      <c r="BV39" s="27">
        <f t="shared" si="10"/>
        <v>-1</v>
      </c>
      <c r="BW39" s="27">
        <f t="shared" si="11"/>
        <v>0</v>
      </c>
      <c r="BX39" s="27">
        <f t="shared" si="12"/>
        <v>-7</v>
      </c>
      <c r="BY39" s="27">
        <f t="shared" si="13"/>
        <v>-8</v>
      </c>
      <c r="BZ39" s="27">
        <f t="shared" si="14"/>
        <v>-8</v>
      </c>
      <c r="CA39" s="27">
        <f t="shared" si="15"/>
        <v>-9</v>
      </c>
      <c r="CB39" s="27">
        <f t="shared" si="16"/>
        <v>-62</v>
      </c>
      <c r="CC39" s="27">
        <f t="shared" si="17"/>
        <v>0</v>
      </c>
      <c r="CD39" s="27">
        <f t="shared" si="18"/>
        <v>0</v>
      </c>
      <c r="CE39" s="27">
        <f t="shared" si="19"/>
        <v>93</v>
      </c>
      <c r="CF39" s="27">
        <f t="shared" si="20"/>
        <v>0</v>
      </c>
      <c r="CG39" s="27">
        <f t="shared" si="21"/>
        <v>0</v>
      </c>
      <c r="CH39" s="27">
        <f t="shared" si="22"/>
        <v>0</v>
      </c>
      <c r="CI39" s="27">
        <f t="shared" si="23"/>
        <v>26</v>
      </c>
      <c r="CJ39" s="27">
        <f t="shared" si="24"/>
        <v>0</v>
      </c>
      <c r="CK39" s="27">
        <f t="shared" si="25"/>
        <v>0</v>
      </c>
      <c r="CL39" s="18"/>
    </row>
    <row r="40" spans="1:90" x14ac:dyDescent="0.7">
      <c r="A40" s="7"/>
      <c r="C40" s="24" t="s">
        <v>47</v>
      </c>
      <c r="D40" s="24" t="s">
        <v>45</v>
      </c>
      <c r="E40" s="28">
        <v>12598</v>
      </c>
      <c r="F40" s="28">
        <v>10091</v>
      </c>
      <c r="G40" s="28">
        <v>12031</v>
      </c>
      <c r="H40" s="28">
        <v>12775</v>
      </c>
      <c r="I40" s="28">
        <v>11150</v>
      </c>
      <c r="J40" s="28">
        <v>13078</v>
      </c>
      <c r="K40" s="28">
        <v>14733</v>
      </c>
      <c r="L40" s="28">
        <v>15895</v>
      </c>
      <c r="M40" s="28">
        <v>15199</v>
      </c>
      <c r="N40" s="28">
        <v>17020</v>
      </c>
      <c r="O40" s="28">
        <v>16678</v>
      </c>
      <c r="P40" s="28">
        <v>17432</v>
      </c>
      <c r="Q40" s="28">
        <v>15743</v>
      </c>
      <c r="R40" s="28">
        <v>14327</v>
      </c>
      <c r="S40" s="28">
        <v>13745</v>
      </c>
      <c r="T40" s="28">
        <v>14937</v>
      </c>
      <c r="U40" s="28">
        <v>13969</v>
      </c>
      <c r="V40" s="28">
        <v>14994</v>
      </c>
      <c r="W40" s="28">
        <v>14055</v>
      </c>
      <c r="X40" s="28">
        <v>15568</v>
      </c>
      <c r="Y40" s="28">
        <v>14864</v>
      </c>
      <c r="Z40" s="28">
        <v>15195</v>
      </c>
      <c r="AA40" s="28">
        <v>14216</v>
      </c>
      <c r="AB40" s="28">
        <v>15689</v>
      </c>
      <c r="AC40" s="28">
        <v>13865</v>
      </c>
      <c r="AD40" s="7"/>
      <c r="AE40" s="13"/>
      <c r="AG40" s="24" t="s">
        <v>47</v>
      </c>
      <c r="AH40" s="24" t="s">
        <v>45</v>
      </c>
      <c r="AI40" s="27">
        <v>12589</v>
      </c>
      <c r="AJ40" s="27">
        <v>10076</v>
      </c>
      <c r="AK40" s="27">
        <v>12015</v>
      </c>
      <c r="AL40" s="27">
        <v>12761</v>
      </c>
      <c r="AM40" s="27">
        <v>11135</v>
      </c>
      <c r="AN40" s="27">
        <v>13058</v>
      </c>
      <c r="AO40" s="27">
        <v>14729</v>
      </c>
      <c r="AP40" s="27">
        <v>15878</v>
      </c>
      <c r="AQ40" s="27">
        <v>15161</v>
      </c>
      <c r="AR40" s="27">
        <v>17002</v>
      </c>
      <c r="AS40" s="27">
        <v>16663</v>
      </c>
      <c r="AT40" s="27">
        <v>17400</v>
      </c>
      <c r="AU40" s="27">
        <v>15712</v>
      </c>
      <c r="AV40" s="27">
        <v>14299</v>
      </c>
      <c r="AW40" s="27">
        <v>13716</v>
      </c>
      <c r="AX40" s="27">
        <v>14925</v>
      </c>
      <c r="AY40" s="27">
        <v>13966</v>
      </c>
      <c r="AZ40" s="27">
        <v>14992</v>
      </c>
      <c r="BA40" s="27">
        <v>14021</v>
      </c>
      <c r="BB40" s="27">
        <v>15599</v>
      </c>
      <c r="BC40" s="27">
        <v>14759</v>
      </c>
      <c r="BD40" s="27">
        <v>15195</v>
      </c>
      <c r="BE40" s="27">
        <v>14216</v>
      </c>
      <c r="BF40" s="27">
        <v>15571</v>
      </c>
      <c r="BG40" s="27">
        <v>13865</v>
      </c>
      <c r="BH40" s="13"/>
      <c r="BI40" s="16"/>
      <c r="BK40" s="24" t="s">
        <v>47</v>
      </c>
      <c r="BL40" s="24" t="s">
        <v>45</v>
      </c>
      <c r="BM40" s="27">
        <f t="shared" si="1"/>
        <v>-9</v>
      </c>
      <c r="BN40" s="27">
        <f t="shared" si="2"/>
        <v>-15</v>
      </c>
      <c r="BO40" s="27">
        <f t="shared" si="3"/>
        <v>-16</v>
      </c>
      <c r="BP40" s="27">
        <f t="shared" si="4"/>
        <v>-14</v>
      </c>
      <c r="BQ40" s="27">
        <f t="shared" si="5"/>
        <v>-15</v>
      </c>
      <c r="BR40" s="27">
        <f t="shared" si="6"/>
        <v>-20</v>
      </c>
      <c r="BS40" s="27">
        <f t="shared" si="7"/>
        <v>-4</v>
      </c>
      <c r="BT40" s="27">
        <f t="shared" si="8"/>
        <v>-17</v>
      </c>
      <c r="BU40" s="27">
        <f t="shared" si="9"/>
        <v>-38</v>
      </c>
      <c r="BV40" s="27">
        <f t="shared" si="10"/>
        <v>-18</v>
      </c>
      <c r="BW40" s="27">
        <f t="shared" si="11"/>
        <v>-15</v>
      </c>
      <c r="BX40" s="27">
        <f t="shared" si="12"/>
        <v>-32</v>
      </c>
      <c r="BY40" s="27">
        <f t="shared" si="13"/>
        <v>-31</v>
      </c>
      <c r="BZ40" s="27">
        <f t="shared" si="14"/>
        <v>-28</v>
      </c>
      <c r="CA40" s="27">
        <f t="shared" si="15"/>
        <v>-29</v>
      </c>
      <c r="CB40" s="27">
        <f t="shared" si="16"/>
        <v>-12</v>
      </c>
      <c r="CC40" s="27">
        <f t="shared" si="17"/>
        <v>-3</v>
      </c>
      <c r="CD40" s="27">
        <f t="shared" si="18"/>
        <v>-2</v>
      </c>
      <c r="CE40" s="27">
        <f t="shared" si="19"/>
        <v>-34</v>
      </c>
      <c r="CF40" s="27">
        <f t="shared" si="20"/>
        <v>31</v>
      </c>
      <c r="CG40" s="27">
        <f t="shared" si="21"/>
        <v>-105</v>
      </c>
      <c r="CH40" s="27">
        <f t="shared" si="22"/>
        <v>0</v>
      </c>
      <c r="CI40" s="27">
        <f t="shared" si="23"/>
        <v>0</v>
      </c>
      <c r="CJ40" s="27">
        <f t="shared" si="24"/>
        <v>-118</v>
      </c>
      <c r="CK40" s="27">
        <f t="shared" si="25"/>
        <v>0</v>
      </c>
      <c r="CL40" s="18"/>
    </row>
    <row r="41" spans="1:90" x14ac:dyDescent="0.7">
      <c r="A41" s="7"/>
      <c r="D41" s="24" t="s">
        <v>28</v>
      </c>
      <c r="E41" s="28">
        <v>8910</v>
      </c>
      <c r="F41" s="28">
        <v>8478</v>
      </c>
      <c r="G41" s="28">
        <v>9830</v>
      </c>
      <c r="H41" s="28">
        <v>10486</v>
      </c>
      <c r="I41" s="28">
        <v>9325</v>
      </c>
      <c r="J41" s="28">
        <v>10667</v>
      </c>
      <c r="K41" s="28">
        <v>11730</v>
      </c>
      <c r="L41" s="28">
        <v>12163</v>
      </c>
      <c r="M41" s="28">
        <v>11610</v>
      </c>
      <c r="N41" s="28">
        <v>12366</v>
      </c>
      <c r="O41" s="28">
        <v>12252</v>
      </c>
      <c r="P41" s="28">
        <v>12690</v>
      </c>
      <c r="Q41" s="28">
        <v>10980</v>
      </c>
      <c r="R41" s="28">
        <v>9499</v>
      </c>
      <c r="S41" s="28">
        <v>9325</v>
      </c>
      <c r="T41" s="28">
        <v>10096</v>
      </c>
      <c r="U41" s="28">
        <v>9103</v>
      </c>
      <c r="V41" s="28">
        <v>9850</v>
      </c>
      <c r="W41" s="28">
        <v>9486</v>
      </c>
      <c r="X41" s="28">
        <v>10492</v>
      </c>
      <c r="Y41" s="28">
        <v>9776</v>
      </c>
      <c r="Z41" s="28">
        <v>10098</v>
      </c>
      <c r="AA41" s="28">
        <v>9527</v>
      </c>
      <c r="AB41" s="28">
        <v>10521</v>
      </c>
      <c r="AC41" s="28">
        <v>8673</v>
      </c>
      <c r="AD41" s="7"/>
      <c r="AE41" s="13"/>
      <c r="AH41" s="24" t="s">
        <v>28</v>
      </c>
      <c r="AI41" s="27">
        <v>8900</v>
      </c>
      <c r="AJ41" s="27">
        <v>8463</v>
      </c>
      <c r="AK41" s="27">
        <v>9813</v>
      </c>
      <c r="AL41" s="27">
        <v>10472</v>
      </c>
      <c r="AM41" s="27">
        <v>9309</v>
      </c>
      <c r="AN41" s="27">
        <v>10647</v>
      </c>
      <c r="AO41" s="27">
        <v>11724</v>
      </c>
      <c r="AP41" s="27">
        <v>12146</v>
      </c>
      <c r="AQ41" s="27">
        <v>11572</v>
      </c>
      <c r="AR41" s="27">
        <v>12348</v>
      </c>
      <c r="AS41" s="27">
        <v>12236</v>
      </c>
      <c r="AT41" s="27">
        <v>12659</v>
      </c>
      <c r="AU41" s="27">
        <v>10950</v>
      </c>
      <c r="AV41" s="27">
        <v>9472</v>
      </c>
      <c r="AW41" s="27">
        <v>9299</v>
      </c>
      <c r="AX41" s="27">
        <v>10084</v>
      </c>
      <c r="AY41" s="27">
        <v>9101</v>
      </c>
      <c r="AZ41" s="27">
        <v>9847</v>
      </c>
      <c r="BA41" s="27">
        <v>9454</v>
      </c>
      <c r="BB41" s="27">
        <v>10523</v>
      </c>
      <c r="BC41" s="27">
        <v>9671</v>
      </c>
      <c r="BD41" s="27">
        <v>10098</v>
      </c>
      <c r="BE41" s="27">
        <v>9527</v>
      </c>
      <c r="BF41" s="27">
        <v>10403</v>
      </c>
      <c r="BG41" s="27">
        <v>8673</v>
      </c>
      <c r="BH41" s="13"/>
      <c r="BI41" s="16"/>
      <c r="BL41" s="24" t="s">
        <v>28</v>
      </c>
      <c r="BM41" s="27">
        <f t="shared" si="1"/>
        <v>-10</v>
      </c>
      <c r="BN41" s="27">
        <f t="shared" si="2"/>
        <v>-15</v>
      </c>
      <c r="BO41" s="27">
        <f t="shared" si="3"/>
        <v>-17</v>
      </c>
      <c r="BP41" s="27">
        <f t="shared" si="4"/>
        <v>-14</v>
      </c>
      <c r="BQ41" s="27">
        <f t="shared" si="5"/>
        <v>-16</v>
      </c>
      <c r="BR41" s="27">
        <f t="shared" si="6"/>
        <v>-20</v>
      </c>
      <c r="BS41" s="27">
        <f t="shared" si="7"/>
        <v>-6</v>
      </c>
      <c r="BT41" s="27">
        <f t="shared" si="8"/>
        <v>-17</v>
      </c>
      <c r="BU41" s="27">
        <f t="shared" si="9"/>
        <v>-38</v>
      </c>
      <c r="BV41" s="27">
        <f t="shared" si="10"/>
        <v>-18</v>
      </c>
      <c r="BW41" s="27">
        <f t="shared" si="11"/>
        <v>-16</v>
      </c>
      <c r="BX41" s="27">
        <f t="shared" si="12"/>
        <v>-31</v>
      </c>
      <c r="BY41" s="27">
        <f t="shared" si="13"/>
        <v>-30</v>
      </c>
      <c r="BZ41" s="27">
        <f t="shared" si="14"/>
        <v>-27</v>
      </c>
      <c r="CA41" s="27">
        <f t="shared" si="15"/>
        <v>-26</v>
      </c>
      <c r="CB41" s="27">
        <f t="shared" si="16"/>
        <v>-12</v>
      </c>
      <c r="CC41" s="27">
        <f t="shared" si="17"/>
        <v>-2</v>
      </c>
      <c r="CD41" s="27">
        <f t="shared" si="18"/>
        <v>-3</v>
      </c>
      <c r="CE41" s="27">
        <f t="shared" si="19"/>
        <v>-32</v>
      </c>
      <c r="CF41" s="27">
        <f t="shared" si="20"/>
        <v>31</v>
      </c>
      <c r="CG41" s="27">
        <f t="shared" si="21"/>
        <v>-105</v>
      </c>
      <c r="CH41" s="27">
        <f t="shared" si="22"/>
        <v>0</v>
      </c>
      <c r="CI41" s="27">
        <f t="shared" si="23"/>
        <v>0</v>
      </c>
      <c r="CJ41" s="27">
        <f t="shared" si="24"/>
        <v>-118</v>
      </c>
      <c r="CK41" s="27">
        <f t="shared" si="25"/>
        <v>0</v>
      </c>
      <c r="CL41" s="18"/>
    </row>
    <row r="42" spans="1:90" x14ac:dyDescent="0.7">
      <c r="A42" s="7"/>
      <c r="D42" s="24" t="s">
        <v>29</v>
      </c>
      <c r="E42" s="28">
        <v>340</v>
      </c>
      <c r="F42" s="28">
        <v>309</v>
      </c>
      <c r="G42" s="28">
        <v>330</v>
      </c>
      <c r="H42" s="28">
        <v>336</v>
      </c>
      <c r="I42" s="28">
        <v>226</v>
      </c>
      <c r="J42" s="28">
        <v>295</v>
      </c>
      <c r="K42" s="28">
        <v>296</v>
      </c>
      <c r="L42" s="28">
        <v>276</v>
      </c>
      <c r="M42" s="28">
        <v>242</v>
      </c>
      <c r="N42" s="28">
        <v>239</v>
      </c>
      <c r="O42" s="28">
        <v>211</v>
      </c>
      <c r="P42" s="28">
        <v>209</v>
      </c>
      <c r="Q42" s="28">
        <v>174</v>
      </c>
      <c r="R42" s="28">
        <v>167</v>
      </c>
      <c r="S42" s="28">
        <v>146</v>
      </c>
      <c r="T42" s="28">
        <v>151</v>
      </c>
      <c r="U42" s="28">
        <v>119</v>
      </c>
      <c r="V42" s="28">
        <v>128</v>
      </c>
      <c r="W42" s="28">
        <v>113</v>
      </c>
      <c r="X42" s="28">
        <v>103</v>
      </c>
      <c r="Y42" s="28">
        <v>91</v>
      </c>
      <c r="Z42" s="28">
        <v>75</v>
      </c>
      <c r="AA42" s="28">
        <v>39</v>
      </c>
      <c r="AB42" s="28">
        <v>17</v>
      </c>
      <c r="AC42" s="28">
        <v>11</v>
      </c>
      <c r="AD42" s="7"/>
      <c r="AE42" s="13"/>
      <c r="AH42" s="24" t="s">
        <v>29</v>
      </c>
      <c r="AI42" s="27">
        <v>340</v>
      </c>
      <c r="AJ42" s="27">
        <v>309</v>
      </c>
      <c r="AK42" s="27">
        <v>329</v>
      </c>
      <c r="AL42" s="27">
        <v>337</v>
      </c>
      <c r="AM42" s="27">
        <v>226</v>
      </c>
      <c r="AN42" s="27">
        <v>295</v>
      </c>
      <c r="AO42" s="27">
        <v>298</v>
      </c>
      <c r="AP42" s="27">
        <v>276</v>
      </c>
      <c r="AQ42" s="27">
        <v>242</v>
      </c>
      <c r="AR42" s="27">
        <v>240</v>
      </c>
      <c r="AS42" s="27">
        <v>212</v>
      </c>
      <c r="AT42" s="27">
        <v>209</v>
      </c>
      <c r="AU42" s="27">
        <v>174</v>
      </c>
      <c r="AV42" s="27">
        <v>167</v>
      </c>
      <c r="AW42" s="27">
        <v>146</v>
      </c>
      <c r="AX42" s="27">
        <v>152</v>
      </c>
      <c r="AY42" s="27">
        <v>119</v>
      </c>
      <c r="AZ42" s="27">
        <v>128</v>
      </c>
      <c r="BA42" s="27">
        <v>107</v>
      </c>
      <c r="BB42" s="27">
        <v>103</v>
      </c>
      <c r="BC42" s="27">
        <v>91</v>
      </c>
      <c r="BD42" s="27">
        <v>75</v>
      </c>
      <c r="BE42" s="27">
        <v>39</v>
      </c>
      <c r="BF42" s="27">
        <v>17</v>
      </c>
      <c r="BG42" s="27">
        <v>11</v>
      </c>
      <c r="BH42" s="13"/>
      <c r="BI42" s="16"/>
      <c r="BL42" s="24" t="s">
        <v>29</v>
      </c>
      <c r="BM42" s="27">
        <f t="shared" si="1"/>
        <v>0</v>
      </c>
      <c r="BN42" s="27">
        <f t="shared" si="2"/>
        <v>0</v>
      </c>
      <c r="BO42" s="27">
        <f t="shared" si="3"/>
        <v>-1</v>
      </c>
      <c r="BP42" s="27">
        <f t="shared" si="4"/>
        <v>1</v>
      </c>
      <c r="BQ42" s="27">
        <f t="shared" si="5"/>
        <v>0</v>
      </c>
      <c r="BR42" s="27">
        <f t="shared" si="6"/>
        <v>0</v>
      </c>
      <c r="BS42" s="27">
        <f t="shared" si="7"/>
        <v>2</v>
      </c>
      <c r="BT42" s="27">
        <f t="shared" si="8"/>
        <v>0</v>
      </c>
      <c r="BU42" s="27">
        <f t="shared" si="9"/>
        <v>0</v>
      </c>
      <c r="BV42" s="27">
        <f t="shared" si="10"/>
        <v>1</v>
      </c>
      <c r="BW42" s="27">
        <f t="shared" si="11"/>
        <v>1</v>
      </c>
      <c r="BX42" s="27">
        <f t="shared" si="12"/>
        <v>0</v>
      </c>
      <c r="BY42" s="27">
        <f t="shared" si="13"/>
        <v>0</v>
      </c>
      <c r="BZ42" s="27">
        <f t="shared" si="14"/>
        <v>0</v>
      </c>
      <c r="CA42" s="27">
        <f t="shared" si="15"/>
        <v>0</v>
      </c>
      <c r="CB42" s="27">
        <f t="shared" si="16"/>
        <v>1</v>
      </c>
      <c r="CC42" s="27">
        <f t="shared" si="17"/>
        <v>0</v>
      </c>
      <c r="CD42" s="27">
        <f t="shared" si="18"/>
        <v>0</v>
      </c>
      <c r="CE42" s="27">
        <f t="shared" si="19"/>
        <v>-6</v>
      </c>
      <c r="CF42" s="27">
        <f t="shared" si="20"/>
        <v>0</v>
      </c>
      <c r="CG42" s="27">
        <f t="shared" si="21"/>
        <v>0</v>
      </c>
      <c r="CH42" s="27">
        <f t="shared" si="22"/>
        <v>0</v>
      </c>
      <c r="CI42" s="27">
        <f t="shared" si="23"/>
        <v>0</v>
      </c>
      <c r="CJ42" s="27">
        <f t="shared" si="24"/>
        <v>0</v>
      </c>
      <c r="CK42" s="27">
        <f t="shared" si="25"/>
        <v>0</v>
      </c>
      <c r="CL42" s="18"/>
    </row>
    <row r="43" spans="1:90" x14ac:dyDescent="0.7">
      <c r="A43" s="7"/>
      <c r="D43" s="24" t="s">
        <v>30</v>
      </c>
      <c r="E43" s="28">
        <v>6905</v>
      </c>
      <c r="F43" s="28">
        <v>6474</v>
      </c>
      <c r="G43" s="28">
        <v>7530</v>
      </c>
      <c r="H43" s="28">
        <v>7976</v>
      </c>
      <c r="I43" s="28">
        <v>7255</v>
      </c>
      <c r="J43" s="28">
        <v>8110</v>
      </c>
      <c r="K43" s="28">
        <v>9031</v>
      </c>
      <c r="L43" s="28">
        <v>9181</v>
      </c>
      <c r="M43" s="28">
        <v>8803</v>
      </c>
      <c r="N43" s="28">
        <v>9179</v>
      </c>
      <c r="O43" s="28">
        <v>9122</v>
      </c>
      <c r="P43" s="28">
        <v>9061</v>
      </c>
      <c r="Q43" s="28">
        <v>7224</v>
      </c>
      <c r="R43" s="28">
        <v>5442</v>
      </c>
      <c r="S43" s="28">
        <v>5129</v>
      </c>
      <c r="T43" s="28">
        <v>5330</v>
      </c>
      <c r="U43" s="28">
        <v>4790</v>
      </c>
      <c r="V43" s="28">
        <v>4993</v>
      </c>
      <c r="W43" s="28">
        <v>4779</v>
      </c>
      <c r="X43" s="28">
        <v>5124</v>
      </c>
      <c r="Y43" s="28">
        <v>4798</v>
      </c>
      <c r="Z43" s="28">
        <v>4211</v>
      </c>
      <c r="AA43" s="28">
        <v>2558</v>
      </c>
      <c r="AB43" s="28">
        <v>1533</v>
      </c>
      <c r="AC43" s="28">
        <v>951</v>
      </c>
      <c r="AD43" s="7"/>
      <c r="AE43" s="13"/>
      <c r="AH43" s="24" t="s">
        <v>30</v>
      </c>
      <c r="AI43" s="27">
        <v>6895</v>
      </c>
      <c r="AJ43" s="27">
        <v>6460</v>
      </c>
      <c r="AK43" s="27">
        <v>7517</v>
      </c>
      <c r="AL43" s="27">
        <v>7964</v>
      </c>
      <c r="AM43" s="27">
        <v>7242</v>
      </c>
      <c r="AN43" s="27">
        <v>8096</v>
      </c>
      <c r="AO43" s="27">
        <v>9022</v>
      </c>
      <c r="AP43" s="27">
        <v>9167</v>
      </c>
      <c r="AQ43" s="27">
        <v>8766</v>
      </c>
      <c r="AR43" s="27">
        <v>9160</v>
      </c>
      <c r="AS43" s="27">
        <v>9104</v>
      </c>
      <c r="AT43" s="27">
        <v>9026</v>
      </c>
      <c r="AU43" s="27">
        <v>7191</v>
      </c>
      <c r="AV43" s="27">
        <v>5408</v>
      </c>
      <c r="AW43" s="27">
        <v>5088</v>
      </c>
      <c r="AX43" s="27">
        <v>5302</v>
      </c>
      <c r="AY43" s="27">
        <v>4790</v>
      </c>
      <c r="AZ43" s="27">
        <v>4993</v>
      </c>
      <c r="BA43" s="27">
        <v>4760</v>
      </c>
      <c r="BB43" s="27">
        <v>5155</v>
      </c>
      <c r="BC43" s="27">
        <v>4693</v>
      </c>
      <c r="BD43" s="27">
        <v>4211</v>
      </c>
      <c r="BE43" s="27">
        <v>2558</v>
      </c>
      <c r="BF43" s="27">
        <v>1533</v>
      </c>
      <c r="BG43" s="27">
        <v>951</v>
      </c>
      <c r="BH43" s="13"/>
      <c r="BI43" s="16"/>
      <c r="BL43" s="24" t="s">
        <v>30</v>
      </c>
      <c r="BM43" s="27">
        <f t="shared" si="1"/>
        <v>-10</v>
      </c>
      <c r="BN43" s="27">
        <f t="shared" si="2"/>
        <v>-14</v>
      </c>
      <c r="BO43" s="27">
        <f t="shared" si="3"/>
        <v>-13</v>
      </c>
      <c r="BP43" s="27">
        <f t="shared" si="4"/>
        <v>-12</v>
      </c>
      <c r="BQ43" s="27">
        <f t="shared" si="5"/>
        <v>-13</v>
      </c>
      <c r="BR43" s="27">
        <f t="shared" si="6"/>
        <v>-14</v>
      </c>
      <c r="BS43" s="27">
        <f t="shared" si="7"/>
        <v>-9</v>
      </c>
      <c r="BT43" s="27">
        <f t="shared" si="8"/>
        <v>-14</v>
      </c>
      <c r="BU43" s="27">
        <f t="shared" si="9"/>
        <v>-37</v>
      </c>
      <c r="BV43" s="27">
        <f t="shared" si="10"/>
        <v>-19</v>
      </c>
      <c r="BW43" s="27">
        <f t="shared" si="11"/>
        <v>-18</v>
      </c>
      <c r="BX43" s="27">
        <f t="shared" si="12"/>
        <v>-35</v>
      </c>
      <c r="BY43" s="27">
        <f t="shared" si="13"/>
        <v>-33</v>
      </c>
      <c r="BZ43" s="27">
        <f t="shared" si="14"/>
        <v>-34</v>
      </c>
      <c r="CA43" s="27">
        <f t="shared" si="15"/>
        <v>-41</v>
      </c>
      <c r="CB43" s="27">
        <f t="shared" si="16"/>
        <v>-28</v>
      </c>
      <c r="CC43" s="27">
        <f t="shared" si="17"/>
        <v>0</v>
      </c>
      <c r="CD43" s="27">
        <f t="shared" si="18"/>
        <v>0</v>
      </c>
      <c r="CE43" s="27">
        <f t="shared" si="19"/>
        <v>-19</v>
      </c>
      <c r="CF43" s="27">
        <f t="shared" si="20"/>
        <v>31</v>
      </c>
      <c r="CG43" s="27">
        <f t="shared" si="21"/>
        <v>-105</v>
      </c>
      <c r="CH43" s="27">
        <f t="shared" si="22"/>
        <v>0</v>
      </c>
      <c r="CI43" s="27">
        <f t="shared" si="23"/>
        <v>0</v>
      </c>
      <c r="CJ43" s="27">
        <f t="shared" si="24"/>
        <v>0</v>
      </c>
      <c r="CK43" s="27">
        <f t="shared" si="25"/>
        <v>0</v>
      </c>
      <c r="CL43" s="18"/>
    </row>
    <row r="44" spans="1:90" x14ac:dyDescent="0.7">
      <c r="A44" s="7"/>
      <c r="D44" s="24" t="s">
        <v>31</v>
      </c>
      <c r="E44" s="28">
        <v>1665</v>
      </c>
      <c r="F44" s="28">
        <v>1695</v>
      </c>
      <c r="G44" s="28">
        <v>1970</v>
      </c>
      <c r="H44" s="28">
        <v>2174</v>
      </c>
      <c r="I44" s="28">
        <v>1844</v>
      </c>
      <c r="J44" s="28">
        <v>2262</v>
      </c>
      <c r="K44" s="28">
        <v>2403</v>
      </c>
      <c r="L44" s="28">
        <v>2706</v>
      </c>
      <c r="M44" s="28">
        <v>2565</v>
      </c>
      <c r="N44" s="28">
        <v>2948</v>
      </c>
      <c r="O44" s="28">
        <v>2919</v>
      </c>
      <c r="P44" s="28">
        <v>3420</v>
      </c>
      <c r="Q44" s="28">
        <v>3582</v>
      </c>
      <c r="R44" s="28">
        <v>3890</v>
      </c>
      <c r="S44" s="28">
        <v>4050</v>
      </c>
      <c r="T44" s="28">
        <v>4614</v>
      </c>
      <c r="U44" s="28">
        <v>4194</v>
      </c>
      <c r="V44" s="28">
        <v>4729</v>
      </c>
      <c r="W44" s="28">
        <v>4594</v>
      </c>
      <c r="X44" s="28">
        <v>5265</v>
      </c>
      <c r="Y44" s="28">
        <v>4888</v>
      </c>
      <c r="Z44" s="28">
        <v>5812</v>
      </c>
      <c r="AA44" s="28">
        <v>6929</v>
      </c>
      <c r="AB44" s="28">
        <v>8971</v>
      </c>
      <c r="AC44" s="28">
        <v>7711</v>
      </c>
      <c r="AD44" s="7"/>
      <c r="AE44" s="13"/>
      <c r="AH44" s="24" t="s">
        <v>31</v>
      </c>
      <c r="AI44" s="27">
        <v>1664</v>
      </c>
      <c r="AJ44" s="27">
        <v>1693</v>
      </c>
      <c r="AK44" s="27">
        <v>1967</v>
      </c>
      <c r="AL44" s="27">
        <v>2171</v>
      </c>
      <c r="AM44" s="27">
        <v>1841</v>
      </c>
      <c r="AN44" s="27">
        <v>2256</v>
      </c>
      <c r="AO44" s="27">
        <v>2404</v>
      </c>
      <c r="AP44" s="27">
        <v>2703</v>
      </c>
      <c r="AQ44" s="27">
        <v>2564</v>
      </c>
      <c r="AR44" s="27">
        <v>2948</v>
      </c>
      <c r="AS44" s="27">
        <v>2921</v>
      </c>
      <c r="AT44" s="27">
        <v>3423</v>
      </c>
      <c r="AU44" s="27">
        <v>3585</v>
      </c>
      <c r="AV44" s="27">
        <v>3897</v>
      </c>
      <c r="AW44" s="27">
        <v>4065</v>
      </c>
      <c r="AX44" s="27">
        <v>4631</v>
      </c>
      <c r="AY44" s="27">
        <v>4191</v>
      </c>
      <c r="AZ44" s="27">
        <v>4726</v>
      </c>
      <c r="BA44" s="27">
        <v>4586</v>
      </c>
      <c r="BB44" s="27">
        <v>5265</v>
      </c>
      <c r="BC44" s="27">
        <v>4888</v>
      </c>
      <c r="BD44" s="27">
        <v>5812</v>
      </c>
      <c r="BE44" s="27">
        <v>6929</v>
      </c>
      <c r="BF44" s="27">
        <v>8853</v>
      </c>
      <c r="BG44" s="27">
        <v>7711</v>
      </c>
      <c r="BH44" s="13"/>
      <c r="BI44" s="16"/>
      <c r="BL44" s="24" t="s">
        <v>31</v>
      </c>
      <c r="BM44" s="27">
        <f t="shared" si="1"/>
        <v>-1</v>
      </c>
      <c r="BN44" s="27">
        <f t="shared" si="2"/>
        <v>-2</v>
      </c>
      <c r="BO44" s="27">
        <f t="shared" si="3"/>
        <v>-3</v>
      </c>
      <c r="BP44" s="27">
        <f t="shared" si="4"/>
        <v>-3</v>
      </c>
      <c r="BQ44" s="27">
        <f t="shared" si="5"/>
        <v>-3</v>
      </c>
      <c r="BR44" s="27">
        <f t="shared" si="6"/>
        <v>-6</v>
      </c>
      <c r="BS44" s="27">
        <f t="shared" si="7"/>
        <v>1</v>
      </c>
      <c r="BT44" s="27">
        <f t="shared" si="8"/>
        <v>-3</v>
      </c>
      <c r="BU44" s="27">
        <f t="shared" si="9"/>
        <v>-1</v>
      </c>
      <c r="BV44" s="27">
        <f t="shared" si="10"/>
        <v>0</v>
      </c>
      <c r="BW44" s="27">
        <f t="shared" si="11"/>
        <v>2</v>
      </c>
      <c r="BX44" s="27">
        <f t="shared" si="12"/>
        <v>3</v>
      </c>
      <c r="BY44" s="27">
        <f t="shared" si="13"/>
        <v>3</v>
      </c>
      <c r="BZ44" s="27">
        <f t="shared" si="14"/>
        <v>7</v>
      </c>
      <c r="CA44" s="27">
        <f t="shared" si="15"/>
        <v>15</v>
      </c>
      <c r="CB44" s="27">
        <f t="shared" si="16"/>
        <v>17</v>
      </c>
      <c r="CC44" s="27">
        <f t="shared" si="17"/>
        <v>-3</v>
      </c>
      <c r="CD44" s="27">
        <f t="shared" si="18"/>
        <v>-3</v>
      </c>
      <c r="CE44" s="27">
        <f t="shared" si="19"/>
        <v>-8</v>
      </c>
      <c r="CF44" s="27">
        <f t="shared" si="20"/>
        <v>0</v>
      </c>
      <c r="CG44" s="27">
        <f t="shared" si="21"/>
        <v>0</v>
      </c>
      <c r="CH44" s="27">
        <f t="shared" si="22"/>
        <v>0</v>
      </c>
      <c r="CI44" s="27">
        <f t="shared" si="23"/>
        <v>0</v>
      </c>
      <c r="CJ44" s="27">
        <f t="shared" si="24"/>
        <v>-118</v>
      </c>
      <c r="CK44" s="27">
        <f t="shared" si="25"/>
        <v>0</v>
      </c>
      <c r="CL44" s="18"/>
    </row>
    <row r="45" spans="1:90" x14ac:dyDescent="0.7">
      <c r="A45" s="7"/>
      <c r="D45" s="24" t="s">
        <v>32</v>
      </c>
      <c r="E45" s="28">
        <v>3688</v>
      </c>
      <c r="F45" s="28">
        <v>1613</v>
      </c>
      <c r="G45" s="28">
        <v>2201</v>
      </c>
      <c r="H45" s="28">
        <v>2289</v>
      </c>
      <c r="I45" s="28">
        <v>1825</v>
      </c>
      <c r="J45" s="28">
        <v>2411</v>
      </c>
      <c r="K45" s="28">
        <v>3003</v>
      </c>
      <c r="L45" s="28">
        <v>3732</v>
      </c>
      <c r="M45" s="28">
        <v>3589</v>
      </c>
      <c r="N45" s="28">
        <v>4654</v>
      </c>
      <c r="O45" s="28">
        <v>4426</v>
      </c>
      <c r="P45" s="28">
        <v>4742</v>
      </c>
      <c r="Q45" s="28">
        <v>4763</v>
      </c>
      <c r="R45" s="28">
        <v>4828</v>
      </c>
      <c r="S45" s="28">
        <v>4420</v>
      </c>
      <c r="T45" s="28">
        <v>4841</v>
      </c>
      <c r="U45" s="28">
        <v>4865</v>
      </c>
      <c r="V45" s="28">
        <v>5144</v>
      </c>
      <c r="W45" s="28">
        <v>4569</v>
      </c>
      <c r="X45" s="28">
        <v>5076</v>
      </c>
      <c r="Y45" s="28">
        <v>5088</v>
      </c>
      <c r="Z45" s="28">
        <v>5097</v>
      </c>
      <c r="AA45" s="28">
        <v>4689</v>
      </c>
      <c r="AB45" s="28">
        <v>5168</v>
      </c>
      <c r="AC45" s="28">
        <v>5192</v>
      </c>
      <c r="AD45" s="7"/>
      <c r="AE45" s="13"/>
      <c r="AH45" s="24" t="s">
        <v>32</v>
      </c>
      <c r="AI45" s="27">
        <v>3690</v>
      </c>
      <c r="AJ45" s="27">
        <v>1613</v>
      </c>
      <c r="AK45" s="27">
        <v>2202</v>
      </c>
      <c r="AL45" s="27">
        <v>2289</v>
      </c>
      <c r="AM45" s="27">
        <v>1827</v>
      </c>
      <c r="AN45" s="27">
        <v>2411</v>
      </c>
      <c r="AO45" s="27">
        <v>3005</v>
      </c>
      <c r="AP45" s="27">
        <v>3732</v>
      </c>
      <c r="AQ45" s="27">
        <v>3589</v>
      </c>
      <c r="AR45" s="27">
        <v>4654</v>
      </c>
      <c r="AS45" s="27">
        <v>4426</v>
      </c>
      <c r="AT45" s="27">
        <v>4741</v>
      </c>
      <c r="AU45" s="27">
        <v>4761</v>
      </c>
      <c r="AV45" s="27">
        <v>4827</v>
      </c>
      <c r="AW45" s="27">
        <v>4418</v>
      </c>
      <c r="AX45" s="27">
        <v>4841</v>
      </c>
      <c r="AY45" s="27">
        <v>4866</v>
      </c>
      <c r="AZ45" s="27">
        <v>5144</v>
      </c>
      <c r="BA45" s="27">
        <v>4567</v>
      </c>
      <c r="BB45" s="27">
        <v>5076</v>
      </c>
      <c r="BC45" s="27">
        <v>5088</v>
      </c>
      <c r="BD45" s="27">
        <v>5097</v>
      </c>
      <c r="BE45" s="27">
        <v>4689</v>
      </c>
      <c r="BF45" s="27">
        <v>5168</v>
      </c>
      <c r="BG45" s="27">
        <v>5192</v>
      </c>
      <c r="BH45" s="13"/>
      <c r="BI45" s="16"/>
      <c r="BL45" s="24" t="s">
        <v>32</v>
      </c>
      <c r="BM45" s="27">
        <f t="shared" si="1"/>
        <v>2</v>
      </c>
      <c r="BN45" s="27">
        <f t="shared" si="2"/>
        <v>0</v>
      </c>
      <c r="BO45" s="27">
        <f t="shared" si="3"/>
        <v>1</v>
      </c>
      <c r="BP45" s="27">
        <f t="shared" si="4"/>
        <v>0</v>
      </c>
      <c r="BQ45" s="27">
        <f t="shared" si="5"/>
        <v>2</v>
      </c>
      <c r="BR45" s="27">
        <f t="shared" si="6"/>
        <v>0</v>
      </c>
      <c r="BS45" s="27">
        <f t="shared" si="7"/>
        <v>2</v>
      </c>
      <c r="BT45" s="27">
        <f t="shared" si="8"/>
        <v>0</v>
      </c>
      <c r="BU45" s="27">
        <f t="shared" si="9"/>
        <v>0</v>
      </c>
      <c r="BV45" s="27">
        <f t="shared" si="10"/>
        <v>0</v>
      </c>
      <c r="BW45" s="27">
        <f t="shared" si="11"/>
        <v>0</v>
      </c>
      <c r="BX45" s="27">
        <f t="shared" si="12"/>
        <v>-1</v>
      </c>
      <c r="BY45" s="27">
        <f t="shared" si="13"/>
        <v>-2</v>
      </c>
      <c r="BZ45" s="27">
        <f t="shared" si="14"/>
        <v>-1</v>
      </c>
      <c r="CA45" s="27">
        <f t="shared" si="15"/>
        <v>-2</v>
      </c>
      <c r="CB45" s="27">
        <f t="shared" si="16"/>
        <v>0</v>
      </c>
      <c r="CC45" s="27">
        <f t="shared" si="17"/>
        <v>1</v>
      </c>
      <c r="CD45" s="27">
        <f t="shared" si="18"/>
        <v>0</v>
      </c>
      <c r="CE45" s="27">
        <f t="shared" si="19"/>
        <v>-2</v>
      </c>
      <c r="CF45" s="27">
        <f t="shared" si="20"/>
        <v>0</v>
      </c>
      <c r="CG45" s="27">
        <f t="shared" si="21"/>
        <v>0</v>
      </c>
      <c r="CH45" s="27">
        <f t="shared" si="22"/>
        <v>0</v>
      </c>
      <c r="CI45" s="27">
        <f t="shared" si="23"/>
        <v>0</v>
      </c>
      <c r="CJ45" s="27">
        <f t="shared" si="24"/>
        <v>0</v>
      </c>
      <c r="CK45" s="27">
        <f t="shared" si="25"/>
        <v>0</v>
      </c>
      <c r="CL45" s="18"/>
    </row>
    <row r="46" spans="1:90" x14ac:dyDescent="0.7">
      <c r="A46" s="7"/>
      <c r="D46" s="24" t="s">
        <v>33</v>
      </c>
      <c r="E46" s="28">
        <v>3688</v>
      </c>
      <c r="F46" s="28">
        <v>1613</v>
      </c>
      <c r="G46" s="28">
        <v>2201</v>
      </c>
      <c r="H46" s="28">
        <v>2289</v>
      </c>
      <c r="I46" s="28">
        <v>1825</v>
      </c>
      <c r="J46" s="28">
        <v>2411</v>
      </c>
      <c r="K46" s="28">
        <v>3003</v>
      </c>
      <c r="L46" s="28">
        <v>3732</v>
      </c>
      <c r="M46" s="28">
        <v>3589</v>
      </c>
      <c r="N46" s="28">
        <v>4654</v>
      </c>
      <c r="O46" s="28">
        <v>4426</v>
      </c>
      <c r="P46" s="28">
        <v>4742</v>
      </c>
      <c r="Q46" s="28">
        <v>4763</v>
      </c>
      <c r="R46" s="28">
        <v>4828</v>
      </c>
      <c r="S46" s="28">
        <v>4420</v>
      </c>
      <c r="T46" s="28">
        <v>4841</v>
      </c>
      <c r="U46" s="28">
        <v>4865</v>
      </c>
      <c r="V46" s="28">
        <v>5144</v>
      </c>
      <c r="W46" s="28">
        <v>4569</v>
      </c>
      <c r="X46" s="28">
        <v>5076</v>
      </c>
      <c r="Y46" s="28">
        <v>5088</v>
      </c>
      <c r="Z46" s="28">
        <v>5097</v>
      </c>
      <c r="AA46" s="28">
        <v>4689</v>
      </c>
      <c r="AB46" s="28">
        <v>5168</v>
      </c>
      <c r="AC46" s="28">
        <v>5192</v>
      </c>
      <c r="AD46" s="7"/>
      <c r="AE46" s="13"/>
      <c r="AH46" s="24" t="s">
        <v>33</v>
      </c>
      <c r="AI46" s="27">
        <v>3690</v>
      </c>
      <c r="AJ46" s="27">
        <v>1613</v>
      </c>
      <c r="AK46" s="27">
        <v>2202</v>
      </c>
      <c r="AL46" s="27">
        <v>2289</v>
      </c>
      <c r="AM46" s="27">
        <v>1827</v>
      </c>
      <c r="AN46" s="27">
        <v>2411</v>
      </c>
      <c r="AO46" s="27">
        <v>3005</v>
      </c>
      <c r="AP46" s="27">
        <v>3732</v>
      </c>
      <c r="AQ46" s="27">
        <v>3589</v>
      </c>
      <c r="AR46" s="27">
        <v>4654</v>
      </c>
      <c r="AS46" s="27">
        <v>4426</v>
      </c>
      <c r="AT46" s="27">
        <v>4741</v>
      </c>
      <c r="AU46" s="27">
        <v>4761</v>
      </c>
      <c r="AV46" s="27">
        <v>4827</v>
      </c>
      <c r="AW46" s="27">
        <v>4418</v>
      </c>
      <c r="AX46" s="27">
        <v>4841</v>
      </c>
      <c r="AY46" s="27">
        <v>4866</v>
      </c>
      <c r="AZ46" s="27">
        <v>5144</v>
      </c>
      <c r="BA46" s="27">
        <v>4567</v>
      </c>
      <c r="BB46" s="27">
        <v>5076</v>
      </c>
      <c r="BC46" s="27">
        <v>5088</v>
      </c>
      <c r="BD46" s="27">
        <v>5097</v>
      </c>
      <c r="BE46" s="27">
        <v>4689</v>
      </c>
      <c r="BF46" s="27">
        <v>5168</v>
      </c>
      <c r="BG46" s="27">
        <v>5192</v>
      </c>
      <c r="BH46" s="13"/>
      <c r="BI46" s="16"/>
      <c r="BL46" s="24" t="s">
        <v>33</v>
      </c>
      <c r="BM46" s="27">
        <f t="shared" si="1"/>
        <v>2</v>
      </c>
      <c r="BN46" s="27">
        <f t="shared" si="2"/>
        <v>0</v>
      </c>
      <c r="BO46" s="27">
        <f t="shared" si="3"/>
        <v>1</v>
      </c>
      <c r="BP46" s="27">
        <f t="shared" si="4"/>
        <v>0</v>
      </c>
      <c r="BQ46" s="27">
        <f t="shared" si="5"/>
        <v>2</v>
      </c>
      <c r="BR46" s="27">
        <f t="shared" si="6"/>
        <v>0</v>
      </c>
      <c r="BS46" s="27">
        <f t="shared" si="7"/>
        <v>2</v>
      </c>
      <c r="BT46" s="27">
        <f t="shared" si="8"/>
        <v>0</v>
      </c>
      <c r="BU46" s="27">
        <f t="shared" si="9"/>
        <v>0</v>
      </c>
      <c r="BV46" s="27">
        <f t="shared" si="10"/>
        <v>0</v>
      </c>
      <c r="BW46" s="27">
        <f t="shared" si="11"/>
        <v>0</v>
      </c>
      <c r="BX46" s="27">
        <f t="shared" si="12"/>
        <v>-1</v>
      </c>
      <c r="BY46" s="27">
        <f t="shared" si="13"/>
        <v>-2</v>
      </c>
      <c r="BZ46" s="27">
        <f t="shared" si="14"/>
        <v>-1</v>
      </c>
      <c r="CA46" s="27">
        <f t="shared" si="15"/>
        <v>-2</v>
      </c>
      <c r="CB46" s="27">
        <f t="shared" si="16"/>
        <v>0</v>
      </c>
      <c r="CC46" s="27">
        <f t="shared" si="17"/>
        <v>1</v>
      </c>
      <c r="CD46" s="27">
        <f t="shared" si="18"/>
        <v>0</v>
      </c>
      <c r="CE46" s="27">
        <f t="shared" si="19"/>
        <v>-2</v>
      </c>
      <c r="CF46" s="27">
        <f t="shared" si="20"/>
        <v>0</v>
      </c>
      <c r="CG46" s="27">
        <f t="shared" si="21"/>
        <v>0</v>
      </c>
      <c r="CH46" s="27">
        <f t="shared" si="22"/>
        <v>0</v>
      </c>
      <c r="CI46" s="27">
        <f t="shared" si="23"/>
        <v>0</v>
      </c>
      <c r="CJ46" s="27">
        <f t="shared" si="24"/>
        <v>0</v>
      </c>
      <c r="CK46" s="27">
        <f t="shared" si="25"/>
        <v>0</v>
      </c>
      <c r="CL46" s="18"/>
    </row>
    <row r="47" spans="1:90" x14ac:dyDescent="0.7">
      <c r="A47" s="7"/>
      <c r="B47" s="7"/>
      <c r="C47" s="7"/>
      <c r="D47" s="7"/>
      <c r="E47" s="7"/>
      <c r="F47" s="7"/>
      <c r="G47" s="7"/>
      <c r="H47" s="7"/>
      <c r="I47" s="7"/>
      <c r="J47" s="7"/>
      <c r="K47" s="7"/>
      <c r="L47" s="7"/>
      <c r="M47" s="7"/>
      <c r="N47" s="7"/>
      <c r="O47" s="7"/>
      <c r="P47" s="7"/>
      <c r="Q47" s="7"/>
      <c r="R47" s="7"/>
      <c r="S47" s="7"/>
      <c r="T47" s="7"/>
      <c r="U47" s="7"/>
      <c r="V47" s="7"/>
      <c r="W47" s="7"/>
      <c r="X47" s="7"/>
      <c r="Y47" s="7"/>
      <c r="Z47" s="7"/>
      <c r="AA47" s="7"/>
      <c r="AB47" s="7"/>
      <c r="AC47" s="7"/>
      <c r="AD47" s="7"/>
      <c r="AE47" s="13"/>
      <c r="AF47" s="13"/>
      <c r="AG47" s="13"/>
      <c r="AH47" s="13"/>
      <c r="AI47" s="13"/>
      <c r="AJ47" s="13"/>
      <c r="AK47" s="13"/>
      <c r="AL47" s="13"/>
      <c r="AM47" s="13"/>
      <c r="AN47" s="13"/>
      <c r="AO47" s="13"/>
      <c r="AP47" s="13"/>
      <c r="AQ47" s="13"/>
      <c r="AR47" s="13"/>
      <c r="AS47" s="13"/>
      <c r="AT47" s="13"/>
      <c r="AU47" s="13"/>
      <c r="AV47" s="13"/>
      <c r="AW47" s="13"/>
      <c r="AX47" s="13"/>
      <c r="AY47" s="13"/>
      <c r="AZ47" s="13"/>
      <c r="BA47" s="13"/>
      <c r="BB47" s="13"/>
      <c r="BC47" s="13"/>
      <c r="BD47" s="13"/>
      <c r="BE47" s="13"/>
      <c r="BF47" s="13"/>
      <c r="BG47" s="13"/>
      <c r="BH47" s="13"/>
      <c r="BI47" s="16"/>
      <c r="BJ47" s="16"/>
      <c r="BK47" s="16"/>
      <c r="BL47" s="16"/>
      <c r="BM47" s="16"/>
      <c r="BN47" s="16"/>
      <c r="BO47" s="16"/>
      <c r="BP47" s="16"/>
      <c r="BQ47" s="16"/>
      <c r="BR47" s="16"/>
      <c r="BS47" s="16"/>
      <c r="BT47" s="16"/>
      <c r="BU47" s="16"/>
      <c r="BV47" s="16"/>
      <c r="BW47" s="16"/>
      <c r="BX47" s="16"/>
      <c r="BY47" s="16"/>
      <c r="BZ47" s="16"/>
      <c r="CA47" s="16"/>
      <c r="CB47" s="16"/>
      <c r="CC47" s="16"/>
      <c r="CD47" s="16"/>
      <c r="CE47" s="16"/>
      <c r="CF47" s="16"/>
      <c r="CG47" s="18"/>
      <c r="CH47" s="18"/>
      <c r="CI47" s="18"/>
      <c r="CJ47" s="18"/>
      <c r="CK47" s="18"/>
      <c r="CL47" s="18"/>
    </row>
    <row r="48" spans="1:90" hidden="1" x14ac:dyDescent="0.7">
      <c r="A48" s="26"/>
      <c r="B48" s="26"/>
    </row>
    <row r="57" spans="6:30" hidden="1" x14ac:dyDescent="0.7">
      <c r="F57" s="24"/>
      <c r="G57" s="24"/>
      <c r="H57" s="24"/>
      <c r="I57" s="24"/>
      <c r="J57" s="24"/>
      <c r="K57" s="24"/>
      <c r="L57" s="24"/>
      <c r="M57" s="24"/>
      <c r="N57" s="24"/>
      <c r="O57" s="24"/>
      <c r="P57" s="24"/>
      <c r="Q57" s="24"/>
      <c r="R57" s="24"/>
      <c r="S57" s="24"/>
      <c r="T57" s="24"/>
      <c r="U57" s="24"/>
      <c r="V57" s="24"/>
      <c r="W57" s="24"/>
      <c r="X57" s="24"/>
      <c r="Y57" s="24"/>
      <c r="Z57" s="24"/>
      <c r="AA57" s="24"/>
      <c r="AB57" s="24"/>
      <c r="AC57" s="24"/>
      <c r="AD57" s="24"/>
    </row>
    <row r="72" spans="6:30" hidden="1" x14ac:dyDescent="0.7">
      <c r="F72" s="24"/>
      <c r="G72" s="24"/>
      <c r="H72" s="24"/>
      <c r="I72" s="24"/>
      <c r="J72" s="24"/>
      <c r="K72" s="24"/>
      <c r="L72" s="24"/>
      <c r="M72" s="24"/>
      <c r="N72" s="24"/>
      <c r="O72" s="24"/>
      <c r="P72" s="24"/>
      <c r="Q72" s="24"/>
      <c r="R72" s="24"/>
      <c r="S72" s="24"/>
      <c r="T72" s="24"/>
      <c r="U72" s="24"/>
      <c r="V72" s="24"/>
      <c r="W72" s="24"/>
      <c r="X72" s="24"/>
      <c r="Y72" s="24"/>
      <c r="Z72" s="24"/>
      <c r="AA72" s="24"/>
      <c r="AB72" s="24"/>
      <c r="AC72" s="24"/>
      <c r="AD72" s="24"/>
    </row>
  </sheetData>
  <pageMargins left="0.75" right="0.75" top="0.75" bottom="0.5" header="0.5" footer="0.75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546CE76-1447-42ED-98C6-53B3AF569868}">
  <dimension ref="A1:CL216"/>
  <sheetViews>
    <sheetView showGridLines="0" zoomScale="70" zoomScaleNormal="70" workbookViewId="0"/>
  </sheetViews>
  <sheetFormatPr defaultColWidth="0" defaultRowHeight="14.5" zeroHeight="1" x14ac:dyDescent="0.7"/>
  <cols>
    <col min="1" max="1" width="4.6796875" style="2" customWidth="1"/>
    <col min="2" max="2" width="17.7265625" style="2" bestFit="1" customWidth="1"/>
    <col min="3" max="3" width="17.1328125" style="2" bestFit="1" customWidth="1"/>
    <col min="4" max="4" width="30.54296875" style="2" bestFit="1" customWidth="1"/>
    <col min="5" max="29" width="9.81640625" style="2" bestFit="1" customWidth="1"/>
    <col min="30" max="31" width="4.6796875" style="2" customWidth="1"/>
    <col min="32" max="32" width="21.1796875" style="2" customWidth="1"/>
    <col min="33" max="33" width="17.1328125" style="2" bestFit="1" customWidth="1"/>
    <col min="34" max="34" width="30.54296875" style="2" bestFit="1" customWidth="1"/>
    <col min="35" max="59" width="9.81640625" style="2" bestFit="1" customWidth="1"/>
    <col min="60" max="61" width="4.6796875" style="2" customWidth="1"/>
    <col min="62" max="62" width="18.26953125" style="2" customWidth="1"/>
    <col min="63" max="63" width="17.1328125" style="2" bestFit="1" customWidth="1"/>
    <col min="64" max="64" width="30.54296875" style="2" bestFit="1" customWidth="1"/>
    <col min="65" max="69" width="8" style="2" bestFit="1" customWidth="1"/>
    <col min="70" max="88" width="8.6328125" style="2" bestFit="1" customWidth="1"/>
    <col min="89" max="89" width="8" style="2" bestFit="1" customWidth="1"/>
    <col min="90" max="90" width="4.6796875" style="2" customWidth="1"/>
    <col min="91" max="16384" width="8.7265625" style="2" hidden="1"/>
  </cols>
  <sheetData>
    <row r="1" spans="1:90" ht="32.75" x14ac:dyDescent="1.35">
      <c r="A1" s="1" t="s">
        <v>73</v>
      </c>
    </row>
    <row r="2" spans="1:90" ht="17" x14ac:dyDescent="0.8">
      <c r="B2" s="4"/>
    </row>
    <row r="3" spans="1:90" ht="35" x14ac:dyDescent="1.4">
      <c r="A3" s="7"/>
      <c r="B3" s="5" t="s">
        <v>69</v>
      </c>
      <c r="C3" s="7"/>
      <c r="D3" s="7"/>
      <c r="E3" s="7"/>
      <c r="F3" s="7"/>
      <c r="G3" s="7"/>
      <c r="H3" s="7"/>
      <c r="I3" s="7"/>
      <c r="J3" s="7"/>
      <c r="K3" s="7"/>
      <c r="L3" s="7"/>
      <c r="M3" s="7"/>
      <c r="N3" s="7"/>
      <c r="O3" s="7"/>
      <c r="P3" s="7"/>
      <c r="Q3" s="7"/>
      <c r="R3" s="7"/>
      <c r="S3" s="7"/>
      <c r="T3" s="7"/>
      <c r="U3" s="7"/>
      <c r="V3" s="7"/>
      <c r="W3" s="7"/>
      <c r="X3" s="7"/>
      <c r="Y3" s="7"/>
      <c r="Z3" s="7"/>
      <c r="AA3" s="7"/>
      <c r="AB3" s="7"/>
      <c r="AC3" s="7"/>
      <c r="AD3" s="7"/>
      <c r="AE3" s="13"/>
      <c r="AF3" s="11" t="s">
        <v>70</v>
      </c>
      <c r="AG3" s="13"/>
      <c r="AH3" s="13"/>
      <c r="AI3" s="13"/>
      <c r="AJ3" s="13"/>
      <c r="AK3" s="13"/>
      <c r="AL3" s="13"/>
      <c r="AM3" s="13"/>
      <c r="AN3" s="13"/>
      <c r="AO3" s="13"/>
      <c r="AP3" s="13"/>
      <c r="AQ3" s="13"/>
      <c r="AR3" s="13"/>
      <c r="AS3" s="13"/>
      <c r="AT3" s="13"/>
      <c r="AU3" s="13"/>
      <c r="AV3" s="13"/>
      <c r="AW3" s="13"/>
      <c r="AX3" s="13"/>
      <c r="AY3" s="13"/>
      <c r="AZ3" s="13"/>
      <c r="BA3" s="13"/>
      <c r="BB3" s="13"/>
      <c r="BC3" s="13"/>
      <c r="BD3" s="13"/>
      <c r="BE3" s="13"/>
      <c r="BF3" s="13"/>
      <c r="BG3" s="13"/>
      <c r="BH3" s="13"/>
      <c r="BI3" s="16"/>
      <c r="BJ3" s="17" t="s">
        <v>71</v>
      </c>
      <c r="BK3" s="18"/>
      <c r="BL3" s="18"/>
      <c r="BM3" s="16"/>
      <c r="BN3" s="16"/>
      <c r="BO3" s="16"/>
      <c r="BP3" s="16"/>
      <c r="BQ3" s="16"/>
      <c r="BR3" s="16"/>
      <c r="BS3" s="16"/>
      <c r="BT3" s="16"/>
      <c r="BU3" s="16"/>
      <c r="BV3" s="16"/>
      <c r="BW3" s="16"/>
      <c r="BX3" s="16"/>
      <c r="BY3" s="16"/>
      <c r="BZ3" s="16"/>
      <c r="CA3" s="16"/>
      <c r="CB3" s="16"/>
      <c r="CC3" s="16"/>
      <c r="CD3" s="16"/>
      <c r="CE3" s="16"/>
      <c r="CF3" s="16"/>
      <c r="CG3" s="16"/>
      <c r="CH3" s="16"/>
      <c r="CI3" s="16"/>
      <c r="CJ3" s="16"/>
      <c r="CK3" s="16"/>
      <c r="CL3" s="16"/>
    </row>
    <row r="4" spans="1:90" s="39" customFormat="1" x14ac:dyDescent="0.7">
      <c r="A4" s="33"/>
      <c r="E4" s="40" t="s">
        <v>0</v>
      </c>
      <c r="F4" s="40" t="s">
        <v>1</v>
      </c>
      <c r="G4" s="40" t="s">
        <v>2</v>
      </c>
      <c r="H4" s="40" t="s">
        <v>3</v>
      </c>
      <c r="I4" s="40" t="s">
        <v>4</v>
      </c>
      <c r="J4" s="40" t="s">
        <v>5</v>
      </c>
      <c r="K4" s="40" t="s">
        <v>6</v>
      </c>
      <c r="L4" s="40" t="s">
        <v>7</v>
      </c>
      <c r="M4" s="40" t="s">
        <v>8</v>
      </c>
      <c r="N4" s="40" t="s">
        <v>9</v>
      </c>
      <c r="O4" s="40" t="s">
        <v>10</v>
      </c>
      <c r="P4" s="40" t="s">
        <v>11</v>
      </c>
      <c r="Q4" s="40" t="s">
        <v>12</v>
      </c>
      <c r="R4" s="40" t="s">
        <v>13</v>
      </c>
      <c r="S4" s="40" t="s">
        <v>14</v>
      </c>
      <c r="T4" s="40" t="s">
        <v>15</v>
      </c>
      <c r="U4" s="40" t="s">
        <v>16</v>
      </c>
      <c r="V4" s="40" t="s">
        <v>17</v>
      </c>
      <c r="W4" s="40" t="s">
        <v>18</v>
      </c>
      <c r="X4" s="40" t="s">
        <v>19</v>
      </c>
      <c r="Y4" s="40" t="s">
        <v>20</v>
      </c>
      <c r="Z4" s="40" t="s">
        <v>21</v>
      </c>
      <c r="AA4" s="40" t="s">
        <v>22</v>
      </c>
      <c r="AB4" s="40" t="s">
        <v>23</v>
      </c>
      <c r="AC4" s="40" t="s">
        <v>24</v>
      </c>
      <c r="AD4" s="33"/>
      <c r="AE4" s="36"/>
      <c r="AF4" s="41"/>
      <c r="AG4" s="41"/>
      <c r="AH4" s="41"/>
      <c r="AI4" s="41" t="s">
        <v>0</v>
      </c>
      <c r="AJ4" s="41" t="s">
        <v>1</v>
      </c>
      <c r="AK4" s="41" t="s">
        <v>2</v>
      </c>
      <c r="AL4" s="41" t="s">
        <v>3</v>
      </c>
      <c r="AM4" s="41" t="s">
        <v>4</v>
      </c>
      <c r="AN4" s="41" t="s">
        <v>5</v>
      </c>
      <c r="AO4" s="41" t="s">
        <v>6</v>
      </c>
      <c r="AP4" s="41" t="s">
        <v>7</v>
      </c>
      <c r="AQ4" s="41" t="s">
        <v>8</v>
      </c>
      <c r="AR4" s="41" t="s">
        <v>9</v>
      </c>
      <c r="AS4" s="41" t="s">
        <v>10</v>
      </c>
      <c r="AT4" s="41" t="s">
        <v>11</v>
      </c>
      <c r="AU4" s="41" t="s">
        <v>12</v>
      </c>
      <c r="AV4" s="41" t="s">
        <v>13</v>
      </c>
      <c r="AW4" s="41" t="s">
        <v>14</v>
      </c>
      <c r="AX4" s="41" t="s">
        <v>15</v>
      </c>
      <c r="AY4" s="41" t="s">
        <v>16</v>
      </c>
      <c r="AZ4" s="41" t="s">
        <v>17</v>
      </c>
      <c r="BA4" s="41" t="s">
        <v>18</v>
      </c>
      <c r="BB4" s="41" t="s">
        <v>19</v>
      </c>
      <c r="BC4" s="41" t="s">
        <v>20</v>
      </c>
      <c r="BD4" s="41" t="s">
        <v>21</v>
      </c>
      <c r="BE4" s="41" t="s">
        <v>22</v>
      </c>
      <c r="BF4" s="41" t="s">
        <v>23</v>
      </c>
      <c r="BG4" s="41" t="s">
        <v>24</v>
      </c>
      <c r="BH4" s="36"/>
      <c r="BI4" s="37"/>
      <c r="BJ4" s="41"/>
      <c r="BK4" s="41"/>
      <c r="BL4" s="41"/>
      <c r="BM4" s="41" t="s">
        <v>0</v>
      </c>
      <c r="BN4" s="41" t="s">
        <v>1</v>
      </c>
      <c r="BO4" s="41" t="s">
        <v>2</v>
      </c>
      <c r="BP4" s="41" t="s">
        <v>3</v>
      </c>
      <c r="BQ4" s="41" t="s">
        <v>4</v>
      </c>
      <c r="BR4" s="41" t="s">
        <v>5</v>
      </c>
      <c r="BS4" s="41" t="s">
        <v>6</v>
      </c>
      <c r="BT4" s="41" t="s">
        <v>7</v>
      </c>
      <c r="BU4" s="41" t="s">
        <v>8</v>
      </c>
      <c r="BV4" s="41" t="s">
        <v>9</v>
      </c>
      <c r="BW4" s="41" t="s">
        <v>10</v>
      </c>
      <c r="BX4" s="41" t="s">
        <v>11</v>
      </c>
      <c r="BY4" s="41" t="s">
        <v>12</v>
      </c>
      <c r="BZ4" s="41" t="s">
        <v>13</v>
      </c>
      <c r="CA4" s="41" t="s">
        <v>14</v>
      </c>
      <c r="CB4" s="41" t="s">
        <v>15</v>
      </c>
      <c r="CC4" s="41" t="s">
        <v>16</v>
      </c>
      <c r="CD4" s="41" t="s">
        <v>17</v>
      </c>
      <c r="CE4" s="41" t="s">
        <v>18</v>
      </c>
      <c r="CF4" s="41" t="s">
        <v>19</v>
      </c>
      <c r="CG4" s="41" t="s">
        <v>20</v>
      </c>
      <c r="CH4" s="41" t="s">
        <v>21</v>
      </c>
      <c r="CI4" s="41" t="s">
        <v>22</v>
      </c>
      <c r="CJ4" s="41" t="s">
        <v>23</v>
      </c>
      <c r="CK4" s="41" t="s">
        <v>24</v>
      </c>
      <c r="CL4" s="37"/>
    </row>
    <row r="5" spans="1:90" x14ac:dyDescent="0.7">
      <c r="A5" s="7"/>
      <c r="B5" s="8" t="s">
        <v>25</v>
      </c>
      <c r="C5" s="8" t="s">
        <v>26</v>
      </c>
      <c r="D5" s="8" t="s">
        <v>45</v>
      </c>
      <c r="E5" s="42">
        <v>378369</v>
      </c>
      <c r="F5" s="42">
        <v>397269</v>
      </c>
      <c r="G5" s="42">
        <v>445049</v>
      </c>
      <c r="H5" s="42">
        <v>420499</v>
      </c>
      <c r="I5" s="42">
        <v>322217</v>
      </c>
      <c r="J5" s="42">
        <v>427182</v>
      </c>
      <c r="K5" s="42">
        <v>460182</v>
      </c>
      <c r="L5" s="42">
        <v>453680</v>
      </c>
      <c r="M5" s="42">
        <v>402369</v>
      </c>
      <c r="N5" s="42">
        <v>464784</v>
      </c>
      <c r="O5" s="42">
        <v>462687</v>
      </c>
      <c r="P5" s="42">
        <v>459849</v>
      </c>
      <c r="Q5" s="42">
        <v>419441</v>
      </c>
      <c r="R5" s="42">
        <v>457627</v>
      </c>
      <c r="S5" s="42">
        <v>443348</v>
      </c>
      <c r="T5" s="42">
        <v>440481</v>
      </c>
      <c r="U5" s="42">
        <v>403434</v>
      </c>
      <c r="V5" s="42">
        <v>468121</v>
      </c>
      <c r="W5" s="42">
        <v>458532</v>
      </c>
      <c r="X5" s="42">
        <v>455614</v>
      </c>
      <c r="Y5" s="42">
        <v>423530</v>
      </c>
      <c r="Z5" s="42">
        <v>512771</v>
      </c>
      <c r="AA5" s="42">
        <v>513465</v>
      </c>
      <c r="AB5" s="42">
        <v>518816</v>
      </c>
      <c r="AC5" s="42">
        <v>469388</v>
      </c>
      <c r="AD5" s="7"/>
      <c r="AE5" s="13"/>
      <c r="AF5" s="9" t="s">
        <v>25</v>
      </c>
      <c r="AG5" s="9" t="s">
        <v>26</v>
      </c>
      <c r="AH5" s="9" t="s">
        <v>45</v>
      </c>
      <c r="AI5" s="21">
        <v>383090</v>
      </c>
      <c r="AJ5" s="21">
        <v>403206</v>
      </c>
      <c r="AK5" s="21">
        <v>453329</v>
      </c>
      <c r="AL5" s="21">
        <v>428760</v>
      </c>
      <c r="AM5" s="21">
        <v>329525</v>
      </c>
      <c r="AN5" s="21">
        <v>437473</v>
      </c>
      <c r="AO5" s="21">
        <v>477441</v>
      </c>
      <c r="AP5" s="21">
        <v>469675</v>
      </c>
      <c r="AQ5" s="21">
        <v>414666</v>
      </c>
      <c r="AR5" s="21">
        <v>481297</v>
      </c>
      <c r="AS5" s="21">
        <v>480711</v>
      </c>
      <c r="AT5" s="21">
        <v>477414</v>
      </c>
      <c r="AU5" s="21">
        <v>440314</v>
      </c>
      <c r="AV5" s="21">
        <v>479066</v>
      </c>
      <c r="AW5" s="21">
        <v>464508</v>
      </c>
      <c r="AX5" s="21">
        <v>471322</v>
      </c>
      <c r="AY5" s="21">
        <v>434702</v>
      </c>
      <c r="AZ5" s="21">
        <v>493297</v>
      </c>
      <c r="BA5" s="21">
        <v>487247</v>
      </c>
      <c r="BB5" s="21">
        <v>488339</v>
      </c>
      <c r="BC5" s="21">
        <v>448416</v>
      </c>
      <c r="BD5" s="21">
        <v>504703</v>
      </c>
      <c r="BE5" s="21">
        <v>505215</v>
      </c>
      <c r="BF5" s="21">
        <v>508470</v>
      </c>
      <c r="BG5" s="21">
        <v>466852</v>
      </c>
      <c r="BH5" s="13"/>
      <c r="BI5" s="16"/>
      <c r="BJ5" s="9" t="s">
        <v>25</v>
      </c>
      <c r="BK5" s="9" t="s">
        <v>26</v>
      </c>
      <c r="BL5" s="9" t="s">
        <v>45</v>
      </c>
      <c r="BM5" s="21">
        <f>AI5-E5</f>
        <v>4721</v>
      </c>
      <c r="BN5" s="21">
        <f t="shared" ref="BN5:CK5" si="0">AJ5-F5</f>
        <v>5937</v>
      </c>
      <c r="BO5" s="21">
        <f t="shared" si="0"/>
        <v>8280</v>
      </c>
      <c r="BP5" s="21">
        <f t="shared" si="0"/>
        <v>8261</v>
      </c>
      <c r="BQ5" s="21">
        <f t="shared" si="0"/>
        <v>7308</v>
      </c>
      <c r="BR5" s="21">
        <f t="shared" si="0"/>
        <v>10291</v>
      </c>
      <c r="BS5" s="21">
        <f t="shared" si="0"/>
        <v>17259</v>
      </c>
      <c r="BT5" s="21">
        <f t="shared" si="0"/>
        <v>15995</v>
      </c>
      <c r="BU5" s="21">
        <f t="shared" si="0"/>
        <v>12297</v>
      </c>
      <c r="BV5" s="21">
        <f t="shared" si="0"/>
        <v>16513</v>
      </c>
      <c r="BW5" s="21">
        <f t="shared" si="0"/>
        <v>18024</v>
      </c>
      <c r="BX5" s="21">
        <f t="shared" si="0"/>
        <v>17565</v>
      </c>
      <c r="BY5" s="21">
        <f t="shared" si="0"/>
        <v>20873</v>
      </c>
      <c r="BZ5" s="21">
        <f t="shared" si="0"/>
        <v>21439</v>
      </c>
      <c r="CA5" s="21">
        <f t="shared" si="0"/>
        <v>21160</v>
      </c>
      <c r="CB5" s="21">
        <f t="shared" si="0"/>
        <v>30841</v>
      </c>
      <c r="CC5" s="21">
        <f t="shared" si="0"/>
        <v>31268</v>
      </c>
      <c r="CD5" s="21">
        <f t="shared" si="0"/>
        <v>25176</v>
      </c>
      <c r="CE5" s="21">
        <f t="shared" si="0"/>
        <v>28715</v>
      </c>
      <c r="CF5" s="21">
        <f t="shared" si="0"/>
        <v>32725</v>
      </c>
      <c r="CG5" s="21">
        <f t="shared" si="0"/>
        <v>24886</v>
      </c>
      <c r="CH5" s="21">
        <f t="shared" si="0"/>
        <v>-8068</v>
      </c>
      <c r="CI5" s="21">
        <f t="shared" si="0"/>
        <v>-8250</v>
      </c>
      <c r="CJ5" s="21">
        <f t="shared" si="0"/>
        <v>-10346</v>
      </c>
      <c r="CK5" s="21">
        <f t="shared" si="0"/>
        <v>-2536</v>
      </c>
      <c r="CL5" s="16"/>
    </row>
    <row r="6" spans="1:90" x14ac:dyDescent="0.7">
      <c r="A6" s="7"/>
      <c r="D6" s="8" t="s">
        <v>28</v>
      </c>
      <c r="E6" s="42">
        <v>371085</v>
      </c>
      <c r="F6" s="42">
        <v>390692</v>
      </c>
      <c r="G6" s="42">
        <v>436971</v>
      </c>
      <c r="H6" s="42">
        <v>413517</v>
      </c>
      <c r="I6" s="42">
        <v>317160</v>
      </c>
      <c r="J6" s="42">
        <v>420387</v>
      </c>
      <c r="K6" s="42">
        <v>452169</v>
      </c>
      <c r="L6" s="42">
        <v>445223</v>
      </c>
      <c r="M6" s="42">
        <v>395000</v>
      </c>
      <c r="N6" s="42">
        <v>456191</v>
      </c>
      <c r="O6" s="42">
        <v>453847</v>
      </c>
      <c r="P6" s="42">
        <v>450475</v>
      </c>
      <c r="Q6" s="42">
        <v>410937</v>
      </c>
      <c r="R6" s="42">
        <v>448084</v>
      </c>
      <c r="S6" s="42">
        <v>433895</v>
      </c>
      <c r="T6" s="42">
        <v>430510</v>
      </c>
      <c r="U6" s="42">
        <v>394524</v>
      </c>
      <c r="V6" s="42">
        <v>457791</v>
      </c>
      <c r="W6" s="42">
        <v>448334</v>
      </c>
      <c r="X6" s="42">
        <v>444701</v>
      </c>
      <c r="Y6" s="42">
        <v>413734</v>
      </c>
      <c r="Z6" s="42">
        <v>501200</v>
      </c>
      <c r="AA6" s="42">
        <v>501568</v>
      </c>
      <c r="AB6" s="42">
        <v>506207</v>
      </c>
      <c r="AC6" s="42">
        <v>458163</v>
      </c>
      <c r="AD6" s="7"/>
      <c r="AE6" s="13"/>
      <c r="AF6" s="9"/>
      <c r="AG6" s="9"/>
      <c r="AH6" s="9" t="s">
        <v>28</v>
      </c>
      <c r="AI6" s="21">
        <v>375783</v>
      </c>
      <c r="AJ6" s="21">
        <v>396598</v>
      </c>
      <c r="AK6" s="21">
        <v>445203</v>
      </c>
      <c r="AL6" s="21">
        <v>421734</v>
      </c>
      <c r="AM6" s="21">
        <v>324410</v>
      </c>
      <c r="AN6" s="21">
        <v>430612</v>
      </c>
      <c r="AO6" s="21">
        <v>469274</v>
      </c>
      <c r="AP6" s="21">
        <v>461084</v>
      </c>
      <c r="AQ6" s="21">
        <v>407577</v>
      </c>
      <c r="AR6" s="21">
        <v>473010</v>
      </c>
      <c r="AS6" s="21">
        <v>472143</v>
      </c>
      <c r="AT6" s="21">
        <v>468305</v>
      </c>
      <c r="AU6" s="21">
        <v>431747</v>
      </c>
      <c r="AV6" s="21">
        <v>469768</v>
      </c>
      <c r="AW6" s="21">
        <v>455271</v>
      </c>
      <c r="AX6" s="21">
        <v>461208</v>
      </c>
      <c r="AY6" s="21">
        <v>425389</v>
      </c>
      <c r="AZ6" s="21">
        <v>482896</v>
      </c>
      <c r="BA6" s="21">
        <v>476918</v>
      </c>
      <c r="BB6" s="21">
        <v>477479</v>
      </c>
      <c r="BC6" s="21">
        <v>438647</v>
      </c>
      <c r="BD6" s="21">
        <v>493814</v>
      </c>
      <c r="BE6" s="21">
        <v>494009</v>
      </c>
      <c r="BF6" s="21">
        <v>496634</v>
      </c>
      <c r="BG6" s="21">
        <v>456074</v>
      </c>
      <c r="BH6" s="13"/>
      <c r="BI6" s="16"/>
      <c r="BJ6" s="9"/>
      <c r="BK6" s="9"/>
      <c r="BL6" s="9" t="s">
        <v>28</v>
      </c>
      <c r="BM6" s="21">
        <f t="shared" ref="BM6:BM46" si="1">AI6-E6</f>
        <v>4698</v>
      </c>
      <c r="BN6" s="21">
        <f t="shared" ref="BN6:BN46" si="2">AJ6-F6</f>
        <v>5906</v>
      </c>
      <c r="BO6" s="21">
        <f t="shared" ref="BO6:BO46" si="3">AK6-G6</f>
        <v>8232</v>
      </c>
      <c r="BP6" s="21">
        <f t="shared" ref="BP6:BP46" si="4">AL6-H6</f>
        <v>8217</v>
      </c>
      <c r="BQ6" s="21">
        <f t="shared" ref="BQ6:BQ46" si="5">AM6-I6</f>
        <v>7250</v>
      </c>
      <c r="BR6" s="21">
        <f t="shared" ref="BR6:BR46" si="6">AN6-J6</f>
        <v>10225</v>
      </c>
      <c r="BS6" s="21">
        <f t="shared" ref="BS6:BS46" si="7">AO6-K6</f>
        <v>17105</v>
      </c>
      <c r="BT6" s="21">
        <f t="shared" ref="BT6:BT46" si="8">AP6-L6</f>
        <v>15861</v>
      </c>
      <c r="BU6" s="21">
        <f t="shared" ref="BU6:BU46" si="9">AQ6-M6</f>
        <v>12577</v>
      </c>
      <c r="BV6" s="21">
        <f t="shared" ref="BV6:BV46" si="10">AR6-N6</f>
        <v>16819</v>
      </c>
      <c r="BW6" s="21">
        <f t="shared" ref="BW6:BW46" si="11">AS6-O6</f>
        <v>18296</v>
      </c>
      <c r="BX6" s="21">
        <f t="shared" ref="BX6:BX46" si="12">AT6-P6</f>
        <v>17830</v>
      </c>
      <c r="BY6" s="21">
        <f t="shared" ref="BY6:BY46" si="13">AU6-Q6</f>
        <v>20810</v>
      </c>
      <c r="BZ6" s="21">
        <f t="shared" ref="BZ6:BZ46" si="14">AV6-R6</f>
        <v>21684</v>
      </c>
      <c r="CA6" s="21">
        <f t="shared" ref="CA6:CA46" si="15">AW6-S6</f>
        <v>21376</v>
      </c>
      <c r="CB6" s="21">
        <f t="shared" ref="CB6:CB46" si="16">AX6-T6</f>
        <v>30698</v>
      </c>
      <c r="CC6" s="21">
        <f t="shared" ref="CC6:CC46" si="17">AY6-U6</f>
        <v>30865</v>
      </c>
      <c r="CD6" s="21">
        <f t="shared" ref="CD6:CD46" si="18">AZ6-V6</f>
        <v>25105</v>
      </c>
      <c r="CE6" s="21">
        <f t="shared" ref="CE6:CE46" si="19">BA6-W6</f>
        <v>28584</v>
      </c>
      <c r="CF6" s="21">
        <f t="shared" ref="CF6:CF46" si="20">BB6-X6</f>
        <v>32778</v>
      </c>
      <c r="CG6" s="21">
        <f t="shared" ref="CG6:CG46" si="21">BC6-Y6</f>
        <v>24913</v>
      </c>
      <c r="CH6" s="21">
        <f t="shared" ref="CH6:CH46" si="22">BD6-Z6</f>
        <v>-7386</v>
      </c>
      <c r="CI6" s="21">
        <f t="shared" ref="CI6:CI46" si="23">BE6-AA6</f>
        <v>-7559</v>
      </c>
      <c r="CJ6" s="21">
        <f t="shared" ref="CJ6:CJ46" si="24">BF6-AB6</f>
        <v>-9573</v>
      </c>
      <c r="CK6" s="21">
        <f t="shared" ref="CK6:CK46" si="25">BG6-AC6</f>
        <v>-2089</v>
      </c>
      <c r="CL6" s="16"/>
    </row>
    <row r="7" spans="1:90" x14ac:dyDescent="0.7">
      <c r="A7" s="7"/>
      <c r="D7" s="8" t="s">
        <v>29</v>
      </c>
      <c r="E7" s="42">
        <v>8487</v>
      </c>
      <c r="F7" s="42">
        <v>8619</v>
      </c>
      <c r="G7" s="42">
        <v>8852</v>
      </c>
      <c r="H7" s="42">
        <v>8215</v>
      </c>
      <c r="I7" s="42">
        <v>6465</v>
      </c>
      <c r="J7" s="42">
        <v>7272</v>
      </c>
      <c r="K7" s="42">
        <v>7122</v>
      </c>
      <c r="L7" s="42">
        <v>6644</v>
      </c>
      <c r="M7" s="42">
        <v>5763</v>
      </c>
      <c r="N7" s="42">
        <v>6311</v>
      </c>
      <c r="O7" s="42">
        <v>6108</v>
      </c>
      <c r="P7" s="42">
        <v>6138</v>
      </c>
      <c r="Q7" s="42">
        <v>5565</v>
      </c>
      <c r="R7" s="42">
        <v>6578</v>
      </c>
      <c r="S7" s="42">
        <v>7287</v>
      </c>
      <c r="T7" s="42">
        <v>7919</v>
      </c>
      <c r="U7" s="42">
        <v>3184</v>
      </c>
      <c r="V7" s="42">
        <v>3297</v>
      </c>
      <c r="W7" s="42">
        <v>3003</v>
      </c>
      <c r="X7" s="42">
        <v>2757</v>
      </c>
      <c r="Y7" s="42">
        <v>2457</v>
      </c>
      <c r="Z7" s="42">
        <v>2457</v>
      </c>
      <c r="AA7" s="42">
        <v>2262</v>
      </c>
      <c r="AB7" s="42">
        <v>2173</v>
      </c>
      <c r="AC7" s="42">
        <v>1836</v>
      </c>
      <c r="AD7" s="7"/>
      <c r="AE7" s="13"/>
      <c r="AF7" s="9"/>
      <c r="AG7" s="9"/>
      <c r="AH7" s="9" t="s">
        <v>29</v>
      </c>
      <c r="AI7" s="21">
        <v>8491</v>
      </c>
      <c r="AJ7" s="21">
        <v>8623</v>
      </c>
      <c r="AK7" s="21">
        <v>8855</v>
      </c>
      <c r="AL7" s="21">
        <v>8218</v>
      </c>
      <c r="AM7" s="21">
        <v>6509</v>
      </c>
      <c r="AN7" s="21">
        <v>7306</v>
      </c>
      <c r="AO7" s="21">
        <v>7207</v>
      </c>
      <c r="AP7" s="21">
        <v>6648</v>
      </c>
      <c r="AQ7" s="21">
        <v>5650</v>
      </c>
      <c r="AR7" s="21">
        <v>5860</v>
      </c>
      <c r="AS7" s="21">
        <v>5390</v>
      </c>
      <c r="AT7" s="21">
        <v>5092</v>
      </c>
      <c r="AU7" s="21">
        <v>4390</v>
      </c>
      <c r="AV7" s="21">
        <v>4345</v>
      </c>
      <c r="AW7" s="21">
        <v>3853</v>
      </c>
      <c r="AX7" s="21">
        <v>3765</v>
      </c>
      <c r="AY7" s="21">
        <v>3199</v>
      </c>
      <c r="AZ7" s="21">
        <v>3244</v>
      </c>
      <c r="BA7" s="21">
        <v>2959</v>
      </c>
      <c r="BB7" s="21">
        <v>2757</v>
      </c>
      <c r="BC7" s="21">
        <v>2457</v>
      </c>
      <c r="BD7" s="21">
        <v>2457</v>
      </c>
      <c r="BE7" s="21">
        <v>2262</v>
      </c>
      <c r="BF7" s="21">
        <v>2173</v>
      </c>
      <c r="BG7" s="21">
        <v>1836</v>
      </c>
      <c r="BH7" s="13"/>
      <c r="BI7" s="16"/>
      <c r="BJ7" s="9"/>
      <c r="BK7" s="9"/>
      <c r="BL7" s="9" t="s">
        <v>29</v>
      </c>
      <c r="BM7" s="21">
        <f t="shared" si="1"/>
        <v>4</v>
      </c>
      <c r="BN7" s="21">
        <f t="shared" si="2"/>
        <v>4</v>
      </c>
      <c r="BO7" s="21">
        <f t="shared" si="3"/>
        <v>3</v>
      </c>
      <c r="BP7" s="21">
        <f t="shared" si="4"/>
        <v>3</v>
      </c>
      <c r="BQ7" s="21">
        <f t="shared" si="5"/>
        <v>44</v>
      </c>
      <c r="BR7" s="21">
        <f t="shared" si="6"/>
        <v>34</v>
      </c>
      <c r="BS7" s="21">
        <f t="shared" si="7"/>
        <v>85</v>
      </c>
      <c r="BT7" s="21">
        <f t="shared" si="8"/>
        <v>4</v>
      </c>
      <c r="BU7" s="21">
        <f t="shared" si="9"/>
        <v>-113</v>
      </c>
      <c r="BV7" s="21">
        <f t="shared" si="10"/>
        <v>-451</v>
      </c>
      <c r="BW7" s="21">
        <f t="shared" si="11"/>
        <v>-718</v>
      </c>
      <c r="BX7" s="21">
        <f t="shared" si="12"/>
        <v>-1046</v>
      </c>
      <c r="BY7" s="21">
        <f t="shared" si="13"/>
        <v>-1175</v>
      </c>
      <c r="BZ7" s="21">
        <f t="shared" si="14"/>
        <v>-2233</v>
      </c>
      <c r="CA7" s="21">
        <f t="shared" si="15"/>
        <v>-3434</v>
      </c>
      <c r="CB7" s="21">
        <f t="shared" si="16"/>
        <v>-4154</v>
      </c>
      <c r="CC7" s="21">
        <f t="shared" si="17"/>
        <v>15</v>
      </c>
      <c r="CD7" s="21">
        <f t="shared" si="18"/>
        <v>-53</v>
      </c>
      <c r="CE7" s="21">
        <f t="shared" si="19"/>
        <v>-44</v>
      </c>
      <c r="CF7" s="21">
        <f t="shared" si="20"/>
        <v>0</v>
      </c>
      <c r="CG7" s="21">
        <f t="shared" si="21"/>
        <v>0</v>
      </c>
      <c r="CH7" s="21">
        <f t="shared" si="22"/>
        <v>0</v>
      </c>
      <c r="CI7" s="21">
        <f t="shared" si="23"/>
        <v>0</v>
      </c>
      <c r="CJ7" s="21">
        <f t="shared" si="24"/>
        <v>0</v>
      </c>
      <c r="CK7" s="21">
        <f t="shared" si="25"/>
        <v>0</v>
      </c>
      <c r="CL7" s="16"/>
    </row>
    <row r="8" spans="1:90" x14ac:dyDescent="0.7">
      <c r="A8" s="7"/>
      <c r="D8" s="8" t="s">
        <v>30</v>
      </c>
      <c r="E8" s="42">
        <v>262436</v>
      </c>
      <c r="F8" s="42">
        <v>277536</v>
      </c>
      <c r="G8" s="42">
        <v>310535</v>
      </c>
      <c r="H8" s="42">
        <v>292411</v>
      </c>
      <c r="I8" s="42">
        <v>220688</v>
      </c>
      <c r="J8" s="42">
        <v>292588</v>
      </c>
      <c r="K8" s="42">
        <v>314751</v>
      </c>
      <c r="L8" s="42">
        <v>307993</v>
      </c>
      <c r="M8" s="42">
        <v>266781</v>
      </c>
      <c r="N8" s="42">
        <v>308842</v>
      </c>
      <c r="O8" s="42">
        <v>305339</v>
      </c>
      <c r="P8" s="42">
        <v>299730</v>
      </c>
      <c r="Q8" s="42">
        <v>259940</v>
      </c>
      <c r="R8" s="42">
        <v>275720</v>
      </c>
      <c r="S8" s="42">
        <v>262233</v>
      </c>
      <c r="T8" s="42">
        <v>257679</v>
      </c>
      <c r="U8" s="42">
        <v>234488</v>
      </c>
      <c r="V8" s="42">
        <v>269022</v>
      </c>
      <c r="W8" s="42">
        <v>260562</v>
      </c>
      <c r="X8" s="42">
        <v>255400</v>
      </c>
      <c r="Y8" s="42">
        <v>234240</v>
      </c>
      <c r="Z8" s="42">
        <v>276702</v>
      </c>
      <c r="AA8" s="42">
        <v>275215</v>
      </c>
      <c r="AB8" s="42">
        <v>276909</v>
      </c>
      <c r="AC8" s="42">
        <v>248016</v>
      </c>
      <c r="AD8" s="7"/>
      <c r="AE8" s="13"/>
      <c r="AF8" s="9"/>
      <c r="AG8" s="9"/>
      <c r="AH8" s="9" t="s">
        <v>30</v>
      </c>
      <c r="AI8" s="21">
        <v>264790</v>
      </c>
      <c r="AJ8" s="21">
        <v>280541</v>
      </c>
      <c r="AK8" s="21">
        <v>314651</v>
      </c>
      <c r="AL8" s="21">
        <v>296399</v>
      </c>
      <c r="AM8" s="21">
        <v>224493</v>
      </c>
      <c r="AN8" s="21">
        <v>297569</v>
      </c>
      <c r="AO8" s="21">
        <v>324252</v>
      </c>
      <c r="AP8" s="21">
        <v>315743</v>
      </c>
      <c r="AQ8" s="21">
        <v>273103</v>
      </c>
      <c r="AR8" s="21">
        <v>317966</v>
      </c>
      <c r="AS8" s="21">
        <v>315496</v>
      </c>
      <c r="AT8" s="21">
        <v>309897</v>
      </c>
      <c r="AU8" s="21">
        <v>271963</v>
      </c>
      <c r="AV8" s="21">
        <v>289053</v>
      </c>
      <c r="AW8" s="21">
        <v>276935</v>
      </c>
      <c r="AX8" s="21">
        <v>280099</v>
      </c>
      <c r="AY8" s="21">
        <v>251303</v>
      </c>
      <c r="AZ8" s="21">
        <v>281442</v>
      </c>
      <c r="BA8" s="21">
        <v>273982</v>
      </c>
      <c r="BB8" s="21">
        <v>272725</v>
      </c>
      <c r="BC8" s="21">
        <v>243797</v>
      </c>
      <c r="BD8" s="21">
        <v>273395</v>
      </c>
      <c r="BE8" s="21">
        <v>271753</v>
      </c>
      <c r="BF8" s="21">
        <v>272964</v>
      </c>
      <c r="BG8" s="21">
        <v>245927</v>
      </c>
      <c r="BH8" s="13"/>
      <c r="BI8" s="16"/>
      <c r="BJ8" s="9"/>
      <c r="BK8" s="9"/>
      <c r="BL8" s="9" t="s">
        <v>30</v>
      </c>
      <c r="BM8" s="21">
        <f t="shared" si="1"/>
        <v>2354</v>
      </c>
      <c r="BN8" s="21">
        <f t="shared" si="2"/>
        <v>3005</v>
      </c>
      <c r="BO8" s="21">
        <f t="shared" si="3"/>
        <v>4116</v>
      </c>
      <c r="BP8" s="21">
        <f t="shared" si="4"/>
        <v>3988</v>
      </c>
      <c r="BQ8" s="21">
        <f t="shared" si="5"/>
        <v>3805</v>
      </c>
      <c r="BR8" s="21">
        <f t="shared" si="6"/>
        <v>4981</v>
      </c>
      <c r="BS8" s="21">
        <f t="shared" si="7"/>
        <v>9501</v>
      </c>
      <c r="BT8" s="21">
        <f t="shared" si="8"/>
        <v>7750</v>
      </c>
      <c r="BU8" s="21">
        <f t="shared" si="9"/>
        <v>6322</v>
      </c>
      <c r="BV8" s="21">
        <f t="shared" si="10"/>
        <v>9124</v>
      </c>
      <c r="BW8" s="21">
        <f t="shared" si="11"/>
        <v>10157</v>
      </c>
      <c r="BX8" s="21">
        <f t="shared" si="12"/>
        <v>10167</v>
      </c>
      <c r="BY8" s="21">
        <f t="shared" si="13"/>
        <v>12023</v>
      </c>
      <c r="BZ8" s="21">
        <f t="shared" si="14"/>
        <v>13333</v>
      </c>
      <c r="CA8" s="21">
        <f t="shared" si="15"/>
        <v>14702</v>
      </c>
      <c r="CB8" s="21">
        <f t="shared" si="16"/>
        <v>22420</v>
      </c>
      <c r="CC8" s="21">
        <f t="shared" si="17"/>
        <v>16815</v>
      </c>
      <c r="CD8" s="21">
        <f t="shared" si="18"/>
        <v>12420</v>
      </c>
      <c r="CE8" s="21">
        <f t="shared" si="19"/>
        <v>13420</v>
      </c>
      <c r="CF8" s="21">
        <f t="shared" si="20"/>
        <v>17325</v>
      </c>
      <c r="CG8" s="21">
        <f t="shared" si="21"/>
        <v>9557</v>
      </c>
      <c r="CH8" s="21">
        <f t="shared" si="22"/>
        <v>-3307</v>
      </c>
      <c r="CI8" s="21">
        <f t="shared" si="23"/>
        <v>-3462</v>
      </c>
      <c r="CJ8" s="21">
        <f t="shared" si="24"/>
        <v>-3945</v>
      </c>
      <c r="CK8" s="21">
        <f t="shared" si="25"/>
        <v>-2089</v>
      </c>
      <c r="CL8" s="16"/>
    </row>
    <row r="9" spans="1:90" x14ac:dyDescent="0.7">
      <c r="A9" s="7"/>
      <c r="D9" s="8" t="s">
        <v>31</v>
      </c>
      <c r="E9" s="42">
        <v>100162</v>
      </c>
      <c r="F9" s="42">
        <v>104537</v>
      </c>
      <c r="G9" s="42">
        <v>117584</v>
      </c>
      <c r="H9" s="42">
        <v>112891</v>
      </c>
      <c r="I9" s="42">
        <v>90007</v>
      </c>
      <c r="J9" s="42">
        <v>120527</v>
      </c>
      <c r="K9" s="42">
        <v>130296</v>
      </c>
      <c r="L9" s="42">
        <v>130586</v>
      </c>
      <c r="M9" s="42">
        <v>122456</v>
      </c>
      <c r="N9" s="42">
        <v>141038</v>
      </c>
      <c r="O9" s="42">
        <v>142400</v>
      </c>
      <c r="P9" s="42">
        <v>144607</v>
      </c>
      <c r="Q9" s="42">
        <v>145432</v>
      </c>
      <c r="R9" s="42">
        <v>165786</v>
      </c>
      <c r="S9" s="42">
        <v>164375</v>
      </c>
      <c r="T9" s="42">
        <v>164913</v>
      </c>
      <c r="U9" s="42">
        <v>156852</v>
      </c>
      <c r="V9" s="42">
        <v>185472</v>
      </c>
      <c r="W9" s="42">
        <v>184770</v>
      </c>
      <c r="X9" s="42">
        <v>186543</v>
      </c>
      <c r="Y9" s="42">
        <v>177037</v>
      </c>
      <c r="Z9" s="42">
        <v>222041</v>
      </c>
      <c r="AA9" s="42">
        <v>224091</v>
      </c>
      <c r="AB9" s="42">
        <v>227125</v>
      </c>
      <c r="AC9" s="42">
        <v>208311</v>
      </c>
      <c r="AD9" s="7"/>
      <c r="AE9" s="13"/>
      <c r="AF9" s="9"/>
      <c r="AG9" s="9"/>
      <c r="AH9" s="9" t="s">
        <v>31</v>
      </c>
      <c r="AI9" s="21">
        <v>102502</v>
      </c>
      <c r="AJ9" s="21">
        <v>107434</v>
      </c>
      <c r="AK9" s="21">
        <v>121697</v>
      </c>
      <c r="AL9" s="21">
        <v>117117</v>
      </c>
      <c r="AM9" s="21">
        <v>93408</v>
      </c>
      <c r="AN9" s="21">
        <v>125737</v>
      </c>
      <c r="AO9" s="21">
        <v>137815</v>
      </c>
      <c r="AP9" s="21">
        <v>138693</v>
      </c>
      <c r="AQ9" s="21">
        <v>128824</v>
      </c>
      <c r="AR9" s="21">
        <v>149184</v>
      </c>
      <c r="AS9" s="21">
        <v>151257</v>
      </c>
      <c r="AT9" s="21">
        <v>153316</v>
      </c>
      <c r="AU9" s="21">
        <v>155874</v>
      </c>
      <c r="AV9" s="21">
        <v>176958</v>
      </c>
      <c r="AW9" s="21">
        <v>174920</v>
      </c>
      <c r="AX9" s="21">
        <v>177501</v>
      </c>
      <c r="AY9" s="21">
        <v>171115</v>
      </c>
      <c r="AZ9" s="21">
        <v>198340</v>
      </c>
      <c r="BA9" s="21">
        <v>199977</v>
      </c>
      <c r="BB9" s="21">
        <v>201997</v>
      </c>
      <c r="BC9" s="21">
        <v>192394</v>
      </c>
      <c r="BD9" s="21">
        <v>217962</v>
      </c>
      <c r="BE9" s="21">
        <v>219994</v>
      </c>
      <c r="BF9" s="21">
        <v>221497</v>
      </c>
      <c r="BG9" s="21">
        <v>208311</v>
      </c>
      <c r="BH9" s="13"/>
      <c r="BI9" s="16"/>
      <c r="BJ9" s="9"/>
      <c r="BK9" s="9"/>
      <c r="BL9" s="9" t="s">
        <v>31</v>
      </c>
      <c r="BM9" s="21">
        <f t="shared" si="1"/>
        <v>2340</v>
      </c>
      <c r="BN9" s="21">
        <f t="shared" si="2"/>
        <v>2897</v>
      </c>
      <c r="BO9" s="21">
        <f t="shared" si="3"/>
        <v>4113</v>
      </c>
      <c r="BP9" s="21">
        <f t="shared" si="4"/>
        <v>4226</v>
      </c>
      <c r="BQ9" s="21">
        <f t="shared" si="5"/>
        <v>3401</v>
      </c>
      <c r="BR9" s="21">
        <f t="shared" si="6"/>
        <v>5210</v>
      </c>
      <c r="BS9" s="21">
        <f t="shared" si="7"/>
        <v>7519</v>
      </c>
      <c r="BT9" s="21">
        <f t="shared" si="8"/>
        <v>8107</v>
      </c>
      <c r="BU9" s="21">
        <f t="shared" si="9"/>
        <v>6368</v>
      </c>
      <c r="BV9" s="21">
        <f t="shared" si="10"/>
        <v>8146</v>
      </c>
      <c r="BW9" s="21">
        <f t="shared" si="11"/>
        <v>8857</v>
      </c>
      <c r="BX9" s="21">
        <f t="shared" si="12"/>
        <v>8709</v>
      </c>
      <c r="BY9" s="21">
        <f t="shared" si="13"/>
        <v>10442</v>
      </c>
      <c r="BZ9" s="21">
        <f t="shared" si="14"/>
        <v>11172</v>
      </c>
      <c r="CA9" s="21">
        <f t="shared" si="15"/>
        <v>10545</v>
      </c>
      <c r="CB9" s="21">
        <f t="shared" si="16"/>
        <v>12588</v>
      </c>
      <c r="CC9" s="21">
        <f t="shared" si="17"/>
        <v>14263</v>
      </c>
      <c r="CD9" s="21">
        <f t="shared" si="18"/>
        <v>12868</v>
      </c>
      <c r="CE9" s="21">
        <f t="shared" si="19"/>
        <v>15207</v>
      </c>
      <c r="CF9" s="21">
        <f t="shared" si="20"/>
        <v>15454</v>
      </c>
      <c r="CG9" s="21">
        <f t="shared" si="21"/>
        <v>15357</v>
      </c>
      <c r="CH9" s="21">
        <f t="shared" si="22"/>
        <v>-4079</v>
      </c>
      <c r="CI9" s="21">
        <f t="shared" si="23"/>
        <v>-4097</v>
      </c>
      <c r="CJ9" s="21">
        <f t="shared" si="24"/>
        <v>-5628</v>
      </c>
      <c r="CK9" s="21">
        <f t="shared" si="25"/>
        <v>0</v>
      </c>
      <c r="CL9" s="16"/>
    </row>
    <row r="10" spans="1:90" x14ac:dyDescent="0.7">
      <c r="A10" s="7"/>
      <c r="D10" s="8" t="s">
        <v>32</v>
      </c>
      <c r="E10" s="42">
        <v>7284</v>
      </c>
      <c r="F10" s="42">
        <v>6577</v>
      </c>
      <c r="G10" s="42">
        <v>8078</v>
      </c>
      <c r="H10" s="42">
        <v>6982</v>
      </c>
      <c r="I10" s="42">
        <v>5057</v>
      </c>
      <c r="J10" s="42">
        <v>6795</v>
      </c>
      <c r="K10" s="42">
        <v>8013</v>
      </c>
      <c r="L10" s="42">
        <v>8457</v>
      </c>
      <c r="M10" s="42">
        <v>7369</v>
      </c>
      <c r="N10" s="42">
        <v>8593</v>
      </c>
      <c r="O10" s="42">
        <v>8840</v>
      </c>
      <c r="P10" s="42">
        <v>9374</v>
      </c>
      <c r="Q10" s="42">
        <v>8504</v>
      </c>
      <c r="R10" s="42">
        <v>9543</v>
      </c>
      <c r="S10" s="42">
        <v>9453</v>
      </c>
      <c r="T10" s="42">
        <v>9971</v>
      </c>
      <c r="U10" s="42">
        <v>8910</v>
      </c>
      <c r="V10" s="42">
        <v>10331</v>
      </c>
      <c r="W10" s="42">
        <v>10198</v>
      </c>
      <c r="X10" s="42">
        <v>10913</v>
      </c>
      <c r="Y10" s="42">
        <v>9796</v>
      </c>
      <c r="Z10" s="42">
        <v>11571</v>
      </c>
      <c r="AA10" s="42">
        <v>11897</v>
      </c>
      <c r="AB10" s="42">
        <v>12610</v>
      </c>
      <c r="AC10" s="42">
        <v>11225</v>
      </c>
      <c r="AD10" s="7"/>
      <c r="AE10" s="13"/>
      <c r="AF10" s="9"/>
      <c r="AG10" s="9"/>
      <c r="AH10" s="9" t="s">
        <v>32</v>
      </c>
      <c r="AI10" s="21">
        <v>7307</v>
      </c>
      <c r="AJ10" s="21">
        <v>6609</v>
      </c>
      <c r="AK10" s="21">
        <v>8125</v>
      </c>
      <c r="AL10" s="21">
        <v>7025</v>
      </c>
      <c r="AM10" s="21">
        <v>5114</v>
      </c>
      <c r="AN10" s="21">
        <v>6860</v>
      </c>
      <c r="AO10" s="21">
        <v>8167</v>
      </c>
      <c r="AP10" s="21">
        <v>8591</v>
      </c>
      <c r="AQ10" s="21">
        <v>7088</v>
      </c>
      <c r="AR10" s="21">
        <v>8287</v>
      </c>
      <c r="AS10" s="21">
        <v>8568</v>
      </c>
      <c r="AT10" s="21">
        <v>9110</v>
      </c>
      <c r="AU10" s="21">
        <v>8557</v>
      </c>
      <c r="AV10" s="21">
        <v>9323</v>
      </c>
      <c r="AW10" s="21">
        <v>9243</v>
      </c>
      <c r="AX10" s="21">
        <v>9994</v>
      </c>
      <c r="AY10" s="21">
        <v>9234</v>
      </c>
      <c r="AZ10" s="21">
        <v>10380</v>
      </c>
      <c r="BA10" s="21">
        <v>10329</v>
      </c>
      <c r="BB10" s="21">
        <v>10860</v>
      </c>
      <c r="BC10" s="21">
        <v>9769</v>
      </c>
      <c r="BD10" s="21">
        <v>10889</v>
      </c>
      <c r="BE10" s="21">
        <v>11205</v>
      </c>
      <c r="BF10" s="21">
        <v>11836</v>
      </c>
      <c r="BG10" s="21">
        <v>10778</v>
      </c>
      <c r="BH10" s="13"/>
      <c r="BI10" s="16"/>
      <c r="BJ10" s="9"/>
      <c r="BK10" s="9"/>
      <c r="BL10" s="9" t="s">
        <v>32</v>
      </c>
      <c r="BM10" s="21">
        <f t="shared" si="1"/>
        <v>23</v>
      </c>
      <c r="BN10" s="21">
        <f t="shared" si="2"/>
        <v>32</v>
      </c>
      <c r="BO10" s="21">
        <f t="shared" si="3"/>
        <v>47</v>
      </c>
      <c r="BP10" s="21">
        <f t="shared" si="4"/>
        <v>43</v>
      </c>
      <c r="BQ10" s="21">
        <f t="shared" si="5"/>
        <v>57</v>
      </c>
      <c r="BR10" s="21">
        <f t="shared" si="6"/>
        <v>65</v>
      </c>
      <c r="BS10" s="21">
        <f t="shared" si="7"/>
        <v>154</v>
      </c>
      <c r="BT10" s="21">
        <f t="shared" si="8"/>
        <v>134</v>
      </c>
      <c r="BU10" s="21">
        <f t="shared" si="9"/>
        <v>-281</v>
      </c>
      <c r="BV10" s="21">
        <f t="shared" si="10"/>
        <v>-306</v>
      </c>
      <c r="BW10" s="21">
        <f t="shared" si="11"/>
        <v>-272</v>
      </c>
      <c r="BX10" s="21">
        <f t="shared" si="12"/>
        <v>-264</v>
      </c>
      <c r="BY10" s="21">
        <f t="shared" si="13"/>
        <v>53</v>
      </c>
      <c r="BZ10" s="21">
        <f t="shared" si="14"/>
        <v>-220</v>
      </c>
      <c r="CA10" s="21">
        <f t="shared" si="15"/>
        <v>-210</v>
      </c>
      <c r="CB10" s="21">
        <f t="shared" si="16"/>
        <v>23</v>
      </c>
      <c r="CC10" s="21">
        <f t="shared" si="17"/>
        <v>324</v>
      </c>
      <c r="CD10" s="21">
        <f t="shared" si="18"/>
        <v>49</v>
      </c>
      <c r="CE10" s="21">
        <f t="shared" si="19"/>
        <v>131</v>
      </c>
      <c r="CF10" s="21">
        <f t="shared" si="20"/>
        <v>-53</v>
      </c>
      <c r="CG10" s="21">
        <f t="shared" si="21"/>
        <v>-27</v>
      </c>
      <c r="CH10" s="21">
        <f t="shared" si="22"/>
        <v>-682</v>
      </c>
      <c r="CI10" s="21">
        <f t="shared" si="23"/>
        <v>-692</v>
      </c>
      <c r="CJ10" s="21">
        <f t="shared" si="24"/>
        <v>-774</v>
      </c>
      <c r="CK10" s="21">
        <f t="shared" si="25"/>
        <v>-447</v>
      </c>
      <c r="CL10" s="16"/>
    </row>
    <row r="11" spans="1:90" x14ac:dyDescent="0.7">
      <c r="A11" s="7"/>
      <c r="D11" s="8" t="s">
        <v>33</v>
      </c>
      <c r="E11" s="42">
        <v>7284</v>
      </c>
      <c r="F11" s="42">
        <v>6577</v>
      </c>
      <c r="G11" s="42">
        <v>8078</v>
      </c>
      <c r="H11" s="42">
        <v>6982</v>
      </c>
      <c r="I11" s="42">
        <v>5057</v>
      </c>
      <c r="J11" s="42">
        <v>6795</v>
      </c>
      <c r="K11" s="42">
        <v>8013</v>
      </c>
      <c r="L11" s="42">
        <v>8457</v>
      </c>
      <c r="M11" s="42">
        <v>7369</v>
      </c>
      <c r="N11" s="42">
        <v>8593</v>
      </c>
      <c r="O11" s="42">
        <v>8840</v>
      </c>
      <c r="P11" s="42">
        <v>9374</v>
      </c>
      <c r="Q11" s="42">
        <v>8504</v>
      </c>
      <c r="R11" s="42">
        <v>9543</v>
      </c>
      <c r="S11" s="42">
        <v>9453</v>
      </c>
      <c r="T11" s="42">
        <v>9971</v>
      </c>
      <c r="U11" s="42">
        <v>8910</v>
      </c>
      <c r="V11" s="42">
        <v>10331</v>
      </c>
      <c r="W11" s="42">
        <v>10198</v>
      </c>
      <c r="X11" s="42">
        <v>10913</v>
      </c>
      <c r="Y11" s="42">
        <v>9796</v>
      </c>
      <c r="Z11" s="42">
        <v>11571</v>
      </c>
      <c r="AA11" s="42">
        <v>11897</v>
      </c>
      <c r="AB11" s="42">
        <v>12610</v>
      </c>
      <c r="AC11" s="42">
        <v>11225</v>
      </c>
      <c r="AD11" s="7"/>
      <c r="AE11" s="13"/>
      <c r="AF11" s="9"/>
      <c r="AG11" s="9"/>
      <c r="AH11" s="9" t="s">
        <v>33</v>
      </c>
      <c r="AI11" s="21">
        <v>7307</v>
      </c>
      <c r="AJ11" s="21">
        <v>6609</v>
      </c>
      <c r="AK11" s="21">
        <v>8125</v>
      </c>
      <c r="AL11" s="21">
        <v>7025</v>
      </c>
      <c r="AM11" s="21">
        <v>5114</v>
      </c>
      <c r="AN11" s="21">
        <v>6860</v>
      </c>
      <c r="AO11" s="21">
        <v>8167</v>
      </c>
      <c r="AP11" s="21">
        <v>8591</v>
      </c>
      <c r="AQ11" s="21">
        <v>7088</v>
      </c>
      <c r="AR11" s="21">
        <v>8287</v>
      </c>
      <c r="AS11" s="21">
        <v>8568</v>
      </c>
      <c r="AT11" s="21">
        <v>9110</v>
      </c>
      <c r="AU11" s="21">
        <v>8557</v>
      </c>
      <c r="AV11" s="21">
        <v>9323</v>
      </c>
      <c r="AW11" s="21">
        <v>9243</v>
      </c>
      <c r="AX11" s="21">
        <v>9994</v>
      </c>
      <c r="AY11" s="21">
        <v>9234</v>
      </c>
      <c r="AZ11" s="21">
        <v>10380</v>
      </c>
      <c r="BA11" s="21">
        <v>10329</v>
      </c>
      <c r="BB11" s="21">
        <v>10860</v>
      </c>
      <c r="BC11" s="21">
        <v>9769</v>
      </c>
      <c r="BD11" s="21">
        <v>10889</v>
      </c>
      <c r="BE11" s="21">
        <v>11205</v>
      </c>
      <c r="BF11" s="21">
        <v>11836</v>
      </c>
      <c r="BG11" s="21">
        <v>10778</v>
      </c>
      <c r="BH11" s="13"/>
      <c r="BI11" s="16"/>
      <c r="BJ11" s="9"/>
      <c r="BK11" s="9"/>
      <c r="BL11" s="9" t="s">
        <v>33</v>
      </c>
      <c r="BM11" s="21">
        <f t="shared" si="1"/>
        <v>23</v>
      </c>
      <c r="BN11" s="21">
        <f t="shared" si="2"/>
        <v>32</v>
      </c>
      <c r="BO11" s="21">
        <f t="shared" si="3"/>
        <v>47</v>
      </c>
      <c r="BP11" s="21">
        <f t="shared" si="4"/>
        <v>43</v>
      </c>
      <c r="BQ11" s="21">
        <f t="shared" si="5"/>
        <v>57</v>
      </c>
      <c r="BR11" s="21">
        <f t="shared" si="6"/>
        <v>65</v>
      </c>
      <c r="BS11" s="21">
        <f t="shared" si="7"/>
        <v>154</v>
      </c>
      <c r="BT11" s="21">
        <f t="shared" si="8"/>
        <v>134</v>
      </c>
      <c r="BU11" s="21">
        <f t="shared" si="9"/>
        <v>-281</v>
      </c>
      <c r="BV11" s="21">
        <f t="shared" si="10"/>
        <v>-306</v>
      </c>
      <c r="BW11" s="21">
        <f t="shared" si="11"/>
        <v>-272</v>
      </c>
      <c r="BX11" s="21">
        <f t="shared" si="12"/>
        <v>-264</v>
      </c>
      <c r="BY11" s="21">
        <f t="shared" si="13"/>
        <v>53</v>
      </c>
      <c r="BZ11" s="21">
        <f t="shared" si="14"/>
        <v>-220</v>
      </c>
      <c r="CA11" s="21">
        <f t="shared" si="15"/>
        <v>-210</v>
      </c>
      <c r="CB11" s="21">
        <f t="shared" si="16"/>
        <v>23</v>
      </c>
      <c r="CC11" s="21">
        <f t="shared" si="17"/>
        <v>324</v>
      </c>
      <c r="CD11" s="21">
        <f t="shared" si="18"/>
        <v>49</v>
      </c>
      <c r="CE11" s="21">
        <f t="shared" si="19"/>
        <v>131</v>
      </c>
      <c r="CF11" s="21">
        <f t="shared" si="20"/>
        <v>-53</v>
      </c>
      <c r="CG11" s="21">
        <f t="shared" si="21"/>
        <v>-27</v>
      </c>
      <c r="CH11" s="21">
        <f t="shared" si="22"/>
        <v>-682</v>
      </c>
      <c r="CI11" s="21">
        <f t="shared" si="23"/>
        <v>-692</v>
      </c>
      <c r="CJ11" s="21">
        <f t="shared" si="24"/>
        <v>-774</v>
      </c>
      <c r="CK11" s="21">
        <f t="shared" si="25"/>
        <v>-447</v>
      </c>
      <c r="CL11" s="16"/>
    </row>
    <row r="12" spans="1:90" x14ac:dyDescent="0.7">
      <c r="A12" s="7"/>
      <c r="C12" s="8" t="s">
        <v>48</v>
      </c>
      <c r="D12" s="8" t="s">
        <v>45</v>
      </c>
      <c r="E12" s="42">
        <v>270540</v>
      </c>
      <c r="F12" s="42">
        <v>292216</v>
      </c>
      <c r="G12" s="42">
        <v>322462</v>
      </c>
      <c r="H12" s="42">
        <v>308490</v>
      </c>
      <c r="I12" s="42">
        <v>234524</v>
      </c>
      <c r="J12" s="42">
        <v>309213</v>
      </c>
      <c r="K12" s="42">
        <v>322045</v>
      </c>
      <c r="L12" s="42">
        <v>311956</v>
      </c>
      <c r="M12" s="42">
        <v>273092</v>
      </c>
      <c r="N12" s="42">
        <v>313167</v>
      </c>
      <c r="O12" s="42">
        <v>319519</v>
      </c>
      <c r="P12" s="42">
        <v>312235</v>
      </c>
      <c r="Q12" s="42">
        <v>280087</v>
      </c>
      <c r="R12" s="42">
        <v>296609</v>
      </c>
      <c r="S12" s="42">
        <v>279264</v>
      </c>
      <c r="T12" s="42">
        <v>281130</v>
      </c>
      <c r="U12" s="42">
        <v>272693</v>
      </c>
      <c r="V12" s="42">
        <v>315867</v>
      </c>
      <c r="W12" s="42">
        <v>305070</v>
      </c>
      <c r="X12" s="42">
        <v>296865</v>
      </c>
      <c r="Y12" s="42">
        <v>272672</v>
      </c>
      <c r="Z12" s="42">
        <v>296939</v>
      </c>
      <c r="AA12" s="42">
        <v>291329</v>
      </c>
      <c r="AB12" s="42">
        <v>345122</v>
      </c>
      <c r="AC12" s="42">
        <v>323895</v>
      </c>
      <c r="AD12" s="7"/>
      <c r="AE12" s="13"/>
      <c r="AF12" s="9"/>
      <c r="AG12" s="9" t="s">
        <v>48</v>
      </c>
      <c r="AH12" s="9" t="s">
        <v>45</v>
      </c>
      <c r="AI12" s="21">
        <v>275265</v>
      </c>
      <c r="AJ12" s="21">
        <v>298161</v>
      </c>
      <c r="AK12" s="21">
        <v>330746</v>
      </c>
      <c r="AL12" s="21">
        <v>316756</v>
      </c>
      <c r="AM12" s="21">
        <v>241529</v>
      </c>
      <c r="AN12" s="21">
        <v>319514</v>
      </c>
      <c r="AO12" s="21">
        <v>338340</v>
      </c>
      <c r="AP12" s="21">
        <v>327957</v>
      </c>
      <c r="AQ12" s="21">
        <v>288495</v>
      </c>
      <c r="AR12" s="21">
        <v>333097</v>
      </c>
      <c r="AS12" s="21">
        <v>341092</v>
      </c>
      <c r="AT12" s="21">
        <v>334389</v>
      </c>
      <c r="AU12" s="21">
        <v>304627</v>
      </c>
      <c r="AV12" s="21">
        <v>323230</v>
      </c>
      <c r="AW12" s="21">
        <v>305954</v>
      </c>
      <c r="AX12" s="21">
        <v>316198</v>
      </c>
      <c r="AY12" s="21">
        <v>308118</v>
      </c>
      <c r="AZ12" s="21">
        <v>349455</v>
      </c>
      <c r="BA12" s="21">
        <v>340049</v>
      </c>
      <c r="BB12" s="21">
        <v>336854</v>
      </c>
      <c r="BC12" s="21">
        <v>307012</v>
      </c>
      <c r="BD12" s="21">
        <v>341945</v>
      </c>
      <c r="BE12" s="21">
        <v>338557</v>
      </c>
      <c r="BF12" s="21">
        <v>345118</v>
      </c>
      <c r="BG12" s="21">
        <v>323137</v>
      </c>
      <c r="BH12" s="13"/>
      <c r="BI12" s="16"/>
      <c r="BJ12" s="9"/>
      <c r="BK12" s="9" t="s">
        <v>48</v>
      </c>
      <c r="BL12" s="9" t="s">
        <v>45</v>
      </c>
      <c r="BM12" s="21">
        <f t="shared" si="1"/>
        <v>4725</v>
      </c>
      <c r="BN12" s="21">
        <f t="shared" si="2"/>
        <v>5945</v>
      </c>
      <c r="BO12" s="21">
        <f t="shared" si="3"/>
        <v>8284</v>
      </c>
      <c r="BP12" s="21">
        <f t="shared" si="4"/>
        <v>8266</v>
      </c>
      <c r="BQ12" s="21">
        <f t="shared" si="5"/>
        <v>7005</v>
      </c>
      <c r="BR12" s="21">
        <f t="shared" si="6"/>
        <v>10301</v>
      </c>
      <c r="BS12" s="21">
        <f t="shared" si="7"/>
        <v>16295</v>
      </c>
      <c r="BT12" s="21">
        <f t="shared" si="8"/>
        <v>16001</v>
      </c>
      <c r="BU12" s="21">
        <f t="shared" si="9"/>
        <v>15403</v>
      </c>
      <c r="BV12" s="21">
        <f t="shared" si="10"/>
        <v>19930</v>
      </c>
      <c r="BW12" s="21">
        <f t="shared" si="11"/>
        <v>21573</v>
      </c>
      <c r="BX12" s="21">
        <f t="shared" si="12"/>
        <v>22154</v>
      </c>
      <c r="BY12" s="21">
        <f t="shared" si="13"/>
        <v>24540</v>
      </c>
      <c r="BZ12" s="21">
        <f t="shared" si="14"/>
        <v>26621</v>
      </c>
      <c r="CA12" s="21">
        <f t="shared" si="15"/>
        <v>26690</v>
      </c>
      <c r="CB12" s="21">
        <f t="shared" si="16"/>
        <v>35068</v>
      </c>
      <c r="CC12" s="21">
        <f t="shared" si="17"/>
        <v>35425</v>
      </c>
      <c r="CD12" s="21">
        <f t="shared" si="18"/>
        <v>33588</v>
      </c>
      <c r="CE12" s="21">
        <f t="shared" si="19"/>
        <v>34979</v>
      </c>
      <c r="CF12" s="21">
        <f t="shared" si="20"/>
        <v>39989</v>
      </c>
      <c r="CG12" s="21">
        <f t="shared" si="21"/>
        <v>34340</v>
      </c>
      <c r="CH12" s="21">
        <f t="shared" si="22"/>
        <v>45006</v>
      </c>
      <c r="CI12" s="21">
        <f t="shared" si="23"/>
        <v>47228</v>
      </c>
      <c r="CJ12" s="21">
        <f t="shared" si="24"/>
        <v>-4</v>
      </c>
      <c r="CK12" s="21">
        <f t="shared" si="25"/>
        <v>-758</v>
      </c>
      <c r="CL12" s="16"/>
    </row>
    <row r="13" spans="1:90" x14ac:dyDescent="0.7">
      <c r="A13" s="7"/>
      <c r="D13" s="8" t="s">
        <v>28</v>
      </c>
      <c r="E13" s="42">
        <v>266920</v>
      </c>
      <c r="F13" s="42">
        <v>288592</v>
      </c>
      <c r="G13" s="42">
        <v>318005</v>
      </c>
      <c r="H13" s="42">
        <v>304577</v>
      </c>
      <c r="I13" s="42">
        <v>231740</v>
      </c>
      <c r="J13" s="42">
        <v>305480</v>
      </c>
      <c r="K13" s="42">
        <v>317823</v>
      </c>
      <c r="L13" s="42">
        <v>307617</v>
      </c>
      <c r="M13" s="42">
        <v>269349</v>
      </c>
      <c r="N13" s="42">
        <v>308758</v>
      </c>
      <c r="O13" s="42">
        <v>314742</v>
      </c>
      <c r="P13" s="42">
        <v>307199</v>
      </c>
      <c r="Q13" s="42">
        <v>275574</v>
      </c>
      <c r="R13" s="42">
        <v>291629</v>
      </c>
      <c r="S13" s="42">
        <v>274385</v>
      </c>
      <c r="T13" s="42">
        <v>275975</v>
      </c>
      <c r="U13" s="42">
        <v>268023</v>
      </c>
      <c r="V13" s="42">
        <v>310461</v>
      </c>
      <c r="W13" s="42">
        <v>299735</v>
      </c>
      <c r="X13" s="42">
        <v>291354</v>
      </c>
      <c r="Y13" s="42">
        <v>267740</v>
      </c>
      <c r="Z13" s="42">
        <v>291456</v>
      </c>
      <c r="AA13" s="42">
        <v>285636</v>
      </c>
      <c r="AB13" s="42">
        <v>338314</v>
      </c>
      <c r="AC13" s="42">
        <v>317599</v>
      </c>
      <c r="AD13" s="7"/>
      <c r="AE13" s="13"/>
      <c r="AF13" s="9"/>
      <c r="AG13" s="9"/>
      <c r="AH13" s="9" t="s">
        <v>28</v>
      </c>
      <c r="AI13" s="21">
        <v>271621</v>
      </c>
      <c r="AJ13" s="21">
        <v>294506</v>
      </c>
      <c r="AK13" s="21">
        <v>326241</v>
      </c>
      <c r="AL13" s="21">
        <v>312799</v>
      </c>
      <c r="AM13" s="21">
        <v>238693</v>
      </c>
      <c r="AN13" s="21">
        <v>315717</v>
      </c>
      <c r="AO13" s="21">
        <v>333973</v>
      </c>
      <c r="AP13" s="21">
        <v>323483</v>
      </c>
      <c r="AQ13" s="21">
        <v>284624</v>
      </c>
      <c r="AR13" s="21">
        <v>328507</v>
      </c>
      <c r="AS13" s="21">
        <v>336087</v>
      </c>
      <c r="AT13" s="21">
        <v>329100</v>
      </c>
      <c r="AU13" s="21">
        <v>299663</v>
      </c>
      <c r="AV13" s="21">
        <v>317951</v>
      </c>
      <c r="AW13" s="21">
        <v>300739</v>
      </c>
      <c r="AX13" s="21">
        <v>310411</v>
      </c>
      <c r="AY13" s="21">
        <v>302649</v>
      </c>
      <c r="AZ13" s="21">
        <v>343372</v>
      </c>
      <c r="BA13" s="21">
        <v>334122</v>
      </c>
      <c r="BB13" s="21">
        <v>330688</v>
      </c>
      <c r="BC13" s="21">
        <v>301464</v>
      </c>
      <c r="BD13" s="21">
        <v>335742</v>
      </c>
      <c r="BE13" s="21">
        <v>332085</v>
      </c>
      <c r="BF13" s="21">
        <v>338310</v>
      </c>
      <c r="BG13" s="21">
        <v>317515</v>
      </c>
      <c r="BH13" s="13"/>
      <c r="BI13" s="16"/>
      <c r="BJ13" s="9"/>
      <c r="BK13" s="9"/>
      <c r="BL13" s="9" t="s">
        <v>28</v>
      </c>
      <c r="BM13" s="21">
        <f t="shared" si="1"/>
        <v>4701</v>
      </c>
      <c r="BN13" s="21">
        <f t="shared" si="2"/>
        <v>5914</v>
      </c>
      <c r="BO13" s="21">
        <f t="shared" si="3"/>
        <v>8236</v>
      </c>
      <c r="BP13" s="21">
        <f t="shared" si="4"/>
        <v>8222</v>
      </c>
      <c r="BQ13" s="21">
        <f t="shared" si="5"/>
        <v>6953</v>
      </c>
      <c r="BR13" s="21">
        <f t="shared" si="6"/>
        <v>10237</v>
      </c>
      <c r="BS13" s="21">
        <f t="shared" si="7"/>
        <v>16150</v>
      </c>
      <c r="BT13" s="21">
        <f t="shared" si="8"/>
        <v>15866</v>
      </c>
      <c r="BU13" s="21">
        <f t="shared" si="9"/>
        <v>15275</v>
      </c>
      <c r="BV13" s="21">
        <f t="shared" si="10"/>
        <v>19749</v>
      </c>
      <c r="BW13" s="21">
        <f t="shared" si="11"/>
        <v>21345</v>
      </c>
      <c r="BX13" s="21">
        <f t="shared" si="12"/>
        <v>21901</v>
      </c>
      <c r="BY13" s="21">
        <f t="shared" si="13"/>
        <v>24089</v>
      </c>
      <c r="BZ13" s="21">
        <f t="shared" si="14"/>
        <v>26322</v>
      </c>
      <c r="CA13" s="21">
        <f t="shared" si="15"/>
        <v>26354</v>
      </c>
      <c r="CB13" s="21">
        <f t="shared" si="16"/>
        <v>34436</v>
      </c>
      <c r="CC13" s="21">
        <f t="shared" si="17"/>
        <v>34626</v>
      </c>
      <c r="CD13" s="21">
        <f t="shared" si="18"/>
        <v>32911</v>
      </c>
      <c r="CE13" s="21">
        <f t="shared" si="19"/>
        <v>34387</v>
      </c>
      <c r="CF13" s="21">
        <f t="shared" si="20"/>
        <v>39334</v>
      </c>
      <c r="CG13" s="21">
        <f t="shared" si="21"/>
        <v>33724</v>
      </c>
      <c r="CH13" s="21">
        <f t="shared" si="22"/>
        <v>44286</v>
      </c>
      <c r="CI13" s="21">
        <f t="shared" si="23"/>
        <v>46449</v>
      </c>
      <c r="CJ13" s="21">
        <f t="shared" si="24"/>
        <v>-4</v>
      </c>
      <c r="CK13" s="21">
        <f t="shared" si="25"/>
        <v>-84</v>
      </c>
      <c r="CL13" s="16"/>
    </row>
    <row r="14" spans="1:90" x14ac:dyDescent="0.7">
      <c r="A14" s="7"/>
      <c r="D14" s="8" t="s">
        <v>29</v>
      </c>
      <c r="E14" s="42">
        <v>4481</v>
      </c>
      <c r="F14" s="42">
        <v>4895</v>
      </c>
      <c r="G14" s="42">
        <v>5236</v>
      </c>
      <c r="H14" s="42">
        <v>5084</v>
      </c>
      <c r="I14" s="42">
        <v>4198</v>
      </c>
      <c r="J14" s="42">
        <v>4821</v>
      </c>
      <c r="K14" s="42">
        <v>4826</v>
      </c>
      <c r="L14" s="42">
        <v>4632</v>
      </c>
      <c r="M14" s="42">
        <v>4135</v>
      </c>
      <c r="N14" s="42">
        <v>4629</v>
      </c>
      <c r="O14" s="42">
        <v>4661</v>
      </c>
      <c r="P14" s="42">
        <v>4819</v>
      </c>
      <c r="Q14" s="42">
        <v>4514</v>
      </c>
      <c r="R14" s="42">
        <v>5499</v>
      </c>
      <c r="S14" s="42">
        <v>6246</v>
      </c>
      <c r="T14" s="42">
        <v>6890</v>
      </c>
      <c r="U14" s="42">
        <v>2677</v>
      </c>
      <c r="V14" s="42">
        <v>2814</v>
      </c>
      <c r="W14" s="42">
        <v>2595</v>
      </c>
      <c r="X14" s="42">
        <v>2455</v>
      </c>
      <c r="Y14" s="42">
        <v>2229</v>
      </c>
      <c r="Z14" s="42">
        <v>2252</v>
      </c>
      <c r="AA14" s="42">
        <v>2094</v>
      </c>
      <c r="AB14" s="42">
        <v>2037</v>
      </c>
      <c r="AC14" s="42">
        <v>1733</v>
      </c>
      <c r="AD14" s="7"/>
      <c r="AE14" s="13"/>
      <c r="AF14" s="9"/>
      <c r="AG14" s="9"/>
      <c r="AH14" s="9" t="s">
        <v>29</v>
      </c>
      <c r="AI14" s="21">
        <v>4484</v>
      </c>
      <c r="AJ14" s="21">
        <v>4899</v>
      </c>
      <c r="AK14" s="21">
        <v>5239</v>
      </c>
      <c r="AL14" s="21">
        <v>5088</v>
      </c>
      <c r="AM14" s="21">
        <v>4220</v>
      </c>
      <c r="AN14" s="21">
        <v>4841</v>
      </c>
      <c r="AO14" s="21">
        <v>4877</v>
      </c>
      <c r="AP14" s="21">
        <v>4636</v>
      </c>
      <c r="AQ14" s="21">
        <v>4048</v>
      </c>
      <c r="AR14" s="21">
        <v>4252</v>
      </c>
      <c r="AS14" s="21">
        <v>4042</v>
      </c>
      <c r="AT14" s="21">
        <v>3899</v>
      </c>
      <c r="AU14" s="21">
        <v>3461</v>
      </c>
      <c r="AV14" s="21">
        <v>3472</v>
      </c>
      <c r="AW14" s="21">
        <v>3115</v>
      </c>
      <c r="AX14" s="21">
        <v>3110</v>
      </c>
      <c r="AY14" s="21">
        <v>2689</v>
      </c>
      <c r="AZ14" s="21">
        <v>2768</v>
      </c>
      <c r="BA14" s="21">
        <v>2562</v>
      </c>
      <c r="BB14" s="21">
        <v>2455</v>
      </c>
      <c r="BC14" s="21">
        <v>2229</v>
      </c>
      <c r="BD14" s="21">
        <v>2252</v>
      </c>
      <c r="BE14" s="21">
        <v>2094</v>
      </c>
      <c r="BF14" s="21">
        <v>2037</v>
      </c>
      <c r="BG14" s="21">
        <v>1733</v>
      </c>
      <c r="BH14" s="13"/>
      <c r="BI14" s="16"/>
      <c r="BJ14" s="9"/>
      <c r="BK14" s="9"/>
      <c r="BL14" s="9" t="s">
        <v>29</v>
      </c>
      <c r="BM14" s="21">
        <f t="shared" si="1"/>
        <v>3</v>
      </c>
      <c r="BN14" s="21">
        <f t="shared" si="2"/>
        <v>4</v>
      </c>
      <c r="BO14" s="21">
        <f t="shared" si="3"/>
        <v>3</v>
      </c>
      <c r="BP14" s="21">
        <f t="shared" si="4"/>
        <v>4</v>
      </c>
      <c r="BQ14" s="21">
        <f t="shared" si="5"/>
        <v>22</v>
      </c>
      <c r="BR14" s="21">
        <f t="shared" si="6"/>
        <v>20</v>
      </c>
      <c r="BS14" s="21">
        <f t="shared" si="7"/>
        <v>51</v>
      </c>
      <c r="BT14" s="21">
        <f t="shared" si="8"/>
        <v>4</v>
      </c>
      <c r="BU14" s="21">
        <f t="shared" si="9"/>
        <v>-87</v>
      </c>
      <c r="BV14" s="21">
        <f t="shared" si="10"/>
        <v>-377</v>
      </c>
      <c r="BW14" s="21">
        <f t="shared" si="11"/>
        <v>-619</v>
      </c>
      <c r="BX14" s="21">
        <f t="shared" si="12"/>
        <v>-920</v>
      </c>
      <c r="BY14" s="21">
        <f t="shared" si="13"/>
        <v>-1053</v>
      </c>
      <c r="BZ14" s="21">
        <f t="shared" si="14"/>
        <v>-2027</v>
      </c>
      <c r="CA14" s="21">
        <f t="shared" si="15"/>
        <v>-3131</v>
      </c>
      <c r="CB14" s="21">
        <f t="shared" si="16"/>
        <v>-3780</v>
      </c>
      <c r="CC14" s="21">
        <f t="shared" si="17"/>
        <v>12</v>
      </c>
      <c r="CD14" s="21">
        <f t="shared" si="18"/>
        <v>-46</v>
      </c>
      <c r="CE14" s="21">
        <f t="shared" si="19"/>
        <v>-33</v>
      </c>
      <c r="CF14" s="21">
        <f t="shared" si="20"/>
        <v>0</v>
      </c>
      <c r="CG14" s="21">
        <f t="shared" si="21"/>
        <v>0</v>
      </c>
      <c r="CH14" s="21">
        <f t="shared" si="22"/>
        <v>0</v>
      </c>
      <c r="CI14" s="21">
        <f t="shared" si="23"/>
        <v>0</v>
      </c>
      <c r="CJ14" s="21">
        <f t="shared" si="24"/>
        <v>0</v>
      </c>
      <c r="CK14" s="21">
        <f t="shared" si="25"/>
        <v>0</v>
      </c>
      <c r="CL14" s="16"/>
    </row>
    <row r="15" spans="1:90" x14ac:dyDescent="0.7">
      <c r="A15" s="7"/>
      <c r="D15" s="8" t="s">
        <v>30</v>
      </c>
      <c r="E15" s="42">
        <v>189418</v>
      </c>
      <c r="F15" s="42">
        <v>207670</v>
      </c>
      <c r="G15" s="42">
        <v>229754</v>
      </c>
      <c r="H15" s="42">
        <v>219260</v>
      </c>
      <c r="I15" s="42">
        <v>163410</v>
      </c>
      <c r="J15" s="42">
        <v>216926</v>
      </c>
      <c r="K15" s="42">
        <v>226706</v>
      </c>
      <c r="L15" s="42">
        <v>219629</v>
      </c>
      <c r="M15" s="42">
        <v>188504</v>
      </c>
      <c r="N15" s="42">
        <v>216998</v>
      </c>
      <c r="O15" s="42">
        <v>219192</v>
      </c>
      <c r="P15" s="42">
        <v>214250</v>
      </c>
      <c r="Q15" s="42">
        <v>188441</v>
      </c>
      <c r="R15" s="42">
        <v>203733</v>
      </c>
      <c r="S15" s="42">
        <v>189531</v>
      </c>
      <c r="T15" s="42">
        <v>187587</v>
      </c>
      <c r="U15" s="42">
        <v>174634</v>
      </c>
      <c r="V15" s="42">
        <v>199977</v>
      </c>
      <c r="W15" s="42">
        <v>192425</v>
      </c>
      <c r="X15" s="42">
        <v>186682</v>
      </c>
      <c r="Y15" s="42">
        <v>169493</v>
      </c>
      <c r="Z15" s="42">
        <v>182136</v>
      </c>
      <c r="AA15" s="42">
        <v>177685</v>
      </c>
      <c r="AB15" s="42">
        <v>200696</v>
      </c>
      <c r="AC15" s="42">
        <v>177570</v>
      </c>
      <c r="AD15" s="7"/>
      <c r="AE15" s="13"/>
      <c r="AF15" s="9"/>
      <c r="AG15" s="9"/>
      <c r="AH15" s="9" t="s">
        <v>30</v>
      </c>
      <c r="AI15" s="21">
        <v>191772</v>
      </c>
      <c r="AJ15" s="21">
        <v>210675</v>
      </c>
      <c r="AK15" s="21">
        <v>233870</v>
      </c>
      <c r="AL15" s="21">
        <v>223249</v>
      </c>
      <c r="AM15" s="21">
        <v>166964</v>
      </c>
      <c r="AN15" s="21">
        <v>221941</v>
      </c>
      <c r="AO15" s="21">
        <v>235343</v>
      </c>
      <c r="AP15" s="21">
        <v>227379</v>
      </c>
      <c r="AQ15" s="21">
        <v>195909</v>
      </c>
      <c r="AR15" s="21">
        <v>227200</v>
      </c>
      <c r="AS15" s="21">
        <v>230502</v>
      </c>
      <c r="AT15" s="21">
        <v>226040</v>
      </c>
      <c r="AU15" s="21">
        <v>201693</v>
      </c>
      <c r="AV15" s="21">
        <v>218912</v>
      </c>
      <c r="AW15" s="21">
        <v>206071</v>
      </c>
      <c r="AX15" s="21">
        <v>210962</v>
      </c>
      <c r="AY15" s="21">
        <v>192860</v>
      </c>
      <c r="AZ15" s="21">
        <v>215889</v>
      </c>
      <c r="BA15" s="21">
        <v>208207</v>
      </c>
      <c r="BB15" s="21">
        <v>206402</v>
      </c>
      <c r="BC15" s="21">
        <v>183938</v>
      </c>
      <c r="BD15" s="21">
        <v>204072</v>
      </c>
      <c r="BE15" s="21">
        <v>200960</v>
      </c>
      <c r="BF15" s="21">
        <v>200692</v>
      </c>
      <c r="BG15" s="21">
        <v>177486</v>
      </c>
      <c r="BH15" s="13"/>
      <c r="BI15" s="16"/>
      <c r="BJ15" s="9"/>
      <c r="BK15" s="9"/>
      <c r="BL15" s="9" t="s">
        <v>30</v>
      </c>
      <c r="BM15" s="21">
        <f t="shared" si="1"/>
        <v>2354</v>
      </c>
      <c r="BN15" s="21">
        <f t="shared" si="2"/>
        <v>3005</v>
      </c>
      <c r="BO15" s="21">
        <f t="shared" si="3"/>
        <v>4116</v>
      </c>
      <c r="BP15" s="21">
        <f t="shared" si="4"/>
        <v>3989</v>
      </c>
      <c r="BQ15" s="21">
        <f t="shared" si="5"/>
        <v>3554</v>
      </c>
      <c r="BR15" s="21">
        <f t="shared" si="6"/>
        <v>5015</v>
      </c>
      <c r="BS15" s="21">
        <f t="shared" si="7"/>
        <v>8637</v>
      </c>
      <c r="BT15" s="21">
        <f t="shared" si="8"/>
        <v>7750</v>
      </c>
      <c r="BU15" s="21">
        <f t="shared" si="9"/>
        <v>7405</v>
      </c>
      <c r="BV15" s="21">
        <f t="shared" si="10"/>
        <v>10202</v>
      </c>
      <c r="BW15" s="21">
        <f t="shared" si="11"/>
        <v>11310</v>
      </c>
      <c r="BX15" s="21">
        <f t="shared" si="12"/>
        <v>11790</v>
      </c>
      <c r="BY15" s="21">
        <f t="shared" si="13"/>
        <v>13252</v>
      </c>
      <c r="BZ15" s="21">
        <f t="shared" si="14"/>
        <v>15179</v>
      </c>
      <c r="CA15" s="21">
        <f t="shared" si="15"/>
        <v>16540</v>
      </c>
      <c r="CB15" s="21">
        <f t="shared" si="16"/>
        <v>23375</v>
      </c>
      <c r="CC15" s="21">
        <f t="shared" si="17"/>
        <v>18226</v>
      </c>
      <c r="CD15" s="21">
        <f t="shared" si="18"/>
        <v>15912</v>
      </c>
      <c r="CE15" s="21">
        <f t="shared" si="19"/>
        <v>15782</v>
      </c>
      <c r="CF15" s="21">
        <f t="shared" si="20"/>
        <v>19720</v>
      </c>
      <c r="CG15" s="21">
        <f t="shared" si="21"/>
        <v>14445</v>
      </c>
      <c r="CH15" s="21">
        <f t="shared" si="22"/>
        <v>21936</v>
      </c>
      <c r="CI15" s="21">
        <f t="shared" si="23"/>
        <v>23275</v>
      </c>
      <c r="CJ15" s="21">
        <f t="shared" si="24"/>
        <v>-4</v>
      </c>
      <c r="CK15" s="21">
        <f t="shared" si="25"/>
        <v>-84</v>
      </c>
      <c r="CL15" s="16"/>
    </row>
    <row r="16" spans="1:90" x14ac:dyDescent="0.7">
      <c r="A16" s="7"/>
      <c r="D16" s="8" t="s">
        <v>31</v>
      </c>
      <c r="E16" s="42">
        <v>73021</v>
      </c>
      <c r="F16" s="42">
        <v>76027</v>
      </c>
      <c r="G16" s="42">
        <v>83015</v>
      </c>
      <c r="H16" s="42">
        <v>80233</v>
      </c>
      <c r="I16" s="42">
        <v>64132</v>
      </c>
      <c r="J16" s="42">
        <v>83733</v>
      </c>
      <c r="K16" s="42">
        <v>86291</v>
      </c>
      <c r="L16" s="42">
        <v>83356</v>
      </c>
      <c r="M16" s="42">
        <v>76710</v>
      </c>
      <c r="N16" s="42">
        <v>87131</v>
      </c>
      <c r="O16" s="42">
        <v>90889</v>
      </c>
      <c r="P16" s="42">
        <v>88130</v>
      </c>
      <c r="Q16" s="42">
        <v>82619</v>
      </c>
      <c r="R16" s="42">
        <v>82397</v>
      </c>
      <c r="S16" s="42">
        <v>78609</v>
      </c>
      <c r="T16" s="42">
        <v>81498</v>
      </c>
      <c r="U16" s="42">
        <v>90711</v>
      </c>
      <c r="V16" s="42">
        <v>107670</v>
      </c>
      <c r="W16" s="42">
        <v>104715</v>
      </c>
      <c r="X16" s="42">
        <v>102217</v>
      </c>
      <c r="Y16" s="42">
        <v>96019</v>
      </c>
      <c r="Z16" s="42">
        <v>107068</v>
      </c>
      <c r="AA16" s="42">
        <v>105858</v>
      </c>
      <c r="AB16" s="42">
        <v>135581</v>
      </c>
      <c r="AC16" s="42">
        <v>138295</v>
      </c>
      <c r="AD16" s="7"/>
      <c r="AE16" s="13"/>
      <c r="AF16" s="9"/>
      <c r="AG16" s="9"/>
      <c r="AH16" s="9" t="s">
        <v>31</v>
      </c>
      <c r="AI16" s="21">
        <v>75364</v>
      </c>
      <c r="AJ16" s="21">
        <v>78932</v>
      </c>
      <c r="AK16" s="21">
        <v>87132</v>
      </c>
      <c r="AL16" s="21">
        <v>84463</v>
      </c>
      <c r="AM16" s="21">
        <v>67509</v>
      </c>
      <c r="AN16" s="21">
        <v>88935</v>
      </c>
      <c r="AO16" s="21">
        <v>93753</v>
      </c>
      <c r="AP16" s="21">
        <v>91468</v>
      </c>
      <c r="AQ16" s="21">
        <v>84668</v>
      </c>
      <c r="AR16" s="21">
        <v>97055</v>
      </c>
      <c r="AS16" s="21">
        <v>101542</v>
      </c>
      <c r="AT16" s="21">
        <v>99161</v>
      </c>
      <c r="AU16" s="21">
        <v>94774</v>
      </c>
      <c r="AV16" s="21">
        <v>95882</v>
      </c>
      <c r="AW16" s="21">
        <v>91820</v>
      </c>
      <c r="AX16" s="21">
        <v>96701</v>
      </c>
      <c r="AY16" s="21">
        <v>107337</v>
      </c>
      <c r="AZ16" s="21">
        <v>124809</v>
      </c>
      <c r="BA16" s="21">
        <v>123354</v>
      </c>
      <c r="BB16" s="21">
        <v>121832</v>
      </c>
      <c r="BC16" s="21">
        <v>115297</v>
      </c>
      <c r="BD16" s="21">
        <v>129419</v>
      </c>
      <c r="BE16" s="21">
        <v>129031</v>
      </c>
      <c r="BF16" s="21">
        <v>135581</v>
      </c>
      <c r="BG16" s="21">
        <v>138295</v>
      </c>
      <c r="BH16" s="13"/>
      <c r="BI16" s="16"/>
      <c r="BJ16" s="9"/>
      <c r="BK16" s="9"/>
      <c r="BL16" s="9" t="s">
        <v>31</v>
      </c>
      <c r="BM16" s="21">
        <f t="shared" si="1"/>
        <v>2343</v>
      </c>
      <c r="BN16" s="21">
        <f t="shared" si="2"/>
        <v>2905</v>
      </c>
      <c r="BO16" s="21">
        <f t="shared" si="3"/>
        <v>4117</v>
      </c>
      <c r="BP16" s="21">
        <f t="shared" si="4"/>
        <v>4230</v>
      </c>
      <c r="BQ16" s="21">
        <f t="shared" si="5"/>
        <v>3377</v>
      </c>
      <c r="BR16" s="21">
        <f t="shared" si="6"/>
        <v>5202</v>
      </c>
      <c r="BS16" s="21">
        <f t="shared" si="7"/>
        <v>7462</v>
      </c>
      <c r="BT16" s="21">
        <f t="shared" si="8"/>
        <v>8112</v>
      </c>
      <c r="BU16" s="21">
        <f t="shared" si="9"/>
        <v>7958</v>
      </c>
      <c r="BV16" s="21">
        <f t="shared" si="10"/>
        <v>9924</v>
      </c>
      <c r="BW16" s="21">
        <f t="shared" si="11"/>
        <v>10653</v>
      </c>
      <c r="BX16" s="21">
        <f t="shared" si="12"/>
        <v>11031</v>
      </c>
      <c r="BY16" s="21">
        <f t="shared" si="13"/>
        <v>12155</v>
      </c>
      <c r="BZ16" s="21">
        <f t="shared" si="14"/>
        <v>13485</v>
      </c>
      <c r="CA16" s="21">
        <f t="shared" si="15"/>
        <v>13211</v>
      </c>
      <c r="CB16" s="21">
        <f t="shared" si="16"/>
        <v>15203</v>
      </c>
      <c r="CC16" s="21">
        <f t="shared" si="17"/>
        <v>16626</v>
      </c>
      <c r="CD16" s="21">
        <f t="shared" si="18"/>
        <v>17139</v>
      </c>
      <c r="CE16" s="21">
        <f t="shared" si="19"/>
        <v>18639</v>
      </c>
      <c r="CF16" s="21">
        <f t="shared" si="20"/>
        <v>19615</v>
      </c>
      <c r="CG16" s="21">
        <f t="shared" si="21"/>
        <v>19278</v>
      </c>
      <c r="CH16" s="21">
        <f t="shared" si="22"/>
        <v>22351</v>
      </c>
      <c r="CI16" s="21">
        <f t="shared" si="23"/>
        <v>23173</v>
      </c>
      <c r="CJ16" s="21">
        <f t="shared" si="24"/>
        <v>0</v>
      </c>
      <c r="CK16" s="21">
        <f t="shared" si="25"/>
        <v>0</v>
      </c>
      <c r="CL16" s="16"/>
    </row>
    <row r="17" spans="1:90" x14ac:dyDescent="0.7">
      <c r="A17" s="7"/>
      <c r="D17" s="8" t="s">
        <v>32</v>
      </c>
      <c r="E17" s="42">
        <v>3620</v>
      </c>
      <c r="F17" s="42">
        <v>3624</v>
      </c>
      <c r="G17" s="42">
        <v>4457</v>
      </c>
      <c r="H17" s="42">
        <v>3913</v>
      </c>
      <c r="I17" s="42">
        <v>2784</v>
      </c>
      <c r="J17" s="42">
        <v>3733</v>
      </c>
      <c r="K17" s="42">
        <v>4222</v>
      </c>
      <c r="L17" s="42">
        <v>4339</v>
      </c>
      <c r="M17" s="42">
        <v>3743</v>
      </c>
      <c r="N17" s="42">
        <v>4409</v>
      </c>
      <c r="O17" s="42">
        <v>4777</v>
      </c>
      <c r="P17" s="42">
        <v>5036</v>
      </c>
      <c r="Q17" s="42">
        <v>4513</v>
      </c>
      <c r="R17" s="42">
        <v>4980</v>
      </c>
      <c r="S17" s="42">
        <v>4879</v>
      </c>
      <c r="T17" s="42">
        <v>5155</v>
      </c>
      <c r="U17" s="42">
        <v>4670</v>
      </c>
      <c r="V17" s="42">
        <v>5406</v>
      </c>
      <c r="W17" s="42">
        <v>5334</v>
      </c>
      <c r="X17" s="42">
        <v>5511</v>
      </c>
      <c r="Y17" s="42">
        <v>4931</v>
      </c>
      <c r="Z17" s="42">
        <v>5484</v>
      </c>
      <c r="AA17" s="42">
        <v>5693</v>
      </c>
      <c r="AB17" s="42">
        <v>6808</v>
      </c>
      <c r="AC17" s="42">
        <v>6297</v>
      </c>
      <c r="AD17" s="7"/>
      <c r="AE17" s="13"/>
      <c r="AF17" s="9"/>
      <c r="AG17" s="9"/>
      <c r="AH17" s="9" t="s">
        <v>32</v>
      </c>
      <c r="AI17" s="21">
        <v>3644</v>
      </c>
      <c r="AJ17" s="21">
        <v>3656</v>
      </c>
      <c r="AK17" s="21">
        <v>4504</v>
      </c>
      <c r="AL17" s="21">
        <v>3957</v>
      </c>
      <c r="AM17" s="21">
        <v>2836</v>
      </c>
      <c r="AN17" s="21">
        <v>3797</v>
      </c>
      <c r="AO17" s="21">
        <v>4368</v>
      </c>
      <c r="AP17" s="21">
        <v>4474</v>
      </c>
      <c r="AQ17" s="21">
        <v>3870</v>
      </c>
      <c r="AR17" s="21">
        <v>4590</v>
      </c>
      <c r="AS17" s="21">
        <v>5004</v>
      </c>
      <c r="AT17" s="21">
        <v>5289</v>
      </c>
      <c r="AU17" s="21">
        <v>4930</v>
      </c>
      <c r="AV17" s="21">
        <v>5298</v>
      </c>
      <c r="AW17" s="21">
        <v>5221</v>
      </c>
      <c r="AX17" s="21">
        <v>5704</v>
      </c>
      <c r="AY17" s="21">
        <v>5374</v>
      </c>
      <c r="AZ17" s="21">
        <v>6039</v>
      </c>
      <c r="BA17" s="21">
        <v>5927</v>
      </c>
      <c r="BB17" s="21">
        <v>6165</v>
      </c>
      <c r="BC17" s="21">
        <v>5548</v>
      </c>
      <c r="BD17" s="21">
        <v>6203</v>
      </c>
      <c r="BE17" s="21">
        <v>6472</v>
      </c>
      <c r="BF17" s="21">
        <v>6808</v>
      </c>
      <c r="BG17" s="21">
        <v>5623</v>
      </c>
      <c r="BH17" s="13"/>
      <c r="BI17" s="16"/>
      <c r="BJ17" s="9"/>
      <c r="BK17" s="9"/>
      <c r="BL17" s="9" t="s">
        <v>32</v>
      </c>
      <c r="BM17" s="21">
        <f t="shared" si="1"/>
        <v>24</v>
      </c>
      <c r="BN17" s="21">
        <f t="shared" si="2"/>
        <v>32</v>
      </c>
      <c r="BO17" s="21">
        <f t="shared" si="3"/>
        <v>47</v>
      </c>
      <c r="BP17" s="21">
        <f t="shared" si="4"/>
        <v>44</v>
      </c>
      <c r="BQ17" s="21">
        <f t="shared" si="5"/>
        <v>52</v>
      </c>
      <c r="BR17" s="21">
        <f t="shared" si="6"/>
        <v>64</v>
      </c>
      <c r="BS17" s="21">
        <f t="shared" si="7"/>
        <v>146</v>
      </c>
      <c r="BT17" s="21">
        <f t="shared" si="8"/>
        <v>135</v>
      </c>
      <c r="BU17" s="21">
        <f t="shared" si="9"/>
        <v>127</v>
      </c>
      <c r="BV17" s="21">
        <f t="shared" si="10"/>
        <v>181</v>
      </c>
      <c r="BW17" s="21">
        <f t="shared" si="11"/>
        <v>227</v>
      </c>
      <c r="BX17" s="21">
        <f t="shared" si="12"/>
        <v>253</v>
      </c>
      <c r="BY17" s="21">
        <f t="shared" si="13"/>
        <v>417</v>
      </c>
      <c r="BZ17" s="21">
        <f t="shared" si="14"/>
        <v>318</v>
      </c>
      <c r="CA17" s="21">
        <f t="shared" si="15"/>
        <v>342</v>
      </c>
      <c r="CB17" s="21">
        <f t="shared" si="16"/>
        <v>549</v>
      </c>
      <c r="CC17" s="21">
        <f t="shared" si="17"/>
        <v>704</v>
      </c>
      <c r="CD17" s="21">
        <f t="shared" si="18"/>
        <v>633</v>
      </c>
      <c r="CE17" s="21">
        <f t="shared" si="19"/>
        <v>593</v>
      </c>
      <c r="CF17" s="21">
        <f t="shared" si="20"/>
        <v>654</v>
      </c>
      <c r="CG17" s="21">
        <f t="shared" si="21"/>
        <v>617</v>
      </c>
      <c r="CH17" s="21">
        <f t="shared" si="22"/>
        <v>719</v>
      </c>
      <c r="CI17" s="21">
        <f t="shared" si="23"/>
        <v>779</v>
      </c>
      <c r="CJ17" s="21">
        <f t="shared" si="24"/>
        <v>0</v>
      </c>
      <c r="CK17" s="21">
        <f t="shared" si="25"/>
        <v>-674</v>
      </c>
      <c r="CL17" s="16"/>
    </row>
    <row r="18" spans="1:90" x14ac:dyDescent="0.7">
      <c r="A18" s="7"/>
      <c r="D18" s="8" t="s">
        <v>33</v>
      </c>
      <c r="E18" s="42">
        <v>3620</v>
      </c>
      <c r="F18" s="42">
        <v>3624</v>
      </c>
      <c r="G18" s="42">
        <v>4457</v>
      </c>
      <c r="H18" s="42">
        <v>3913</v>
      </c>
      <c r="I18" s="42">
        <v>2784</v>
      </c>
      <c r="J18" s="42">
        <v>3733</v>
      </c>
      <c r="K18" s="42">
        <v>4222</v>
      </c>
      <c r="L18" s="42">
        <v>4339</v>
      </c>
      <c r="M18" s="42">
        <v>3743</v>
      </c>
      <c r="N18" s="42">
        <v>4409</v>
      </c>
      <c r="O18" s="42">
        <v>4777</v>
      </c>
      <c r="P18" s="42">
        <v>5036</v>
      </c>
      <c r="Q18" s="42">
        <v>4513</v>
      </c>
      <c r="R18" s="42">
        <v>4980</v>
      </c>
      <c r="S18" s="42">
        <v>4879</v>
      </c>
      <c r="T18" s="42">
        <v>5155</v>
      </c>
      <c r="U18" s="42">
        <v>4670</v>
      </c>
      <c r="V18" s="42">
        <v>5406</v>
      </c>
      <c r="W18" s="42">
        <v>5334</v>
      </c>
      <c r="X18" s="42">
        <v>5511</v>
      </c>
      <c r="Y18" s="42">
        <v>4931</v>
      </c>
      <c r="Z18" s="42">
        <v>5484</v>
      </c>
      <c r="AA18" s="42">
        <v>5693</v>
      </c>
      <c r="AB18" s="42">
        <v>6808</v>
      </c>
      <c r="AC18" s="42">
        <v>6297</v>
      </c>
      <c r="AD18" s="7"/>
      <c r="AE18" s="13"/>
      <c r="AF18" s="9"/>
      <c r="AG18" s="9"/>
      <c r="AH18" s="9" t="s">
        <v>33</v>
      </c>
      <c r="AI18" s="21">
        <v>3644</v>
      </c>
      <c r="AJ18" s="21">
        <v>3656</v>
      </c>
      <c r="AK18" s="21">
        <v>4504</v>
      </c>
      <c r="AL18" s="21">
        <v>3957</v>
      </c>
      <c r="AM18" s="21">
        <v>2836</v>
      </c>
      <c r="AN18" s="21">
        <v>3797</v>
      </c>
      <c r="AO18" s="21">
        <v>4368</v>
      </c>
      <c r="AP18" s="21">
        <v>4474</v>
      </c>
      <c r="AQ18" s="21">
        <v>3870</v>
      </c>
      <c r="AR18" s="21">
        <v>4590</v>
      </c>
      <c r="AS18" s="21">
        <v>5004</v>
      </c>
      <c r="AT18" s="21">
        <v>5289</v>
      </c>
      <c r="AU18" s="21">
        <v>4930</v>
      </c>
      <c r="AV18" s="21">
        <v>5298</v>
      </c>
      <c r="AW18" s="21">
        <v>5221</v>
      </c>
      <c r="AX18" s="21">
        <v>5704</v>
      </c>
      <c r="AY18" s="21">
        <v>5374</v>
      </c>
      <c r="AZ18" s="21">
        <v>6039</v>
      </c>
      <c r="BA18" s="21">
        <v>5927</v>
      </c>
      <c r="BB18" s="21">
        <v>6165</v>
      </c>
      <c r="BC18" s="21">
        <v>5548</v>
      </c>
      <c r="BD18" s="21">
        <v>6203</v>
      </c>
      <c r="BE18" s="21">
        <v>6472</v>
      </c>
      <c r="BF18" s="21">
        <v>6808</v>
      </c>
      <c r="BG18" s="21">
        <v>5623</v>
      </c>
      <c r="BH18" s="13"/>
      <c r="BI18" s="16"/>
      <c r="BJ18" s="9"/>
      <c r="BK18" s="9"/>
      <c r="BL18" s="9" t="s">
        <v>33</v>
      </c>
      <c r="BM18" s="21">
        <f t="shared" si="1"/>
        <v>24</v>
      </c>
      <c r="BN18" s="21">
        <f t="shared" si="2"/>
        <v>32</v>
      </c>
      <c r="BO18" s="21">
        <f t="shared" si="3"/>
        <v>47</v>
      </c>
      <c r="BP18" s="21">
        <f t="shared" si="4"/>
        <v>44</v>
      </c>
      <c r="BQ18" s="21">
        <f t="shared" si="5"/>
        <v>52</v>
      </c>
      <c r="BR18" s="21">
        <f t="shared" si="6"/>
        <v>64</v>
      </c>
      <c r="BS18" s="21">
        <f t="shared" si="7"/>
        <v>146</v>
      </c>
      <c r="BT18" s="21">
        <f t="shared" si="8"/>
        <v>135</v>
      </c>
      <c r="BU18" s="21">
        <f t="shared" si="9"/>
        <v>127</v>
      </c>
      <c r="BV18" s="21">
        <f t="shared" si="10"/>
        <v>181</v>
      </c>
      <c r="BW18" s="21">
        <f t="shared" si="11"/>
        <v>227</v>
      </c>
      <c r="BX18" s="21">
        <f t="shared" si="12"/>
        <v>253</v>
      </c>
      <c r="BY18" s="21">
        <f t="shared" si="13"/>
        <v>417</v>
      </c>
      <c r="BZ18" s="21">
        <f t="shared" si="14"/>
        <v>318</v>
      </c>
      <c r="CA18" s="21">
        <f t="shared" si="15"/>
        <v>342</v>
      </c>
      <c r="CB18" s="21">
        <f t="shared" si="16"/>
        <v>549</v>
      </c>
      <c r="CC18" s="21">
        <f t="shared" si="17"/>
        <v>704</v>
      </c>
      <c r="CD18" s="21">
        <f t="shared" si="18"/>
        <v>633</v>
      </c>
      <c r="CE18" s="21">
        <f t="shared" si="19"/>
        <v>593</v>
      </c>
      <c r="CF18" s="21">
        <f t="shared" si="20"/>
        <v>654</v>
      </c>
      <c r="CG18" s="21">
        <f t="shared" si="21"/>
        <v>617</v>
      </c>
      <c r="CH18" s="21">
        <f t="shared" si="22"/>
        <v>719</v>
      </c>
      <c r="CI18" s="21">
        <f t="shared" si="23"/>
        <v>779</v>
      </c>
      <c r="CJ18" s="21">
        <f t="shared" si="24"/>
        <v>0</v>
      </c>
      <c r="CK18" s="21">
        <f t="shared" si="25"/>
        <v>-674</v>
      </c>
      <c r="CL18" s="16"/>
    </row>
    <row r="19" spans="1:90" x14ac:dyDescent="0.7">
      <c r="A19" s="7"/>
      <c r="C19" s="8" t="s">
        <v>49</v>
      </c>
      <c r="D19" s="8" t="s">
        <v>45</v>
      </c>
      <c r="E19" s="42">
        <v>107829</v>
      </c>
      <c r="F19" s="42">
        <v>105053</v>
      </c>
      <c r="G19" s="42">
        <v>122587</v>
      </c>
      <c r="H19" s="42">
        <v>112009</v>
      </c>
      <c r="I19" s="42">
        <v>87693</v>
      </c>
      <c r="J19" s="42">
        <v>117969</v>
      </c>
      <c r="K19" s="42">
        <v>138137</v>
      </c>
      <c r="L19" s="42">
        <v>141724</v>
      </c>
      <c r="M19" s="42">
        <v>129277</v>
      </c>
      <c r="N19" s="42">
        <v>151617</v>
      </c>
      <c r="O19" s="42">
        <v>143168</v>
      </c>
      <c r="P19" s="42">
        <v>147614</v>
      </c>
      <c r="Q19" s="42">
        <v>139354</v>
      </c>
      <c r="R19" s="42">
        <v>161019</v>
      </c>
      <c r="S19" s="42">
        <v>164083</v>
      </c>
      <c r="T19" s="42">
        <v>159351</v>
      </c>
      <c r="U19" s="42">
        <v>130741</v>
      </c>
      <c r="V19" s="42">
        <v>152254</v>
      </c>
      <c r="W19" s="42">
        <v>153463</v>
      </c>
      <c r="X19" s="42">
        <v>158750</v>
      </c>
      <c r="Y19" s="42">
        <v>150859</v>
      </c>
      <c r="Z19" s="42">
        <v>215831</v>
      </c>
      <c r="AA19" s="42">
        <v>222136</v>
      </c>
      <c r="AB19" s="42">
        <v>173694</v>
      </c>
      <c r="AC19" s="42">
        <v>145493</v>
      </c>
      <c r="AD19" s="7"/>
      <c r="AE19" s="13"/>
      <c r="AF19" s="9"/>
      <c r="AG19" s="9" t="s">
        <v>49</v>
      </c>
      <c r="AH19" s="9" t="s">
        <v>45</v>
      </c>
      <c r="AI19" s="21">
        <v>107825</v>
      </c>
      <c r="AJ19" s="21">
        <v>105045</v>
      </c>
      <c r="AK19" s="21">
        <v>122583</v>
      </c>
      <c r="AL19" s="21">
        <v>112003</v>
      </c>
      <c r="AM19" s="21">
        <v>87996</v>
      </c>
      <c r="AN19" s="21">
        <v>117959</v>
      </c>
      <c r="AO19" s="21">
        <v>139101</v>
      </c>
      <c r="AP19" s="21">
        <v>141718</v>
      </c>
      <c r="AQ19" s="21">
        <v>126171</v>
      </c>
      <c r="AR19" s="21">
        <v>148200</v>
      </c>
      <c r="AS19" s="21">
        <v>139619</v>
      </c>
      <c r="AT19" s="21">
        <v>143026</v>
      </c>
      <c r="AU19" s="21">
        <v>135687</v>
      </c>
      <c r="AV19" s="21">
        <v>155836</v>
      </c>
      <c r="AW19" s="21">
        <v>158553</v>
      </c>
      <c r="AX19" s="21">
        <v>155124</v>
      </c>
      <c r="AY19" s="21">
        <v>126584</v>
      </c>
      <c r="AZ19" s="21">
        <v>143842</v>
      </c>
      <c r="BA19" s="21">
        <v>147198</v>
      </c>
      <c r="BB19" s="21">
        <v>151485</v>
      </c>
      <c r="BC19" s="21">
        <v>141404</v>
      </c>
      <c r="BD19" s="21">
        <v>162758</v>
      </c>
      <c r="BE19" s="21">
        <v>166657</v>
      </c>
      <c r="BF19" s="21">
        <v>163352</v>
      </c>
      <c r="BG19" s="21">
        <v>143715</v>
      </c>
      <c r="BH19" s="13"/>
      <c r="BI19" s="16"/>
      <c r="BJ19" s="9"/>
      <c r="BK19" s="9" t="s">
        <v>49</v>
      </c>
      <c r="BL19" s="9" t="s">
        <v>45</v>
      </c>
      <c r="BM19" s="21">
        <f t="shared" si="1"/>
        <v>-4</v>
      </c>
      <c r="BN19" s="21">
        <f t="shared" si="2"/>
        <v>-8</v>
      </c>
      <c r="BO19" s="21">
        <f t="shared" si="3"/>
        <v>-4</v>
      </c>
      <c r="BP19" s="21">
        <f t="shared" si="4"/>
        <v>-6</v>
      </c>
      <c r="BQ19" s="21">
        <f t="shared" si="5"/>
        <v>303</v>
      </c>
      <c r="BR19" s="21">
        <f t="shared" si="6"/>
        <v>-10</v>
      </c>
      <c r="BS19" s="21">
        <f t="shared" si="7"/>
        <v>964</v>
      </c>
      <c r="BT19" s="21">
        <f t="shared" si="8"/>
        <v>-6</v>
      </c>
      <c r="BU19" s="21">
        <f t="shared" si="9"/>
        <v>-3106</v>
      </c>
      <c r="BV19" s="21">
        <f t="shared" si="10"/>
        <v>-3417</v>
      </c>
      <c r="BW19" s="21">
        <f t="shared" si="11"/>
        <v>-3549</v>
      </c>
      <c r="BX19" s="21">
        <f t="shared" si="12"/>
        <v>-4588</v>
      </c>
      <c r="BY19" s="21">
        <f t="shared" si="13"/>
        <v>-3667</v>
      </c>
      <c r="BZ19" s="21">
        <f t="shared" si="14"/>
        <v>-5183</v>
      </c>
      <c r="CA19" s="21">
        <f t="shared" si="15"/>
        <v>-5530</v>
      </c>
      <c r="CB19" s="21">
        <f t="shared" si="16"/>
        <v>-4227</v>
      </c>
      <c r="CC19" s="21">
        <f t="shared" si="17"/>
        <v>-4157</v>
      </c>
      <c r="CD19" s="21">
        <f t="shared" si="18"/>
        <v>-8412</v>
      </c>
      <c r="CE19" s="21">
        <f t="shared" si="19"/>
        <v>-6265</v>
      </c>
      <c r="CF19" s="21">
        <f t="shared" si="20"/>
        <v>-7265</v>
      </c>
      <c r="CG19" s="21">
        <f t="shared" si="21"/>
        <v>-9455</v>
      </c>
      <c r="CH19" s="21">
        <f t="shared" si="22"/>
        <v>-53073</v>
      </c>
      <c r="CI19" s="21">
        <f t="shared" si="23"/>
        <v>-55479</v>
      </c>
      <c r="CJ19" s="21">
        <f t="shared" si="24"/>
        <v>-10342</v>
      </c>
      <c r="CK19" s="21">
        <f t="shared" si="25"/>
        <v>-1778</v>
      </c>
      <c r="CL19" s="16"/>
    </row>
    <row r="20" spans="1:90" x14ac:dyDescent="0.7">
      <c r="A20" s="7"/>
      <c r="D20" s="8" t="s">
        <v>28</v>
      </c>
      <c r="E20" s="42">
        <v>104165</v>
      </c>
      <c r="F20" s="42">
        <v>102100</v>
      </c>
      <c r="G20" s="42">
        <v>118966</v>
      </c>
      <c r="H20" s="42">
        <v>108940</v>
      </c>
      <c r="I20" s="42">
        <v>85420</v>
      </c>
      <c r="J20" s="42">
        <v>114907</v>
      </c>
      <c r="K20" s="42">
        <v>134346</v>
      </c>
      <c r="L20" s="42">
        <v>137606</v>
      </c>
      <c r="M20" s="42">
        <v>125651</v>
      </c>
      <c r="N20" s="42">
        <v>147433</v>
      </c>
      <c r="O20" s="42">
        <v>139105</v>
      </c>
      <c r="P20" s="42">
        <v>143276</v>
      </c>
      <c r="Q20" s="42">
        <v>135363</v>
      </c>
      <c r="R20" s="42">
        <v>156455</v>
      </c>
      <c r="S20" s="42">
        <v>159510</v>
      </c>
      <c r="T20" s="42">
        <v>154535</v>
      </c>
      <c r="U20" s="42">
        <v>126501</v>
      </c>
      <c r="V20" s="42">
        <v>147330</v>
      </c>
      <c r="W20" s="42">
        <v>148599</v>
      </c>
      <c r="X20" s="42">
        <v>153347</v>
      </c>
      <c r="Y20" s="42">
        <v>145994</v>
      </c>
      <c r="Z20" s="42">
        <v>209744</v>
      </c>
      <c r="AA20" s="42">
        <v>215931</v>
      </c>
      <c r="AB20" s="42">
        <v>167893</v>
      </c>
      <c r="AC20" s="42">
        <v>140565</v>
      </c>
      <c r="AD20" s="7"/>
      <c r="AE20" s="13"/>
      <c r="AF20" s="9"/>
      <c r="AG20" s="9"/>
      <c r="AH20" s="9" t="s">
        <v>28</v>
      </c>
      <c r="AI20" s="21">
        <v>104163</v>
      </c>
      <c r="AJ20" s="21">
        <v>102092</v>
      </c>
      <c r="AK20" s="21">
        <v>118962</v>
      </c>
      <c r="AL20" s="21">
        <v>108935</v>
      </c>
      <c r="AM20" s="21">
        <v>85717</v>
      </c>
      <c r="AN20" s="21">
        <v>114895</v>
      </c>
      <c r="AO20" s="21">
        <v>135302</v>
      </c>
      <c r="AP20" s="21">
        <v>137601</v>
      </c>
      <c r="AQ20" s="21">
        <v>122953</v>
      </c>
      <c r="AR20" s="21">
        <v>144503</v>
      </c>
      <c r="AS20" s="21">
        <v>136056</v>
      </c>
      <c r="AT20" s="21">
        <v>139205</v>
      </c>
      <c r="AU20" s="21">
        <v>132083</v>
      </c>
      <c r="AV20" s="21">
        <v>151817</v>
      </c>
      <c r="AW20" s="21">
        <v>154531</v>
      </c>
      <c r="AX20" s="21">
        <v>150797</v>
      </c>
      <c r="AY20" s="21">
        <v>122740</v>
      </c>
      <c r="AZ20" s="21">
        <v>139524</v>
      </c>
      <c r="BA20" s="21">
        <v>142795</v>
      </c>
      <c r="BB20" s="21">
        <v>146791</v>
      </c>
      <c r="BC20" s="21">
        <v>137183</v>
      </c>
      <c r="BD20" s="21">
        <v>158072</v>
      </c>
      <c r="BE20" s="21">
        <v>161924</v>
      </c>
      <c r="BF20" s="21">
        <v>158324</v>
      </c>
      <c r="BG20" s="21">
        <v>138560</v>
      </c>
      <c r="BH20" s="13"/>
      <c r="BI20" s="16"/>
      <c r="BJ20" s="9"/>
      <c r="BK20" s="9"/>
      <c r="BL20" s="9" t="s">
        <v>28</v>
      </c>
      <c r="BM20" s="21">
        <f t="shared" si="1"/>
        <v>-2</v>
      </c>
      <c r="BN20" s="21">
        <f t="shared" si="2"/>
        <v>-8</v>
      </c>
      <c r="BO20" s="21">
        <f t="shared" si="3"/>
        <v>-4</v>
      </c>
      <c r="BP20" s="21">
        <f t="shared" si="4"/>
        <v>-5</v>
      </c>
      <c r="BQ20" s="21">
        <f t="shared" si="5"/>
        <v>297</v>
      </c>
      <c r="BR20" s="21">
        <f t="shared" si="6"/>
        <v>-12</v>
      </c>
      <c r="BS20" s="21">
        <f t="shared" si="7"/>
        <v>956</v>
      </c>
      <c r="BT20" s="21">
        <f t="shared" si="8"/>
        <v>-5</v>
      </c>
      <c r="BU20" s="21">
        <f t="shared" si="9"/>
        <v>-2698</v>
      </c>
      <c r="BV20" s="21">
        <f t="shared" si="10"/>
        <v>-2930</v>
      </c>
      <c r="BW20" s="21">
        <f t="shared" si="11"/>
        <v>-3049</v>
      </c>
      <c r="BX20" s="21">
        <f t="shared" si="12"/>
        <v>-4071</v>
      </c>
      <c r="BY20" s="21">
        <f t="shared" si="13"/>
        <v>-3280</v>
      </c>
      <c r="BZ20" s="21">
        <f t="shared" si="14"/>
        <v>-4638</v>
      </c>
      <c r="CA20" s="21">
        <f t="shared" si="15"/>
        <v>-4979</v>
      </c>
      <c r="CB20" s="21">
        <f t="shared" si="16"/>
        <v>-3738</v>
      </c>
      <c r="CC20" s="21">
        <f t="shared" si="17"/>
        <v>-3761</v>
      </c>
      <c r="CD20" s="21">
        <f t="shared" si="18"/>
        <v>-7806</v>
      </c>
      <c r="CE20" s="21">
        <f t="shared" si="19"/>
        <v>-5804</v>
      </c>
      <c r="CF20" s="21">
        <f t="shared" si="20"/>
        <v>-6556</v>
      </c>
      <c r="CG20" s="21">
        <f t="shared" si="21"/>
        <v>-8811</v>
      </c>
      <c r="CH20" s="21">
        <f t="shared" si="22"/>
        <v>-51672</v>
      </c>
      <c r="CI20" s="21">
        <f t="shared" si="23"/>
        <v>-54007</v>
      </c>
      <c r="CJ20" s="21">
        <f t="shared" si="24"/>
        <v>-9569</v>
      </c>
      <c r="CK20" s="21">
        <f t="shared" si="25"/>
        <v>-2005</v>
      </c>
      <c r="CL20" s="16"/>
    </row>
    <row r="21" spans="1:90" x14ac:dyDescent="0.7">
      <c r="A21" s="7"/>
      <c r="D21" s="8" t="s">
        <v>29</v>
      </c>
      <c r="E21" s="42">
        <v>4006</v>
      </c>
      <c r="F21" s="42">
        <v>3724</v>
      </c>
      <c r="G21" s="42">
        <v>3616</v>
      </c>
      <c r="H21" s="42">
        <v>3131</v>
      </c>
      <c r="I21" s="42">
        <v>2267</v>
      </c>
      <c r="J21" s="42">
        <v>2451</v>
      </c>
      <c r="K21" s="42">
        <v>2296</v>
      </c>
      <c r="L21" s="42">
        <v>2012</v>
      </c>
      <c r="M21" s="42">
        <v>1628</v>
      </c>
      <c r="N21" s="42">
        <v>1682</v>
      </c>
      <c r="O21" s="42">
        <v>1447</v>
      </c>
      <c r="P21" s="42">
        <v>1319</v>
      </c>
      <c r="Q21" s="42">
        <v>1051</v>
      </c>
      <c r="R21" s="42">
        <v>1079</v>
      </c>
      <c r="S21" s="42">
        <v>1041</v>
      </c>
      <c r="T21" s="42">
        <v>1029</v>
      </c>
      <c r="U21" s="42">
        <v>507</v>
      </c>
      <c r="V21" s="42">
        <v>482</v>
      </c>
      <c r="W21" s="42">
        <v>407</v>
      </c>
      <c r="X21" s="42">
        <v>303</v>
      </c>
      <c r="Y21" s="42">
        <v>228</v>
      </c>
      <c r="Z21" s="42">
        <v>205</v>
      </c>
      <c r="AA21" s="42">
        <v>168</v>
      </c>
      <c r="AB21" s="42">
        <v>136</v>
      </c>
      <c r="AC21" s="42">
        <v>103</v>
      </c>
      <c r="AD21" s="7"/>
      <c r="AE21" s="13"/>
      <c r="AF21" s="9"/>
      <c r="AG21" s="9"/>
      <c r="AH21" s="9" t="s">
        <v>29</v>
      </c>
      <c r="AI21" s="21">
        <v>4006</v>
      </c>
      <c r="AJ21" s="21">
        <v>3724</v>
      </c>
      <c r="AK21" s="21">
        <v>3616</v>
      </c>
      <c r="AL21" s="21">
        <v>3130</v>
      </c>
      <c r="AM21" s="21">
        <v>2289</v>
      </c>
      <c r="AN21" s="21">
        <v>2466</v>
      </c>
      <c r="AO21" s="21">
        <v>2330</v>
      </c>
      <c r="AP21" s="21">
        <v>2012</v>
      </c>
      <c r="AQ21" s="21">
        <v>1603</v>
      </c>
      <c r="AR21" s="21">
        <v>1608</v>
      </c>
      <c r="AS21" s="21">
        <v>1348</v>
      </c>
      <c r="AT21" s="21">
        <v>1193</v>
      </c>
      <c r="AU21" s="21">
        <v>929</v>
      </c>
      <c r="AV21" s="21">
        <v>873</v>
      </c>
      <c r="AW21" s="21">
        <v>738</v>
      </c>
      <c r="AX21" s="21">
        <v>655</v>
      </c>
      <c r="AY21" s="21">
        <v>509</v>
      </c>
      <c r="AZ21" s="21">
        <v>474</v>
      </c>
      <c r="BA21" s="21">
        <v>397</v>
      </c>
      <c r="BB21" s="21">
        <v>303</v>
      </c>
      <c r="BC21" s="21">
        <v>228</v>
      </c>
      <c r="BD21" s="21">
        <v>205</v>
      </c>
      <c r="BE21" s="21">
        <v>168</v>
      </c>
      <c r="BF21" s="21">
        <v>136</v>
      </c>
      <c r="BG21" s="21">
        <v>103</v>
      </c>
      <c r="BH21" s="13"/>
      <c r="BI21" s="16"/>
      <c r="BJ21" s="9"/>
      <c r="BK21" s="9"/>
      <c r="BL21" s="9" t="s">
        <v>29</v>
      </c>
      <c r="BM21" s="21">
        <f t="shared" si="1"/>
        <v>0</v>
      </c>
      <c r="BN21" s="21">
        <f t="shared" si="2"/>
        <v>0</v>
      </c>
      <c r="BO21" s="21">
        <f t="shared" si="3"/>
        <v>0</v>
      </c>
      <c r="BP21" s="21">
        <f t="shared" si="4"/>
        <v>-1</v>
      </c>
      <c r="BQ21" s="21">
        <f t="shared" si="5"/>
        <v>22</v>
      </c>
      <c r="BR21" s="21">
        <f t="shared" si="6"/>
        <v>15</v>
      </c>
      <c r="BS21" s="21">
        <f t="shared" si="7"/>
        <v>34</v>
      </c>
      <c r="BT21" s="21">
        <f t="shared" si="8"/>
        <v>0</v>
      </c>
      <c r="BU21" s="21">
        <f t="shared" si="9"/>
        <v>-25</v>
      </c>
      <c r="BV21" s="21">
        <f t="shared" si="10"/>
        <v>-74</v>
      </c>
      <c r="BW21" s="21">
        <f t="shared" si="11"/>
        <v>-99</v>
      </c>
      <c r="BX21" s="21">
        <f t="shared" si="12"/>
        <v>-126</v>
      </c>
      <c r="BY21" s="21">
        <f t="shared" si="13"/>
        <v>-122</v>
      </c>
      <c r="BZ21" s="21">
        <f t="shared" si="14"/>
        <v>-206</v>
      </c>
      <c r="CA21" s="21">
        <f t="shared" si="15"/>
        <v>-303</v>
      </c>
      <c r="CB21" s="21">
        <f t="shared" si="16"/>
        <v>-374</v>
      </c>
      <c r="CC21" s="21">
        <f t="shared" si="17"/>
        <v>2</v>
      </c>
      <c r="CD21" s="21">
        <f t="shared" si="18"/>
        <v>-8</v>
      </c>
      <c r="CE21" s="21">
        <f t="shared" si="19"/>
        <v>-10</v>
      </c>
      <c r="CF21" s="21">
        <f t="shared" si="20"/>
        <v>0</v>
      </c>
      <c r="CG21" s="21">
        <f t="shared" si="21"/>
        <v>0</v>
      </c>
      <c r="CH21" s="21">
        <f t="shared" si="22"/>
        <v>0</v>
      </c>
      <c r="CI21" s="21">
        <f t="shared" si="23"/>
        <v>0</v>
      </c>
      <c r="CJ21" s="21">
        <f t="shared" si="24"/>
        <v>0</v>
      </c>
      <c r="CK21" s="21">
        <f t="shared" si="25"/>
        <v>0</v>
      </c>
      <c r="CL21" s="16"/>
    </row>
    <row r="22" spans="1:90" x14ac:dyDescent="0.7">
      <c r="A22" s="7"/>
      <c r="D22" s="8" t="s">
        <v>30</v>
      </c>
      <c r="E22" s="42">
        <v>73018</v>
      </c>
      <c r="F22" s="42">
        <v>69866</v>
      </c>
      <c r="G22" s="42">
        <v>80781</v>
      </c>
      <c r="H22" s="42">
        <v>73151</v>
      </c>
      <c r="I22" s="42">
        <v>57278</v>
      </c>
      <c r="J22" s="42">
        <v>75662</v>
      </c>
      <c r="K22" s="42">
        <v>88045</v>
      </c>
      <c r="L22" s="42">
        <v>88364</v>
      </c>
      <c r="M22" s="42">
        <v>78277</v>
      </c>
      <c r="N22" s="42">
        <v>91844</v>
      </c>
      <c r="O22" s="42">
        <v>86147</v>
      </c>
      <c r="P22" s="42">
        <v>85480</v>
      </c>
      <c r="Q22" s="42">
        <v>71499</v>
      </c>
      <c r="R22" s="42">
        <v>71987</v>
      </c>
      <c r="S22" s="42">
        <v>72702</v>
      </c>
      <c r="T22" s="42">
        <v>70092</v>
      </c>
      <c r="U22" s="42">
        <v>59854</v>
      </c>
      <c r="V22" s="42">
        <v>69045</v>
      </c>
      <c r="W22" s="42">
        <v>68137</v>
      </c>
      <c r="X22" s="42">
        <v>68718</v>
      </c>
      <c r="Y22" s="42">
        <v>64748</v>
      </c>
      <c r="Z22" s="42">
        <v>94566</v>
      </c>
      <c r="AA22" s="42">
        <v>97530</v>
      </c>
      <c r="AB22" s="42">
        <v>76213</v>
      </c>
      <c r="AC22" s="42">
        <v>70446</v>
      </c>
      <c r="AD22" s="7"/>
      <c r="AE22" s="13"/>
      <c r="AF22" s="9"/>
      <c r="AG22" s="9"/>
      <c r="AH22" s="9" t="s">
        <v>30</v>
      </c>
      <c r="AI22" s="21">
        <v>73018</v>
      </c>
      <c r="AJ22" s="21">
        <v>69866</v>
      </c>
      <c r="AK22" s="21">
        <v>80781</v>
      </c>
      <c r="AL22" s="21">
        <v>73151</v>
      </c>
      <c r="AM22" s="21">
        <v>57529</v>
      </c>
      <c r="AN22" s="21">
        <v>75627</v>
      </c>
      <c r="AO22" s="21">
        <v>88910</v>
      </c>
      <c r="AP22" s="21">
        <v>88364</v>
      </c>
      <c r="AQ22" s="21">
        <v>77194</v>
      </c>
      <c r="AR22" s="21">
        <v>90766</v>
      </c>
      <c r="AS22" s="21">
        <v>84993</v>
      </c>
      <c r="AT22" s="21">
        <v>83857</v>
      </c>
      <c r="AU22" s="21">
        <v>70270</v>
      </c>
      <c r="AV22" s="21">
        <v>70141</v>
      </c>
      <c r="AW22" s="21">
        <v>70864</v>
      </c>
      <c r="AX22" s="21">
        <v>69137</v>
      </c>
      <c r="AY22" s="21">
        <v>58442</v>
      </c>
      <c r="AZ22" s="21">
        <v>65552</v>
      </c>
      <c r="BA22" s="21">
        <v>65775</v>
      </c>
      <c r="BB22" s="21">
        <v>66323</v>
      </c>
      <c r="BC22" s="21">
        <v>59859</v>
      </c>
      <c r="BD22" s="21">
        <v>69323</v>
      </c>
      <c r="BE22" s="21">
        <v>70793</v>
      </c>
      <c r="BF22" s="21">
        <v>72272</v>
      </c>
      <c r="BG22" s="21">
        <v>68441</v>
      </c>
      <c r="BH22" s="13"/>
      <c r="BI22" s="16"/>
      <c r="BJ22" s="9"/>
      <c r="BK22" s="9"/>
      <c r="BL22" s="9" t="s">
        <v>30</v>
      </c>
      <c r="BM22" s="21">
        <f t="shared" si="1"/>
        <v>0</v>
      </c>
      <c r="BN22" s="21">
        <f t="shared" si="2"/>
        <v>0</v>
      </c>
      <c r="BO22" s="21">
        <f t="shared" si="3"/>
        <v>0</v>
      </c>
      <c r="BP22" s="21">
        <f t="shared" si="4"/>
        <v>0</v>
      </c>
      <c r="BQ22" s="21">
        <f t="shared" si="5"/>
        <v>251</v>
      </c>
      <c r="BR22" s="21">
        <f t="shared" si="6"/>
        <v>-35</v>
      </c>
      <c r="BS22" s="21">
        <f t="shared" si="7"/>
        <v>865</v>
      </c>
      <c r="BT22" s="21">
        <f t="shared" si="8"/>
        <v>0</v>
      </c>
      <c r="BU22" s="21">
        <f t="shared" si="9"/>
        <v>-1083</v>
      </c>
      <c r="BV22" s="21">
        <f t="shared" si="10"/>
        <v>-1078</v>
      </c>
      <c r="BW22" s="21">
        <f t="shared" si="11"/>
        <v>-1154</v>
      </c>
      <c r="BX22" s="21">
        <f t="shared" si="12"/>
        <v>-1623</v>
      </c>
      <c r="BY22" s="21">
        <f t="shared" si="13"/>
        <v>-1229</v>
      </c>
      <c r="BZ22" s="21">
        <f t="shared" si="14"/>
        <v>-1846</v>
      </c>
      <c r="CA22" s="21">
        <f t="shared" si="15"/>
        <v>-1838</v>
      </c>
      <c r="CB22" s="21">
        <f t="shared" si="16"/>
        <v>-955</v>
      </c>
      <c r="CC22" s="21">
        <f t="shared" si="17"/>
        <v>-1412</v>
      </c>
      <c r="CD22" s="21">
        <f t="shared" si="18"/>
        <v>-3493</v>
      </c>
      <c r="CE22" s="21">
        <f t="shared" si="19"/>
        <v>-2362</v>
      </c>
      <c r="CF22" s="21">
        <f t="shared" si="20"/>
        <v>-2395</v>
      </c>
      <c r="CG22" s="21">
        <f t="shared" si="21"/>
        <v>-4889</v>
      </c>
      <c r="CH22" s="21">
        <f t="shared" si="22"/>
        <v>-25243</v>
      </c>
      <c r="CI22" s="21">
        <f t="shared" si="23"/>
        <v>-26737</v>
      </c>
      <c r="CJ22" s="21">
        <f t="shared" si="24"/>
        <v>-3941</v>
      </c>
      <c r="CK22" s="21">
        <f t="shared" si="25"/>
        <v>-2005</v>
      </c>
      <c r="CL22" s="16"/>
    </row>
    <row r="23" spans="1:90" x14ac:dyDescent="0.7">
      <c r="A23" s="7"/>
      <c r="D23" s="8" t="s">
        <v>31</v>
      </c>
      <c r="E23" s="42">
        <v>27141</v>
      </c>
      <c r="F23" s="42">
        <v>28510</v>
      </c>
      <c r="G23" s="42">
        <v>34569</v>
      </c>
      <c r="H23" s="42">
        <v>32658</v>
      </c>
      <c r="I23" s="42">
        <v>25875</v>
      </c>
      <c r="J23" s="42">
        <v>36794</v>
      </c>
      <c r="K23" s="42">
        <v>44005</v>
      </c>
      <c r="L23" s="42">
        <v>47230</v>
      </c>
      <c r="M23" s="42">
        <v>45746</v>
      </c>
      <c r="N23" s="42">
        <v>53907</v>
      </c>
      <c r="O23" s="42">
        <v>51511</v>
      </c>
      <c r="P23" s="42">
        <v>56477</v>
      </c>
      <c r="Q23" s="42">
        <v>62813</v>
      </c>
      <c r="R23" s="42">
        <v>83389</v>
      </c>
      <c r="S23" s="42">
        <v>85766</v>
      </c>
      <c r="T23" s="42">
        <v>83415</v>
      </c>
      <c r="U23" s="42">
        <v>66141</v>
      </c>
      <c r="V23" s="42">
        <v>77802</v>
      </c>
      <c r="W23" s="42">
        <v>80055</v>
      </c>
      <c r="X23" s="42">
        <v>84326</v>
      </c>
      <c r="Y23" s="42">
        <v>81018</v>
      </c>
      <c r="Z23" s="42">
        <v>114973</v>
      </c>
      <c r="AA23" s="42">
        <v>118233</v>
      </c>
      <c r="AB23" s="42">
        <v>91544</v>
      </c>
      <c r="AC23" s="42">
        <v>70016</v>
      </c>
      <c r="AD23" s="7"/>
      <c r="AE23" s="13"/>
      <c r="AF23" s="9"/>
      <c r="AG23" s="9"/>
      <c r="AH23" s="9" t="s">
        <v>31</v>
      </c>
      <c r="AI23" s="21">
        <v>27138</v>
      </c>
      <c r="AJ23" s="21">
        <v>28502</v>
      </c>
      <c r="AK23" s="21">
        <v>34565</v>
      </c>
      <c r="AL23" s="21">
        <v>32654</v>
      </c>
      <c r="AM23" s="21">
        <v>25899</v>
      </c>
      <c r="AN23" s="21">
        <v>36802</v>
      </c>
      <c r="AO23" s="21">
        <v>44062</v>
      </c>
      <c r="AP23" s="21">
        <v>47225</v>
      </c>
      <c r="AQ23" s="21">
        <v>44156</v>
      </c>
      <c r="AR23" s="21">
        <v>52129</v>
      </c>
      <c r="AS23" s="21">
        <v>49715</v>
      </c>
      <c r="AT23" s="21">
        <v>54155</v>
      </c>
      <c r="AU23" s="21">
        <v>61100</v>
      </c>
      <c r="AV23" s="21">
        <v>81076</v>
      </c>
      <c r="AW23" s="21">
        <v>83100</v>
      </c>
      <c r="AX23" s="21">
        <v>80800</v>
      </c>
      <c r="AY23" s="21">
        <v>63777</v>
      </c>
      <c r="AZ23" s="21">
        <v>73531</v>
      </c>
      <c r="BA23" s="21">
        <v>76623</v>
      </c>
      <c r="BB23" s="21">
        <v>80165</v>
      </c>
      <c r="BC23" s="21">
        <v>77097</v>
      </c>
      <c r="BD23" s="21">
        <v>88543</v>
      </c>
      <c r="BE23" s="21">
        <v>90963</v>
      </c>
      <c r="BF23" s="21">
        <v>85916</v>
      </c>
      <c r="BG23" s="21">
        <v>70016</v>
      </c>
      <c r="BH23" s="13"/>
      <c r="BI23" s="16"/>
      <c r="BJ23" s="9"/>
      <c r="BK23" s="9"/>
      <c r="BL23" s="9" t="s">
        <v>31</v>
      </c>
      <c r="BM23" s="21">
        <f t="shared" si="1"/>
        <v>-3</v>
      </c>
      <c r="BN23" s="21">
        <f t="shared" si="2"/>
        <v>-8</v>
      </c>
      <c r="BO23" s="21">
        <f t="shared" si="3"/>
        <v>-4</v>
      </c>
      <c r="BP23" s="21">
        <f t="shared" si="4"/>
        <v>-4</v>
      </c>
      <c r="BQ23" s="21">
        <f t="shared" si="5"/>
        <v>24</v>
      </c>
      <c r="BR23" s="21">
        <f t="shared" si="6"/>
        <v>8</v>
      </c>
      <c r="BS23" s="21">
        <f t="shared" si="7"/>
        <v>57</v>
      </c>
      <c r="BT23" s="21">
        <f t="shared" si="8"/>
        <v>-5</v>
      </c>
      <c r="BU23" s="21">
        <f t="shared" si="9"/>
        <v>-1590</v>
      </c>
      <c r="BV23" s="21">
        <f t="shared" si="10"/>
        <v>-1778</v>
      </c>
      <c r="BW23" s="21">
        <f t="shared" si="11"/>
        <v>-1796</v>
      </c>
      <c r="BX23" s="21">
        <f t="shared" si="12"/>
        <v>-2322</v>
      </c>
      <c r="BY23" s="21">
        <f t="shared" si="13"/>
        <v>-1713</v>
      </c>
      <c r="BZ23" s="21">
        <f t="shared" si="14"/>
        <v>-2313</v>
      </c>
      <c r="CA23" s="21">
        <f t="shared" si="15"/>
        <v>-2666</v>
      </c>
      <c r="CB23" s="21">
        <f t="shared" si="16"/>
        <v>-2615</v>
      </c>
      <c r="CC23" s="21">
        <f t="shared" si="17"/>
        <v>-2364</v>
      </c>
      <c r="CD23" s="21">
        <f t="shared" si="18"/>
        <v>-4271</v>
      </c>
      <c r="CE23" s="21">
        <f t="shared" si="19"/>
        <v>-3432</v>
      </c>
      <c r="CF23" s="21">
        <f t="shared" si="20"/>
        <v>-4161</v>
      </c>
      <c r="CG23" s="21">
        <f t="shared" si="21"/>
        <v>-3921</v>
      </c>
      <c r="CH23" s="21">
        <f t="shared" si="22"/>
        <v>-26430</v>
      </c>
      <c r="CI23" s="21">
        <f t="shared" si="23"/>
        <v>-27270</v>
      </c>
      <c r="CJ23" s="21">
        <f t="shared" si="24"/>
        <v>-5628</v>
      </c>
      <c r="CK23" s="21">
        <f t="shared" si="25"/>
        <v>0</v>
      </c>
      <c r="CL23" s="16"/>
    </row>
    <row r="24" spans="1:90" x14ac:dyDescent="0.7">
      <c r="A24" s="7"/>
      <c r="D24" s="8" t="s">
        <v>32</v>
      </c>
      <c r="E24" s="42">
        <v>3664</v>
      </c>
      <c r="F24" s="42">
        <v>2953</v>
      </c>
      <c r="G24" s="42">
        <v>3621</v>
      </c>
      <c r="H24" s="42">
        <v>3069</v>
      </c>
      <c r="I24" s="42">
        <v>2273</v>
      </c>
      <c r="J24" s="42">
        <v>3062</v>
      </c>
      <c r="K24" s="42">
        <v>3791</v>
      </c>
      <c r="L24" s="42">
        <v>4118</v>
      </c>
      <c r="M24" s="42">
        <v>3626</v>
      </c>
      <c r="N24" s="42">
        <v>4184</v>
      </c>
      <c r="O24" s="42">
        <v>4063</v>
      </c>
      <c r="P24" s="42">
        <v>4338</v>
      </c>
      <c r="Q24" s="42">
        <v>3991</v>
      </c>
      <c r="R24" s="42">
        <v>4563</v>
      </c>
      <c r="S24" s="42">
        <v>4574</v>
      </c>
      <c r="T24" s="42">
        <v>4816</v>
      </c>
      <c r="U24" s="42">
        <v>4240</v>
      </c>
      <c r="V24" s="42">
        <v>4924</v>
      </c>
      <c r="W24" s="42">
        <v>4864</v>
      </c>
      <c r="X24" s="42">
        <v>5403</v>
      </c>
      <c r="Y24" s="42">
        <v>4865</v>
      </c>
      <c r="Z24" s="42">
        <v>6087</v>
      </c>
      <c r="AA24" s="42">
        <v>6204</v>
      </c>
      <c r="AB24" s="42">
        <v>5801</v>
      </c>
      <c r="AC24" s="42">
        <v>4928</v>
      </c>
      <c r="AD24" s="7"/>
      <c r="AE24" s="13"/>
      <c r="AF24" s="9"/>
      <c r="AG24" s="9"/>
      <c r="AH24" s="9" t="s">
        <v>32</v>
      </c>
      <c r="AI24" s="21">
        <v>3663</v>
      </c>
      <c r="AJ24" s="21">
        <v>2953</v>
      </c>
      <c r="AK24" s="21">
        <v>3621</v>
      </c>
      <c r="AL24" s="21">
        <v>3068</v>
      </c>
      <c r="AM24" s="21">
        <v>2278</v>
      </c>
      <c r="AN24" s="21">
        <v>3064</v>
      </c>
      <c r="AO24" s="21">
        <v>3799</v>
      </c>
      <c r="AP24" s="21">
        <v>4117</v>
      </c>
      <c r="AQ24" s="21">
        <v>3218</v>
      </c>
      <c r="AR24" s="21">
        <v>3697</v>
      </c>
      <c r="AS24" s="21">
        <v>3563</v>
      </c>
      <c r="AT24" s="21">
        <v>3821</v>
      </c>
      <c r="AU24" s="21">
        <v>3628</v>
      </c>
      <c r="AV24" s="21">
        <v>4025</v>
      </c>
      <c r="AW24" s="21">
        <v>4023</v>
      </c>
      <c r="AX24" s="21">
        <v>4291</v>
      </c>
      <c r="AY24" s="21">
        <v>3860</v>
      </c>
      <c r="AZ24" s="21">
        <v>4340</v>
      </c>
      <c r="BA24" s="21">
        <v>4402</v>
      </c>
      <c r="BB24" s="21">
        <v>4694</v>
      </c>
      <c r="BC24" s="21">
        <v>4221</v>
      </c>
      <c r="BD24" s="21">
        <v>4686</v>
      </c>
      <c r="BE24" s="21">
        <v>4733</v>
      </c>
      <c r="BF24" s="21">
        <v>5028</v>
      </c>
      <c r="BG24" s="21">
        <v>5155</v>
      </c>
      <c r="BH24" s="13"/>
      <c r="BI24" s="16"/>
      <c r="BJ24" s="9"/>
      <c r="BK24" s="9"/>
      <c r="BL24" s="9" t="s">
        <v>32</v>
      </c>
      <c r="BM24" s="21">
        <f t="shared" si="1"/>
        <v>-1</v>
      </c>
      <c r="BN24" s="21">
        <f t="shared" si="2"/>
        <v>0</v>
      </c>
      <c r="BO24" s="21">
        <f t="shared" si="3"/>
        <v>0</v>
      </c>
      <c r="BP24" s="21">
        <f t="shared" si="4"/>
        <v>-1</v>
      </c>
      <c r="BQ24" s="21">
        <f t="shared" si="5"/>
        <v>5</v>
      </c>
      <c r="BR24" s="21">
        <f t="shared" si="6"/>
        <v>2</v>
      </c>
      <c r="BS24" s="21">
        <f t="shared" si="7"/>
        <v>8</v>
      </c>
      <c r="BT24" s="21">
        <f t="shared" si="8"/>
        <v>-1</v>
      </c>
      <c r="BU24" s="21">
        <f t="shared" si="9"/>
        <v>-408</v>
      </c>
      <c r="BV24" s="21">
        <f t="shared" si="10"/>
        <v>-487</v>
      </c>
      <c r="BW24" s="21">
        <f t="shared" si="11"/>
        <v>-500</v>
      </c>
      <c r="BX24" s="21">
        <f t="shared" si="12"/>
        <v>-517</v>
      </c>
      <c r="BY24" s="21">
        <f t="shared" si="13"/>
        <v>-363</v>
      </c>
      <c r="BZ24" s="21">
        <f t="shared" si="14"/>
        <v>-538</v>
      </c>
      <c r="CA24" s="21">
        <f t="shared" si="15"/>
        <v>-551</v>
      </c>
      <c r="CB24" s="21">
        <f t="shared" si="16"/>
        <v>-525</v>
      </c>
      <c r="CC24" s="21">
        <f t="shared" si="17"/>
        <v>-380</v>
      </c>
      <c r="CD24" s="21">
        <f t="shared" si="18"/>
        <v>-584</v>
      </c>
      <c r="CE24" s="21">
        <f t="shared" si="19"/>
        <v>-462</v>
      </c>
      <c r="CF24" s="21">
        <f t="shared" si="20"/>
        <v>-709</v>
      </c>
      <c r="CG24" s="21">
        <f t="shared" si="21"/>
        <v>-644</v>
      </c>
      <c r="CH24" s="21">
        <f t="shared" si="22"/>
        <v>-1401</v>
      </c>
      <c r="CI24" s="21">
        <f t="shared" si="23"/>
        <v>-1471</v>
      </c>
      <c r="CJ24" s="21">
        <f t="shared" si="24"/>
        <v>-773</v>
      </c>
      <c r="CK24" s="21">
        <f t="shared" si="25"/>
        <v>227</v>
      </c>
      <c r="CL24" s="16"/>
    </row>
    <row r="25" spans="1:90" x14ac:dyDescent="0.7">
      <c r="A25" s="7"/>
      <c r="D25" s="8" t="s">
        <v>33</v>
      </c>
      <c r="E25" s="42">
        <v>3664</v>
      </c>
      <c r="F25" s="42">
        <v>2953</v>
      </c>
      <c r="G25" s="42">
        <v>3621</v>
      </c>
      <c r="H25" s="42">
        <v>3069</v>
      </c>
      <c r="I25" s="42">
        <v>2273</v>
      </c>
      <c r="J25" s="42">
        <v>3062</v>
      </c>
      <c r="K25" s="42">
        <v>3791</v>
      </c>
      <c r="L25" s="42">
        <v>4118</v>
      </c>
      <c r="M25" s="42">
        <v>3626</v>
      </c>
      <c r="N25" s="42">
        <v>4184</v>
      </c>
      <c r="O25" s="42">
        <v>4063</v>
      </c>
      <c r="P25" s="42">
        <v>4338</v>
      </c>
      <c r="Q25" s="42">
        <v>3991</v>
      </c>
      <c r="R25" s="42">
        <v>4563</v>
      </c>
      <c r="S25" s="42">
        <v>4574</v>
      </c>
      <c r="T25" s="42">
        <v>4816</v>
      </c>
      <c r="U25" s="42">
        <v>4240</v>
      </c>
      <c r="V25" s="42">
        <v>4924</v>
      </c>
      <c r="W25" s="42">
        <v>4864</v>
      </c>
      <c r="X25" s="42">
        <v>5403</v>
      </c>
      <c r="Y25" s="42">
        <v>4865</v>
      </c>
      <c r="Z25" s="42">
        <v>6087</v>
      </c>
      <c r="AA25" s="42">
        <v>6204</v>
      </c>
      <c r="AB25" s="42">
        <v>5801</v>
      </c>
      <c r="AC25" s="42">
        <v>4928</v>
      </c>
      <c r="AD25" s="7"/>
      <c r="AE25" s="13"/>
      <c r="AF25" s="9"/>
      <c r="AG25" s="9"/>
      <c r="AH25" s="9" t="s">
        <v>33</v>
      </c>
      <c r="AI25" s="21">
        <v>3663</v>
      </c>
      <c r="AJ25" s="21">
        <v>2953</v>
      </c>
      <c r="AK25" s="21">
        <v>3621</v>
      </c>
      <c r="AL25" s="21">
        <v>3068</v>
      </c>
      <c r="AM25" s="21">
        <v>2278</v>
      </c>
      <c r="AN25" s="21">
        <v>3064</v>
      </c>
      <c r="AO25" s="21">
        <v>3799</v>
      </c>
      <c r="AP25" s="21">
        <v>4117</v>
      </c>
      <c r="AQ25" s="21">
        <v>3218</v>
      </c>
      <c r="AR25" s="21">
        <v>3697</v>
      </c>
      <c r="AS25" s="21">
        <v>3563</v>
      </c>
      <c r="AT25" s="21">
        <v>3821</v>
      </c>
      <c r="AU25" s="21">
        <v>3628</v>
      </c>
      <c r="AV25" s="21">
        <v>4025</v>
      </c>
      <c r="AW25" s="21">
        <v>4023</v>
      </c>
      <c r="AX25" s="21">
        <v>4291</v>
      </c>
      <c r="AY25" s="21">
        <v>3860</v>
      </c>
      <c r="AZ25" s="21">
        <v>4340</v>
      </c>
      <c r="BA25" s="21">
        <v>4402</v>
      </c>
      <c r="BB25" s="21">
        <v>4694</v>
      </c>
      <c r="BC25" s="21">
        <v>4221</v>
      </c>
      <c r="BD25" s="21">
        <v>4686</v>
      </c>
      <c r="BE25" s="21">
        <v>4733</v>
      </c>
      <c r="BF25" s="21">
        <v>5028</v>
      </c>
      <c r="BG25" s="21">
        <v>5155</v>
      </c>
      <c r="BH25" s="13"/>
      <c r="BI25" s="16"/>
      <c r="BJ25" s="9"/>
      <c r="BK25" s="9"/>
      <c r="BL25" s="9" t="s">
        <v>33</v>
      </c>
      <c r="BM25" s="21">
        <f t="shared" si="1"/>
        <v>-1</v>
      </c>
      <c r="BN25" s="21">
        <f t="shared" si="2"/>
        <v>0</v>
      </c>
      <c r="BO25" s="21">
        <f t="shared" si="3"/>
        <v>0</v>
      </c>
      <c r="BP25" s="21">
        <f t="shared" si="4"/>
        <v>-1</v>
      </c>
      <c r="BQ25" s="21">
        <f t="shared" si="5"/>
        <v>5</v>
      </c>
      <c r="BR25" s="21">
        <f t="shared" si="6"/>
        <v>2</v>
      </c>
      <c r="BS25" s="21">
        <f t="shared" si="7"/>
        <v>8</v>
      </c>
      <c r="BT25" s="21">
        <f t="shared" si="8"/>
        <v>-1</v>
      </c>
      <c r="BU25" s="21">
        <f t="shared" si="9"/>
        <v>-408</v>
      </c>
      <c r="BV25" s="21">
        <f t="shared" si="10"/>
        <v>-487</v>
      </c>
      <c r="BW25" s="21">
        <f t="shared" si="11"/>
        <v>-500</v>
      </c>
      <c r="BX25" s="21">
        <f t="shared" si="12"/>
        <v>-517</v>
      </c>
      <c r="BY25" s="21">
        <f t="shared" si="13"/>
        <v>-363</v>
      </c>
      <c r="BZ25" s="21">
        <f t="shared" si="14"/>
        <v>-538</v>
      </c>
      <c r="CA25" s="21">
        <f t="shared" si="15"/>
        <v>-551</v>
      </c>
      <c r="CB25" s="21">
        <f t="shared" si="16"/>
        <v>-525</v>
      </c>
      <c r="CC25" s="21">
        <f t="shared" si="17"/>
        <v>-380</v>
      </c>
      <c r="CD25" s="21">
        <f t="shared" si="18"/>
        <v>-584</v>
      </c>
      <c r="CE25" s="21">
        <f t="shared" si="19"/>
        <v>-462</v>
      </c>
      <c r="CF25" s="21">
        <f t="shared" si="20"/>
        <v>-709</v>
      </c>
      <c r="CG25" s="21">
        <f t="shared" si="21"/>
        <v>-644</v>
      </c>
      <c r="CH25" s="21">
        <f t="shared" si="22"/>
        <v>-1401</v>
      </c>
      <c r="CI25" s="21">
        <f t="shared" si="23"/>
        <v>-1471</v>
      </c>
      <c r="CJ25" s="21">
        <f t="shared" si="24"/>
        <v>-773</v>
      </c>
      <c r="CK25" s="21">
        <f t="shared" si="25"/>
        <v>227</v>
      </c>
      <c r="CL25" s="16"/>
    </row>
    <row r="26" spans="1:90" x14ac:dyDescent="0.7">
      <c r="A26" s="7"/>
      <c r="B26" s="8" t="s">
        <v>44</v>
      </c>
      <c r="C26" s="8" t="s">
        <v>26</v>
      </c>
      <c r="D26" s="8" t="s">
        <v>45</v>
      </c>
      <c r="E26" s="42">
        <v>83535</v>
      </c>
      <c r="F26" s="42">
        <v>92551</v>
      </c>
      <c r="G26" s="42">
        <v>101880</v>
      </c>
      <c r="H26" s="42">
        <v>101961</v>
      </c>
      <c r="I26" s="42">
        <v>71300</v>
      </c>
      <c r="J26" s="42">
        <v>105186</v>
      </c>
      <c r="K26" s="42">
        <v>107540</v>
      </c>
      <c r="L26" s="42">
        <v>107386</v>
      </c>
      <c r="M26" s="42">
        <v>93531</v>
      </c>
      <c r="N26" s="42">
        <v>111634</v>
      </c>
      <c r="O26" s="42">
        <v>107350</v>
      </c>
      <c r="P26" s="42">
        <v>109773</v>
      </c>
      <c r="Q26" s="42">
        <v>96502</v>
      </c>
      <c r="R26" s="42">
        <v>107809</v>
      </c>
      <c r="S26" s="42">
        <v>102303</v>
      </c>
      <c r="T26" s="42">
        <v>105997</v>
      </c>
      <c r="U26" s="42">
        <v>93174</v>
      </c>
      <c r="V26" s="42">
        <v>111323</v>
      </c>
      <c r="W26" s="42">
        <v>105290</v>
      </c>
      <c r="X26" s="42">
        <v>108188</v>
      </c>
      <c r="Y26" s="42">
        <v>97665</v>
      </c>
      <c r="Z26" s="42">
        <v>120581</v>
      </c>
      <c r="AA26" s="42">
        <v>117475</v>
      </c>
      <c r="AB26" s="42">
        <v>124222</v>
      </c>
      <c r="AC26" s="42">
        <v>106817</v>
      </c>
      <c r="AD26" s="7"/>
      <c r="AE26" s="13"/>
      <c r="AF26" s="9" t="s">
        <v>44</v>
      </c>
      <c r="AG26" s="9" t="s">
        <v>26</v>
      </c>
      <c r="AH26" s="9" t="s">
        <v>45</v>
      </c>
      <c r="AI26" s="21">
        <v>84182</v>
      </c>
      <c r="AJ26" s="21">
        <v>93512</v>
      </c>
      <c r="AK26" s="21">
        <v>103152</v>
      </c>
      <c r="AL26" s="21">
        <v>103343</v>
      </c>
      <c r="AM26" s="21">
        <v>72492</v>
      </c>
      <c r="AN26" s="21">
        <v>106971</v>
      </c>
      <c r="AO26" s="21">
        <v>110637</v>
      </c>
      <c r="AP26" s="21">
        <v>110208</v>
      </c>
      <c r="AQ26" s="21">
        <v>95075</v>
      </c>
      <c r="AR26" s="21">
        <v>113962</v>
      </c>
      <c r="AS26" s="21">
        <v>109925</v>
      </c>
      <c r="AT26" s="21">
        <v>112269</v>
      </c>
      <c r="AU26" s="21">
        <v>102142</v>
      </c>
      <c r="AV26" s="21">
        <v>112478</v>
      </c>
      <c r="AW26" s="21">
        <v>105919</v>
      </c>
      <c r="AX26" s="21">
        <v>112174</v>
      </c>
      <c r="AY26" s="21">
        <v>102066</v>
      </c>
      <c r="AZ26" s="21">
        <v>115504</v>
      </c>
      <c r="BA26" s="21">
        <v>109523</v>
      </c>
      <c r="BB26" s="21">
        <v>114645</v>
      </c>
      <c r="BC26" s="21">
        <v>101018</v>
      </c>
      <c r="BD26" s="21">
        <v>117899</v>
      </c>
      <c r="BE26" s="21">
        <v>114839</v>
      </c>
      <c r="BF26" s="21">
        <v>121355</v>
      </c>
      <c r="BG26" s="21">
        <v>105650</v>
      </c>
      <c r="BH26" s="13"/>
      <c r="BI26" s="16"/>
      <c r="BJ26" s="9" t="s">
        <v>44</v>
      </c>
      <c r="BK26" s="9" t="s">
        <v>26</v>
      </c>
      <c r="BL26" s="9" t="s">
        <v>45</v>
      </c>
      <c r="BM26" s="21">
        <f t="shared" si="1"/>
        <v>647</v>
      </c>
      <c r="BN26" s="21">
        <f t="shared" si="2"/>
        <v>961</v>
      </c>
      <c r="BO26" s="21">
        <f t="shared" si="3"/>
        <v>1272</v>
      </c>
      <c r="BP26" s="21">
        <f t="shared" si="4"/>
        <v>1382</v>
      </c>
      <c r="BQ26" s="21">
        <f t="shared" si="5"/>
        <v>1192</v>
      </c>
      <c r="BR26" s="21">
        <f t="shared" si="6"/>
        <v>1785</v>
      </c>
      <c r="BS26" s="21">
        <f t="shared" si="7"/>
        <v>3097</v>
      </c>
      <c r="BT26" s="21">
        <f t="shared" si="8"/>
        <v>2822</v>
      </c>
      <c r="BU26" s="21">
        <f t="shared" si="9"/>
        <v>1544</v>
      </c>
      <c r="BV26" s="21">
        <f t="shared" si="10"/>
        <v>2328</v>
      </c>
      <c r="BW26" s="21">
        <f t="shared" si="11"/>
        <v>2575</v>
      </c>
      <c r="BX26" s="21">
        <f t="shared" si="12"/>
        <v>2496</v>
      </c>
      <c r="BY26" s="21">
        <f t="shared" si="13"/>
        <v>5640</v>
      </c>
      <c r="BZ26" s="21">
        <f t="shared" si="14"/>
        <v>4669</v>
      </c>
      <c r="CA26" s="21">
        <f t="shared" si="15"/>
        <v>3616</v>
      </c>
      <c r="CB26" s="21">
        <f t="shared" si="16"/>
        <v>6177</v>
      </c>
      <c r="CC26" s="21">
        <f t="shared" si="17"/>
        <v>8892</v>
      </c>
      <c r="CD26" s="21">
        <f t="shared" si="18"/>
        <v>4181</v>
      </c>
      <c r="CE26" s="21">
        <f t="shared" si="19"/>
        <v>4233</v>
      </c>
      <c r="CF26" s="21">
        <f t="shared" si="20"/>
        <v>6457</v>
      </c>
      <c r="CG26" s="21">
        <f t="shared" si="21"/>
        <v>3353</v>
      </c>
      <c r="CH26" s="21">
        <f t="shared" si="22"/>
        <v>-2682</v>
      </c>
      <c r="CI26" s="21">
        <f t="shared" si="23"/>
        <v>-2636</v>
      </c>
      <c r="CJ26" s="21">
        <f t="shared" si="24"/>
        <v>-2867</v>
      </c>
      <c r="CK26" s="21">
        <f t="shared" si="25"/>
        <v>-1167</v>
      </c>
      <c r="CL26" s="16"/>
    </row>
    <row r="27" spans="1:90" x14ac:dyDescent="0.7">
      <c r="A27" s="7"/>
      <c r="D27" s="8" t="s">
        <v>28</v>
      </c>
      <c r="E27" s="42">
        <v>80475</v>
      </c>
      <c r="F27" s="42">
        <v>89726</v>
      </c>
      <c r="G27" s="42">
        <v>98262</v>
      </c>
      <c r="H27" s="42">
        <v>98631</v>
      </c>
      <c r="I27" s="42">
        <v>69484</v>
      </c>
      <c r="J27" s="42">
        <v>102022</v>
      </c>
      <c r="K27" s="42">
        <v>103867</v>
      </c>
      <c r="L27" s="42">
        <v>103278</v>
      </c>
      <c r="M27" s="42">
        <v>90103</v>
      </c>
      <c r="N27" s="42">
        <v>107408</v>
      </c>
      <c r="O27" s="42">
        <v>103242</v>
      </c>
      <c r="P27" s="42">
        <v>105109</v>
      </c>
      <c r="Q27" s="42">
        <v>92485</v>
      </c>
      <c r="R27" s="42">
        <v>103157</v>
      </c>
      <c r="S27" s="42">
        <v>97877</v>
      </c>
      <c r="T27" s="42">
        <v>100997</v>
      </c>
      <c r="U27" s="42">
        <v>88925</v>
      </c>
      <c r="V27" s="42">
        <v>106235</v>
      </c>
      <c r="W27" s="42">
        <v>100528</v>
      </c>
      <c r="X27" s="42">
        <v>102750</v>
      </c>
      <c r="Y27" s="42">
        <v>93033</v>
      </c>
      <c r="Z27" s="42">
        <v>114955</v>
      </c>
      <c r="AA27" s="42">
        <v>111970</v>
      </c>
      <c r="AB27" s="42">
        <v>117933</v>
      </c>
      <c r="AC27" s="42">
        <v>101409</v>
      </c>
      <c r="AD27" s="7"/>
      <c r="AE27" s="13"/>
      <c r="AF27" s="9"/>
      <c r="AG27" s="9"/>
      <c r="AH27" s="9" t="s">
        <v>28</v>
      </c>
      <c r="AI27" s="21">
        <v>81115</v>
      </c>
      <c r="AJ27" s="21">
        <v>90677</v>
      </c>
      <c r="AK27" s="21">
        <v>99518</v>
      </c>
      <c r="AL27" s="21">
        <v>99996</v>
      </c>
      <c r="AM27" s="21">
        <v>70655</v>
      </c>
      <c r="AN27" s="21">
        <v>103782</v>
      </c>
      <c r="AO27" s="21">
        <v>106904</v>
      </c>
      <c r="AP27" s="21">
        <v>106043</v>
      </c>
      <c r="AQ27" s="21">
        <v>91823</v>
      </c>
      <c r="AR27" s="21">
        <v>109923</v>
      </c>
      <c r="AS27" s="21">
        <v>105986</v>
      </c>
      <c r="AT27" s="21">
        <v>107775</v>
      </c>
      <c r="AU27" s="21">
        <v>97706</v>
      </c>
      <c r="AV27" s="21">
        <v>107835</v>
      </c>
      <c r="AW27" s="21">
        <v>101502</v>
      </c>
      <c r="AX27" s="21">
        <v>107201</v>
      </c>
      <c r="AY27" s="21">
        <v>97309</v>
      </c>
      <c r="AZ27" s="21">
        <v>110469</v>
      </c>
      <c r="BA27" s="21">
        <v>104813</v>
      </c>
      <c r="BB27" s="21">
        <v>109302</v>
      </c>
      <c r="BC27" s="21">
        <v>96482</v>
      </c>
      <c r="BD27" s="21">
        <v>112657</v>
      </c>
      <c r="BE27" s="21">
        <v>109713</v>
      </c>
      <c r="BF27" s="21">
        <v>115497</v>
      </c>
      <c r="BG27" s="21">
        <v>100561</v>
      </c>
      <c r="BH27" s="13"/>
      <c r="BI27" s="16"/>
      <c r="BJ27" s="9"/>
      <c r="BK27" s="9"/>
      <c r="BL27" s="9" t="s">
        <v>28</v>
      </c>
      <c r="BM27" s="21">
        <f t="shared" si="1"/>
        <v>640</v>
      </c>
      <c r="BN27" s="21">
        <f t="shared" si="2"/>
        <v>951</v>
      </c>
      <c r="BO27" s="21">
        <f t="shared" si="3"/>
        <v>1256</v>
      </c>
      <c r="BP27" s="21">
        <f t="shared" si="4"/>
        <v>1365</v>
      </c>
      <c r="BQ27" s="21">
        <f t="shared" si="5"/>
        <v>1171</v>
      </c>
      <c r="BR27" s="21">
        <f t="shared" si="6"/>
        <v>1760</v>
      </c>
      <c r="BS27" s="21">
        <f t="shared" si="7"/>
        <v>3037</v>
      </c>
      <c r="BT27" s="21">
        <f t="shared" si="8"/>
        <v>2765</v>
      </c>
      <c r="BU27" s="21">
        <f t="shared" si="9"/>
        <v>1720</v>
      </c>
      <c r="BV27" s="21">
        <f t="shared" si="10"/>
        <v>2515</v>
      </c>
      <c r="BW27" s="21">
        <f t="shared" si="11"/>
        <v>2744</v>
      </c>
      <c r="BX27" s="21">
        <f t="shared" si="12"/>
        <v>2666</v>
      </c>
      <c r="BY27" s="21">
        <f t="shared" si="13"/>
        <v>5221</v>
      </c>
      <c r="BZ27" s="21">
        <f t="shared" si="14"/>
        <v>4678</v>
      </c>
      <c r="CA27" s="21">
        <f t="shared" si="15"/>
        <v>3625</v>
      </c>
      <c r="CB27" s="21">
        <f t="shared" si="16"/>
        <v>6204</v>
      </c>
      <c r="CC27" s="21">
        <f t="shared" si="17"/>
        <v>8384</v>
      </c>
      <c r="CD27" s="21">
        <f t="shared" si="18"/>
        <v>4234</v>
      </c>
      <c r="CE27" s="21">
        <f t="shared" si="19"/>
        <v>4285</v>
      </c>
      <c r="CF27" s="21">
        <f t="shared" si="20"/>
        <v>6552</v>
      </c>
      <c r="CG27" s="21">
        <f t="shared" si="21"/>
        <v>3449</v>
      </c>
      <c r="CH27" s="21">
        <f t="shared" si="22"/>
        <v>-2298</v>
      </c>
      <c r="CI27" s="21">
        <f t="shared" si="23"/>
        <v>-2257</v>
      </c>
      <c r="CJ27" s="21">
        <f t="shared" si="24"/>
        <v>-2436</v>
      </c>
      <c r="CK27" s="21">
        <f t="shared" si="25"/>
        <v>-848</v>
      </c>
      <c r="CL27" s="16"/>
    </row>
    <row r="28" spans="1:90" x14ac:dyDescent="0.7">
      <c r="A28" s="7"/>
      <c r="D28" s="8" t="s">
        <v>29</v>
      </c>
      <c r="E28" s="42">
        <v>2186</v>
      </c>
      <c r="F28" s="42">
        <v>2282</v>
      </c>
      <c r="G28" s="42">
        <v>2313</v>
      </c>
      <c r="H28" s="42">
        <v>2227</v>
      </c>
      <c r="I28" s="42">
        <v>1637</v>
      </c>
      <c r="J28" s="42">
        <v>2015</v>
      </c>
      <c r="K28" s="42">
        <v>1911</v>
      </c>
      <c r="L28" s="42">
        <v>1717</v>
      </c>
      <c r="M28" s="42">
        <v>1514</v>
      </c>
      <c r="N28" s="42">
        <v>1744</v>
      </c>
      <c r="O28" s="42">
        <v>1620</v>
      </c>
      <c r="P28" s="42">
        <v>1660</v>
      </c>
      <c r="Q28" s="42">
        <v>1463</v>
      </c>
      <c r="R28" s="42">
        <v>1781</v>
      </c>
      <c r="S28" s="42">
        <v>1898</v>
      </c>
      <c r="T28" s="42">
        <v>2122</v>
      </c>
      <c r="U28" s="42">
        <v>850</v>
      </c>
      <c r="V28" s="42">
        <v>914</v>
      </c>
      <c r="W28" s="42">
        <v>805</v>
      </c>
      <c r="X28" s="42">
        <v>751</v>
      </c>
      <c r="Y28" s="42">
        <v>649</v>
      </c>
      <c r="Z28" s="42">
        <v>668</v>
      </c>
      <c r="AA28" s="42">
        <v>588</v>
      </c>
      <c r="AB28" s="42">
        <v>566</v>
      </c>
      <c r="AC28" s="42">
        <v>468</v>
      </c>
      <c r="AD28" s="7"/>
      <c r="AE28" s="13"/>
      <c r="AF28" s="9"/>
      <c r="AG28" s="9"/>
      <c r="AH28" s="9" t="s">
        <v>29</v>
      </c>
      <c r="AI28" s="21">
        <v>2187</v>
      </c>
      <c r="AJ28" s="21">
        <v>2283</v>
      </c>
      <c r="AK28" s="21">
        <v>2314</v>
      </c>
      <c r="AL28" s="21">
        <v>2228</v>
      </c>
      <c r="AM28" s="21">
        <v>1648</v>
      </c>
      <c r="AN28" s="21">
        <v>2024</v>
      </c>
      <c r="AO28" s="21">
        <v>1932</v>
      </c>
      <c r="AP28" s="21">
        <v>1717</v>
      </c>
      <c r="AQ28" s="21">
        <v>1483</v>
      </c>
      <c r="AR28" s="21">
        <v>1614</v>
      </c>
      <c r="AS28" s="21">
        <v>1428</v>
      </c>
      <c r="AT28" s="21">
        <v>1382</v>
      </c>
      <c r="AU28" s="21">
        <v>1183</v>
      </c>
      <c r="AV28" s="21">
        <v>1201</v>
      </c>
      <c r="AW28" s="21">
        <v>1036</v>
      </c>
      <c r="AX28" s="21">
        <v>1042</v>
      </c>
      <c r="AY28" s="21">
        <v>877</v>
      </c>
      <c r="AZ28" s="21">
        <v>903</v>
      </c>
      <c r="BA28" s="21">
        <v>789</v>
      </c>
      <c r="BB28" s="21">
        <v>751</v>
      </c>
      <c r="BC28" s="21">
        <v>649</v>
      </c>
      <c r="BD28" s="21">
        <v>668</v>
      </c>
      <c r="BE28" s="21">
        <v>588</v>
      </c>
      <c r="BF28" s="21">
        <v>566</v>
      </c>
      <c r="BG28" s="21">
        <v>468</v>
      </c>
      <c r="BH28" s="13"/>
      <c r="BI28" s="16"/>
      <c r="BJ28" s="9"/>
      <c r="BK28" s="9"/>
      <c r="BL28" s="9" t="s">
        <v>29</v>
      </c>
      <c r="BM28" s="21">
        <f t="shared" si="1"/>
        <v>1</v>
      </c>
      <c r="BN28" s="21">
        <f t="shared" si="2"/>
        <v>1</v>
      </c>
      <c r="BO28" s="21">
        <f t="shared" si="3"/>
        <v>1</v>
      </c>
      <c r="BP28" s="21">
        <f t="shared" si="4"/>
        <v>1</v>
      </c>
      <c r="BQ28" s="21">
        <f t="shared" si="5"/>
        <v>11</v>
      </c>
      <c r="BR28" s="21">
        <f t="shared" si="6"/>
        <v>9</v>
      </c>
      <c r="BS28" s="21">
        <f t="shared" si="7"/>
        <v>21</v>
      </c>
      <c r="BT28" s="21">
        <f t="shared" si="8"/>
        <v>0</v>
      </c>
      <c r="BU28" s="21">
        <f t="shared" si="9"/>
        <v>-31</v>
      </c>
      <c r="BV28" s="21">
        <f t="shared" si="10"/>
        <v>-130</v>
      </c>
      <c r="BW28" s="21">
        <f t="shared" si="11"/>
        <v>-192</v>
      </c>
      <c r="BX28" s="21">
        <f t="shared" si="12"/>
        <v>-278</v>
      </c>
      <c r="BY28" s="21">
        <f t="shared" si="13"/>
        <v>-280</v>
      </c>
      <c r="BZ28" s="21">
        <f t="shared" si="14"/>
        <v>-580</v>
      </c>
      <c r="CA28" s="21">
        <f t="shared" si="15"/>
        <v>-862</v>
      </c>
      <c r="CB28" s="21">
        <f t="shared" si="16"/>
        <v>-1080</v>
      </c>
      <c r="CC28" s="21">
        <f t="shared" si="17"/>
        <v>27</v>
      </c>
      <c r="CD28" s="21">
        <f t="shared" si="18"/>
        <v>-11</v>
      </c>
      <c r="CE28" s="21">
        <f t="shared" si="19"/>
        <v>-16</v>
      </c>
      <c r="CF28" s="21">
        <f t="shared" si="20"/>
        <v>0</v>
      </c>
      <c r="CG28" s="21">
        <f t="shared" si="21"/>
        <v>0</v>
      </c>
      <c r="CH28" s="21">
        <f t="shared" si="22"/>
        <v>0</v>
      </c>
      <c r="CI28" s="21">
        <f t="shared" si="23"/>
        <v>0</v>
      </c>
      <c r="CJ28" s="21">
        <f t="shared" si="24"/>
        <v>0</v>
      </c>
      <c r="CK28" s="21">
        <f t="shared" si="25"/>
        <v>0</v>
      </c>
      <c r="CL28" s="16"/>
    </row>
    <row r="29" spans="1:90" x14ac:dyDescent="0.7">
      <c r="A29" s="7"/>
      <c r="D29" s="8" t="s">
        <v>30</v>
      </c>
      <c r="E29" s="42">
        <v>64114</v>
      </c>
      <c r="F29" s="42">
        <v>71075</v>
      </c>
      <c r="G29" s="42">
        <v>78229</v>
      </c>
      <c r="H29" s="42">
        <v>77987</v>
      </c>
      <c r="I29" s="42">
        <v>53802</v>
      </c>
      <c r="J29" s="42">
        <v>80122</v>
      </c>
      <c r="K29" s="42">
        <v>81453</v>
      </c>
      <c r="L29" s="42">
        <v>80470</v>
      </c>
      <c r="M29" s="42">
        <v>68958</v>
      </c>
      <c r="N29" s="42">
        <v>82414</v>
      </c>
      <c r="O29" s="42">
        <v>78148</v>
      </c>
      <c r="P29" s="42">
        <v>78500</v>
      </c>
      <c r="Q29" s="42">
        <v>66390</v>
      </c>
      <c r="R29" s="42">
        <v>72471</v>
      </c>
      <c r="S29" s="42">
        <v>67255</v>
      </c>
      <c r="T29" s="42">
        <v>68675</v>
      </c>
      <c r="U29" s="42">
        <v>60268</v>
      </c>
      <c r="V29" s="42">
        <v>71771</v>
      </c>
      <c r="W29" s="42">
        <v>66629</v>
      </c>
      <c r="X29" s="42">
        <v>66984</v>
      </c>
      <c r="Y29" s="42">
        <v>60308</v>
      </c>
      <c r="Z29" s="42">
        <v>73212</v>
      </c>
      <c r="AA29" s="42">
        <v>70264</v>
      </c>
      <c r="AB29" s="42">
        <v>73740</v>
      </c>
      <c r="AC29" s="42">
        <v>64468</v>
      </c>
      <c r="AD29" s="7"/>
      <c r="AE29" s="13"/>
      <c r="AF29" s="9"/>
      <c r="AG29" s="9"/>
      <c r="AH29" s="9" t="s">
        <v>30</v>
      </c>
      <c r="AI29" s="21">
        <v>64508</v>
      </c>
      <c r="AJ29" s="21">
        <v>71659</v>
      </c>
      <c r="AK29" s="21">
        <v>78989</v>
      </c>
      <c r="AL29" s="21">
        <v>78796</v>
      </c>
      <c r="AM29" s="21">
        <v>54536</v>
      </c>
      <c r="AN29" s="21">
        <v>81158</v>
      </c>
      <c r="AO29" s="21">
        <v>83481</v>
      </c>
      <c r="AP29" s="21">
        <v>82115</v>
      </c>
      <c r="AQ29" s="21">
        <v>70122</v>
      </c>
      <c r="AR29" s="21">
        <v>84212</v>
      </c>
      <c r="AS29" s="21">
        <v>80126</v>
      </c>
      <c r="AT29" s="21">
        <v>80518</v>
      </c>
      <c r="AU29" s="21">
        <v>70455</v>
      </c>
      <c r="AV29" s="21">
        <v>76362</v>
      </c>
      <c r="AW29" s="21">
        <v>70509</v>
      </c>
      <c r="AX29" s="21">
        <v>74428</v>
      </c>
      <c r="AY29" s="21">
        <v>66276</v>
      </c>
      <c r="AZ29" s="21">
        <v>74559</v>
      </c>
      <c r="BA29" s="21">
        <v>69035</v>
      </c>
      <c r="BB29" s="21">
        <v>71430</v>
      </c>
      <c r="BC29" s="21">
        <v>61695</v>
      </c>
      <c r="BD29" s="21">
        <v>72035</v>
      </c>
      <c r="BE29" s="21">
        <v>69077</v>
      </c>
      <c r="BF29" s="21">
        <v>72323</v>
      </c>
      <c r="BG29" s="21">
        <v>63620</v>
      </c>
      <c r="BH29" s="13"/>
      <c r="BI29" s="16"/>
      <c r="BJ29" s="9"/>
      <c r="BK29" s="9"/>
      <c r="BL29" s="9" t="s">
        <v>30</v>
      </c>
      <c r="BM29" s="21">
        <f t="shared" si="1"/>
        <v>394</v>
      </c>
      <c r="BN29" s="21">
        <f t="shared" si="2"/>
        <v>584</v>
      </c>
      <c r="BO29" s="21">
        <f t="shared" si="3"/>
        <v>760</v>
      </c>
      <c r="BP29" s="21">
        <f t="shared" si="4"/>
        <v>809</v>
      </c>
      <c r="BQ29" s="21">
        <f t="shared" si="5"/>
        <v>734</v>
      </c>
      <c r="BR29" s="21">
        <f t="shared" si="6"/>
        <v>1036</v>
      </c>
      <c r="BS29" s="21">
        <f t="shared" si="7"/>
        <v>2028</v>
      </c>
      <c r="BT29" s="21">
        <f t="shared" si="8"/>
        <v>1645</v>
      </c>
      <c r="BU29" s="21">
        <f t="shared" si="9"/>
        <v>1164</v>
      </c>
      <c r="BV29" s="21">
        <f t="shared" si="10"/>
        <v>1798</v>
      </c>
      <c r="BW29" s="21">
        <f t="shared" si="11"/>
        <v>1978</v>
      </c>
      <c r="BX29" s="21">
        <f t="shared" si="12"/>
        <v>2018</v>
      </c>
      <c r="BY29" s="21">
        <f t="shared" si="13"/>
        <v>4065</v>
      </c>
      <c r="BZ29" s="21">
        <f t="shared" si="14"/>
        <v>3891</v>
      </c>
      <c r="CA29" s="21">
        <f t="shared" si="15"/>
        <v>3254</v>
      </c>
      <c r="CB29" s="21">
        <f t="shared" si="16"/>
        <v>5753</v>
      </c>
      <c r="CC29" s="21">
        <f t="shared" si="17"/>
        <v>6008</v>
      </c>
      <c r="CD29" s="21">
        <f t="shared" si="18"/>
        <v>2788</v>
      </c>
      <c r="CE29" s="21">
        <f t="shared" si="19"/>
        <v>2406</v>
      </c>
      <c r="CF29" s="21">
        <f t="shared" si="20"/>
        <v>4446</v>
      </c>
      <c r="CG29" s="21">
        <f t="shared" si="21"/>
        <v>1387</v>
      </c>
      <c r="CH29" s="21">
        <f t="shared" si="22"/>
        <v>-1177</v>
      </c>
      <c r="CI29" s="21">
        <f t="shared" si="23"/>
        <v>-1187</v>
      </c>
      <c r="CJ29" s="21">
        <f t="shared" si="24"/>
        <v>-1417</v>
      </c>
      <c r="CK29" s="21">
        <f t="shared" si="25"/>
        <v>-848</v>
      </c>
      <c r="CL29" s="16"/>
    </row>
    <row r="30" spans="1:90" x14ac:dyDescent="0.7">
      <c r="A30" s="7"/>
      <c r="D30" s="8" t="s">
        <v>31</v>
      </c>
      <c r="E30" s="42">
        <v>14175</v>
      </c>
      <c r="F30" s="42">
        <v>16369</v>
      </c>
      <c r="G30" s="42">
        <v>17720</v>
      </c>
      <c r="H30" s="42">
        <v>18417</v>
      </c>
      <c r="I30" s="42">
        <v>14045</v>
      </c>
      <c r="J30" s="42">
        <v>19885</v>
      </c>
      <c r="K30" s="42">
        <v>20503</v>
      </c>
      <c r="L30" s="42">
        <v>21091</v>
      </c>
      <c r="M30" s="42">
        <v>19631</v>
      </c>
      <c r="N30" s="42">
        <v>23250</v>
      </c>
      <c r="O30" s="42">
        <v>23474</v>
      </c>
      <c r="P30" s="42">
        <v>24949</v>
      </c>
      <c r="Q30" s="42">
        <v>24632</v>
      </c>
      <c r="R30" s="42">
        <v>28906</v>
      </c>
      <c r="S30" s="42">
        <v>28724</v>
      </c>
      <c r="T30" s="42">
        <v>30200</v>
      </c>
      <c r="U30" s="42">
        <v>27807</v>
      </c>
      <c r="V30" s="42">
        <v>33550</v>
      </c>
      <c r="W30" s="42">
        <v>33094</v>
      </c>
      <c r="X30" s="42">
        <v>35015</v>
      </c>
      <c r="Y30" s="42">
        <v>32076</v>
      </c>
      <c r="Z30" s="42">
        <v>41075</v>
      </c>
      <c r="AA30" s="42">
        <v>41118</v>
      </c>
      <c r="AB30" s="42">
        <v>43627</v>
      </c>
      <c r="AC30" s="42">
        <v>36472</v>
      </c>
      <c r="AD30" s="7"/>
      <c r="AE30" s="13"/>
      <c r="AF30" s="9"/>
      <c r="AG30" s="9"/>
      <c r="AH30" s="9" t="s">
        <v>31</v>
      </c>
      <c r="AI30" s="21">
        <v>14421</v>
      </c>
      <c r="AJ30" s="21">
        <v>16735</v>
      </c>
      <c r="AK30" s="21">
        <v>18215</v>
      </c>
      <c r="AL30" s="21">
        <v>18972</v>
      </c>
      <c r="AM30" s="21">
        <v>14470</v>
      </c>
      <c r="AN30" s="21">
        <v>20600</v>
      </c>
      <c r="AO30" s="21">
        <v>21490</v>
      </c>
      <c r="AP30" s="21">
        <v>22210</v>
      </c>
      <c r="AQ30" s="21">
        <v>20218</v>
      </c>
      <c r="AR30" s="21">
        <v>24096</v>
      </c>
      <c r="AS30" s="21">
        <v>24432</v>
      </c>
      <c r="AT30" s="21">
        <v>25876</v>
      </c>
      <c r="AU30" s="21">
        <v>26160</v>
      </c>
      <c r="AV30" s="21">
        <v>30376</v>
      </c>
      <c r="AW30" s="21">
        <v>30061</v>
      </c>
      <c r="AX30" s="21">
        <v>31742</v>
      </c>
      <c r="AY30" s="21">
        <v>30170</v>
      </c>
      <c r="AZ30" s="21">
        <v>34970</v>
      </c>
      <c r="BA30" s="21">
        <v>34989</v>
      </c>
      <c r="BB30" s="21">
        <v>37121</v>
      </c>
      <c r="BC30" s="21">
        <v>34139</v>
      </c>
      <c r="BD30" s="21">
        <v>39954</v>
      </c>
      <c r="BE30" s="21">
        <v>40048</v>
      </c>
      <c r="BF30" s="21">
        <v>42609</v>
      </c>
      <c r="BG30" s="21">
        <v>36472</v>
      </c>
      <c r="BH30" s="13"/>
      <c r="BI30" s="16"/>
      <c r="BJ30" s="9"/>
      <c r="BK30" s="9"/>
      <c r="BL30" s="9" t="s">
        <v>31</v>
      </c>
      <c r="BM30" s="21">
        <f t="shared" si="1"/>
        <v>246</v>
      </c>
      <c r="BN30" s="21">
        <f t="shared" si="2"/>
        <v>366</v>
      </c>
      <c r="BO30" s="21">
        <f t="shared" si="3"/>
        <v>495</v>
      </c>
      <c r="BP30" s="21">
        <f t="shared" si="4"/>
        <v>555</v>
      </c>
      <c r="BQ30" s="21">
        <f t="shared" si="5"/>
        <v>425</v>
      </c>
      <c r="BR30" s="21">
        <f t="shared" si="6"/>
        <v>715</v>
      </c>
      <c r="BS30" s="21">
        <f t="shared" si="7"/>
        <v>987</v>
      </c>
      <c r="BT30" s="21">
        <f t="shared" si="8"/>
        <v>1119</v>
      </c>
      <c r="BU30" s="21">
        <f t="shared" si="9"/>
        <v>587</v>
      </c>
      <c r="BV30" s="21">
        <f t="shared" si="10"/>
        <v>846</v>
      </c>
      <c r="BW30" s="21">
        <f t="shared" si="11"/>
        <v>958</v>
      </c>
      <c r="BX30" s="21">
        <f t="shared" si="12"/>
        <v>927</v>
      </c>
      <c r="BY30" s="21">
        <f t="shared" si="13"/>
        <v>1528</v>
      </c>
      <c r="BZ30" s="21">
        <f t="shared" si="14"/>
        <v>1470</v>
      </c>
      <c r="CA30" s="21">
        <f t="shared" si="15"/>
        <v>1337</v>
      </c>
      <c r="CB30" s="21">
        <f t="shared" si="16"/>
        <v>1542</v>
      </c>
      <c r="CC30" s="21">
        <f t="shared" si="17"/>
        <v>2363</v>
      </c>
      <c r="CD30" s="21">
        <f t="shared" si="18"/>
        <v>1420</v>
      </c>
      <c r="CE30" s="21">
        <f t="shared" si="19"/>
        <v>1895</v>
      </c>
      <c r="CF30" s="21">
        <f t="shared" si="20"/>
        <v>2106</v>
      </c>
      <c r="CG30" s="21">
        <f t="shared" si="21"/>
        <v>2063</v>
      </c>
      <c r="CH30" s="21">
        <f t="shared" si="22"/>
        <v>-1121</v>
      </c>
      <c r="CI30" s="21">
        <f t="shared" si="23"/>
        <v>-1070</v>
      </c>
      <c r="CJ30" s="21">
        <f t="shared" si="24"/>
        <v>-1018</v>
      </c>
      <c r="CK30" s="21">
        <f t="shared" si="25"/>
        <v>0</v>
      </c>
      <c r="CL30" s="16"/>
    </row>
    <row r="31" spans="1:90" x14ac:dyDescent="0.7">
      <c r="A31" s="7"/>
      <c r="D31" s="8" t="s">
        <v>32</v>
      </c>
      <c r="E31" s="42">
        <v>3060</v>
      </c>
      <c r="F31" s="42">
        <v>2825</v>
      </c>
      <c r="G31" s="42">
        <v>3618</v>
      </c>
      <c r="H31" s="42">
        <v>3330</v>
      </c>
      <c r="I31" s="42">
        <v>1816</v>
      </c>
      <c r="J31" s="42">
        <v>3164</v>
      </c>
      <c r="K31" s="42">
        <v>3673</v>
      </c>
      <c r="L31" s="42">
        <v>4108</v>
      </c>
      <c r="M31" s="42">
        <v>3428</v>
      </c>
      <c r="N31" s="42">
        <v>4226</v>
      </c>
      <c r="O31" s="42">
        <v>4108</v>
      </c>
      <c r="P31" s="42">
        <v>4664</v>
      </c>
      <c r="Q31" s="42">
        <v>4017</v>
      </c>
      <c r="R31" s="42">
        <v>4651</v>
      </c>
      <c r="S31" s="42">
        <v>4426</v>
      </c>
      <c r="T31" s="42">
        <v>5000</v>
      </c>
      <c r="U31" s="42">
        <v>4249</v>
      </c>
      <c r="V31" s="42">
        <v>5088</v>
      </c>
      <c r="W31" s="42">
        <v>4762</v>
      </c>
      <c r="X31" s="42">
        <v>5439</v>
      </c>
      <c r="Y31" s="42">
        <v>4632</v>
      </c>
      <c r="Z31" s="42">
        <v>5625</v>
      </c>
      <c r="AA31" s="42">
        <v>5505</v>
      </c>
      <c r="AB31" s="42">
        <v>6290</v>
      </c>
      <c r="AC31" s="42">
        <v>5408</v>
      </c>
      <c r="AD31" s="7"/>
      <c r="AE31" s="13"/>
      <c r="AF31" s="9"/>
      <c r="AG31" s="9"/>
      <c r="AH31" s="9" t="s">
        <v>32</v>
      </c>
      <c r="AI31" s="21">
        <v>3066</v>
      </c>
      <c r="AJ31" s="21">
        <v>2835</v>
      </c>
      <c r="AK31" s="21">
        <v>3633</v>
      </c>
      <c r="AL31" s="21">
        <v>3347</v>
      </c>
      <c r="AM31" s="21">
        <v>1837</v>
      </c>
      <c r="AN31" s="21">
        <v>3189</v>
      </c>
      <c r="AO31" s="21">
        <v>3734</v>
      </c>
      <c r="AP31" s="21">
        <v>4166</v>
      </c>
      <c r="AQ31" s="21">
        <v>3252</v>
      </c>
      <c r="AR31" s="21">
        <v>4040</v>
      </c>
      <c r="AS31" s="21">
        <v>3939</v>
      </c>
      <c r="AT31" s="21">
        <v>4493</v>
      </c>
      <c r="AU31" s="21">
        <v>4337</v>
      </c>
      <c r="AV31" s="21">
        <v>4629</v>
      </c>
      <c r="AW31" s="21">
        <v>4404</v>
      </c>
      <c r="AX31" s="21">
        <v>4877</v>
      </c>
      <c r="AY31" s="21">
        <v>4610</v>
      </c>
      <c r="AZ31" s="21">
        <v>4998</v>
      </c>
      <c r="BA31" s="21">
        <v>4710</v>
      </c>
      <c r="BB31" s="21">
        <v>5343</v>
      </c>
      <c r="BC31" s="21">
        <v>4536</v>
      </c>
      <c r="BD31" s="21">
        <v>5242</v>
      </c>
      <c r="BE31" s="21">
        <v>5126</v>
      </c>
      <c r="BF31" s="21">
        <v>5858</v>
      </c>
      <c r="BG31" s="21">
        <v>5089</v>
      </c>
      <c r="BH31" s="13"/>
      <c r="BI31" s="16"/>
      <c r="BJ31" s="9"/>
      <c r="BK31" s="9"/>
      <c r="BL31" s="9" t="s">
        <v>32</v>
      </c>
      <c r="BM31" s="21">
        <f t="shared" si="1"/>
        <v>6</v>
      </c>
      <c r="BN31" s="21">
        <f t="shared" si="2"/>
        <v>10</v>
      </c>
      <c r="BO31" s="21">
        <f t="shared" si="3"/>
        <v>15</v>
      </c>
      <c r="BP31" s="21">
        <f t="shared" si="4"/>
        <v>17</v>
      </c>
      <c r="BQ31" s="21">
        <f t="shared" si="5"/>
        <v>21</v>
      </c>
      <c r="BR31" s="21">
        <f t="shared" si="6"/>
        <v>25</v>
      </c>
      <c r="BS31" s="21">
        <f t="shared" si="7"/>
        <v>61</v>
      </c>
      <c r="BT31" s="21">
        <f t="shared" si="8"/>
        <v>58</v>
      </c>
      <c r="BU31" s="21">
        <f t="shared" si="9"/>
        <v>-176</v>
      </c>
      <c r="BV31" s="21">
        <f t="shared" si="10"/>
        <v>-186</v>
      </c>
      <c r="BW31" s="21">
        <f t="shared" si="11"/>
        <v>-169</v>
      </c>
      <c r="BX31" s="21">
        <f t="shared" si="12"/>
        <v>-171</v>
      </c>
      <c r="BY31" s="21">
        <f t="shared" si="13"/>
        <v>320</v>
      </c>
      <c r="BZ31" s="21">
        <f t="shared" si="14"/>
        <v>-22</v>
      </c>
      <c r="CA31" s="21">
        <f t="shared" si="15"/>
        <v>-22</v>
      </c>
      <c r="CB31" s="21">
        <f t="shared" si="16"/>
        <v>-123</v>
      </c>
      <c r="CC31" s="21">
        <f t="shared" si="17"/>
        <v>361</v>
      </c>
      <c r="CD31" s="21">
        <f t="shared" si="18"/>
        <v>-90</v>
      </c>
      <c r="CE31" s="21">
        <f t="shared" si="19"/>
        <v>-52</v>
      </c>
      <c r="CF31" s="21">
        <f t="shared" si="20"/>
        <v>-96</v>
      </c>
      <c r="CG31" s="21">
        <f t="shared" si="21"/>
        <v>-96</v>
      </c>
      <c r="CH31" s="21">
        <f t="shared" si="22"/>
        <v>-383</v>
      </c>
      <c r="CI31" s="21">
        <f t="shared" si="23"/>
        <v>-379</v>
      </c>
      <c r="CJ31" s="21">
        <f t="shared" si="24"/>
        <v>-432</v>
      </c>
      <c r="CK31" s="21">
        <f t="shared" si="25"/>
        <v>-319</v>
      </c>
      <c r="CL31" s="16"/>
    </row>
    <row r="32" spans="1:90" x14ac:dyDescent="0.7">
      <c r="A32" s="7"/>
      <c r="D32" s="8" t="s">
        <v>33</v>
      </c>
      <c r="E32" s="42">
        <v>3060</v>
      </c>
      <c r="F32" s="42">
        <v>2825</v>
      </c>
      <c r="G32" s="42">
        <v>3618</v>
      </c>
      <c r="H32" s="42">
        <v>3330</v>
      </c>
      <c r="I32" s="42">
        <v>1816</v>
      </c>
      <c r="J32" s="42">
        <v>3164</v>
      </c>
      <c r="K32" s="42">
        <v>3673</v>
      </c>
      <c r="L32" s="42">
        <v>4108</v>
      </c>
      <c r="M32" s="42">
        <v>3428</v>
      </c>
      <c r="N32" s="42">
        <v>4226</v>
      </c>
      <c r="O32" s="42">
        <v>4108</v>
      </c>
      <c r="P32" s="42">
        <v>4664</v>
      </c>
      <c r="Q32" s="42">
        <v>4017</v>
      </c>
      <c r="R32" s="42">
        <v>4651</v>
      </c>
      <c r="S32" s="42">
        <v>4426</v>
      </c>
      <c r="T32" s="42">
        <v>5000</v>
      </c>
      <c r="U32" s="42">
        <v>4249</v>
      </c>
      <c r="V32" s="42">
        <v>5088</v>
      </c>
      <c r="W32" s="42">
        <v>4762</v>
      </c>
      <c r="X32" s="42">
        <v>5439</v>
      </c>
      <c r="Y32" s="42">
        <v>4632</v>
      </c>
      <c r="Z32" s="42">
        <v>5625</v>
      </c>
      <c r="AA32" s="42">
        <v>5505</v>
      </c>
      <c r="AB32" s="42">
        <v>6290</v>
      </c>
      <c r="AC32" s="42">
        <v>5408</v>
      </c>
      <c r="AD32" s="7"/>
      <c r="AE32" s="13"/>
      <c r="AF32" s="9"/>
      <c r="AG32" s="9"/>
      <c r="AH32" s="9" t="s">
        <v>33</v>
      </c>
      <c r="AI32" s="21">
        <v>3066</v>
      </c>
      <c r="AJ32" s="21">
        <v>2835</v>
      </c>
      <c r="AK32" s="21">
        <v>3633</v>
      </c>
      <c r="AL32" s="21">
        <v>3347</v>
      </c>
      <c r="AM32" s="21">
        <v>1837</v>
      </c>
      <c r="AN32" s="21">
        <v>3189</v>
      </c>
      <c r="AO32" s="21">
        <v>3734</v>
      </c>
      <c r="AP32" s="21">
        <v>4166</v>
      </c>
      <c r="AQ32" s="21">
        <v>3252</v>
      </c>
      <c r="AR32" s="21">
        <v>4040</v>
      </c>
      <c r="AS32" s="21">
        <v>3939</v>
      </c>
      <c r="AT32" s="21">
        <v>4493</v>
      </c>
      <c r="AU32" s="21">
        <v>4337</v>
      </c>
      <c r="AV32" s="21">
        <v>4629</v>
      </c>
      <c r="AW32" s="21">
        <v>4404</v>
      </c>
      <c r="AX32" s="21">
        <v>4877</v>
      </c>
      <c r="AY32" s="21">
        <v>4610</v>
      </c>
      <c r="AZ32" s="21">
        <v>4998</v>
      </c>
      <c r="BA32" s="21">
        <v>4710</v>
      </c>
      <c r="BB32" s="21">
        <v>5343</v>
      </c>
      <c r="BC32" s="21">
        <v>4536</v>
      </c>
      <c r="BD32" s="21">
        <v>5242</v>
      </c>
      <c r="BE32" s="21">
        <v>5126</v>
      </c>
      <c r="BF32" s="21">
        <v>5858</v>
      </c>
      <c r="BG32" s="21">
        <v>5089</v>
      </c>
      <c r="BH32" s="13"/>
      <c r="BI32" s="16"/>
      <c r="BJ32" s="9"/>
      <c r="BK32" s="9"/>
      <c r="BL32" s="9" t="s">
        <v>33</v>
      </c>
      <c r="BM32" s="21">
        <f t="shared" si="1"/>
        <v>6</v>
      </c>
      <c r="BN32" s="21">
        <f t="shared" si="2"/>
        <v>10</v>
      </c>
      <c r="BO32" s="21">
        <f t="shared" si="3"/>
        <v>15</v>
      </c>
      <c r="BP32" s="21">
        <f t="shared" si="4"/>
        <v>17</v>
      </c>
      <c r="BQ32" s="21">
        <f t="shared" si="5"/>
        <v>21</v>
      </c>
      <c r="BR32" s="21">
        <f t="shared" si="6"/>
        <v>25</v>
      </c>
      <c r="BS32" s="21">
        <f t="shared" si="7"/>
        <v>61</v>
      </c>
      <c r="BT32" s="21">
        <f t="shared" si="8"/>
        <v>58</v>
      </c>
      <c r="BU32" s="21">
        <f t="shared" si="9"/>
        <v>-176</v>
      </c>
      <c r="BV32" s="21">
        <f t="shared" si="10"/>
        <v>-186</v>
      </c>
      <c r="BW32" s="21">
        <f t="shared" si="11"/>
        <v>-169</v>
      </c>
      <c r="BX32" s="21">
        <f t="shared" si="12"/>
        <v>-171</v>
      </c>
      <c r="BY32" s="21">
        <f t="shared" si="13"/>
        <v>320</v>
      </c>
      <c r="BZ32" s="21">
        <f t="shared" si="14"/>
        <v>-22</v>
      </c>
      <c r="CA32" s="21">
        <f t="shared" si="15"/>
        <v>-22</v>
      </c>
      <c r="CB32" s="21">
        <f t="shared" si="16"/>
        <v>-123</v>
      </c>
      <c r="CC32" s="21">
        <f t="shared" si="17"/>
        <v>361</v>
      </c>
      <c r="CD32" s="21">
        <f t="shared" si="18"/>
        <v>-90</v>
      </c>
      <c r="CE32" s="21">
        <f t="shared" si="19"/>
        <v>-52</v>
      </c>
      <c r="CF32" s="21">
        <f t="shared" si="20"/>
        <v>-96</v>
      </c>
      <c r="CG32" s="21">
        <f t="shared" si="21"/>
        <v>-96</v>
      </c>
      <c r="CH32" s="21">
        <f t="shared" si="22"/>
        <v>-383</v>
      </c>
      <c r="CI32" s="21">
        <f t="shared" si="23"/>
        <v>-379</v>
      </c>
      <c r="CJ32" s="21">
        <f t="shared" si="24"/>
        <v>-432</v>
      </c>
      <c r="CK32" s="21">
        <f t="shared" si="25"/>
        <v>-319</v>
      </c>
      <c r="CL32" s="16"/>
    </row>
    <row r="33" spans="1:90" x14ac:dyDescent="0.7">
      <c r="A33" s="7"/>
      <c r="C33" s="8" t="s">
        <v>48</v>
      </c>
      <c r="D33" s="8" t="s">
        <v>45</v>
      </c>
      <c r="E33" s="42">
        <v>50343</v>
      </c>
      <c r="F33" s="42">
        <v>60777</v>
      </c>
      <c r="G33" s="42">
        <v>66490</v>
      </c>
      <c r="H33" s="42">
        <v>68834</v>
      </c>
      <c r="I33" s="42">
        <v>47120</v>
      </c>
      <c r="J33" s="42">
        <v>70609</v>
      </c>
      <c r="K33" s="42">
        <v>70848</v>
      </c>
      <c r="L33" s="42">
        <v>70041</v>
      </c>
      <c r="M33" s="42">
        <v>60087</v>
      </c>
      <c r="N33" s="42">
        <v>72152</v>
      </c>
      <c r="O33" s="42">
        <v>71140</v>
      </c>
      <c r="P33" s="42">
        <v>72623</v>
      </c>
      <c r="Q33" s="42">
        <v>63963</v>
      </c>
      <c r="R33" s="42">
        <v>72456</v>
      </c>
      <c r="S33" s="42">
        <v>66821</v>
      </c>
      <c r="T33" s="42">
        <v>69676</v>
      </c>
      <c r="U33" s="42">
        <v>62469</v>
      </c>
      <c r="V33" s="42">
        <v>75159</v>
      </c>
      <c r="W33" s="42">
        <v>70193</v>
      </c>
      <c r="X33" s="42">
        <v>70355</v>
      </c>
      <c r="Y33" s="42">
        <v>62727</v>
      </c>
      <c r="Z33" s="42">
        <v>70630</v>
      </c>
      <c r="AA33" s="42">
        <v>67540</v>
      </c>
      <c r="AB33" s="42">
        <v>83457</v>
      </c>
      <c r="AC33" s="42">
        <v>71853</v>
      </c>
      <c r="AD33" s="7"/>
      <c r="AE33" s="13"/>
      <c r="AF33" s="9"/>
      <c r="AG33" s="9" t="s">
        <v>48</v>
      </c>
      <c r="AH33" s="9" t="s">
        <v>45</v>
      </c>
      <c r="AI33" s="21">
        <v>50994</v>
      </c>
      <c r="AJ33" s="21">
        <v>61744</v>
      </c>
      <c r="AK33" s="21">
        <v>67766</v>
      </c>
      <c r="AL33" s="21">
        <v>70221</v>
      </c>
      <c r="AM33" s="21">
        <v>48203</v>
      </c>
      <c r="AN33" s="21">
        <v>72402</v>
      </c>
      <c r="AO33" s="21">
        <v>73673</v>
      </c>
      <c r="AP33" s="21">
        <v>72865</v>
      </c>
      <c r="AQ33" s="21">
        <v>62737</v>
      </c>
      <c r="AR33" s="21">
        <v>75729</v>
      </c>
      <c r="AS33" s="21">
        <v>74925</v>
      </c>
      <c r="AT33" s="21">
        <v>76675</v>
      </c>
      <c r="AU33" s="21">
        <v>70113</v>
      </c>
      <c r="AV33" s="21">
        <v>78416</v>
      </c>
      <c r="AW33" s="21">
        <v>72071</v>
      </c>
      <c r="AX33" s="21">
        <v>77280</v>
      </c>
      <c r="AY33" s="21">
        <v>71883</v>
      </c>
      <c r="AZ33" s="21">
        <v>81927</v>
      </c>
      <c r="BA33" s="21">
        <v>76308</v>
      </c>
      <c r="BB33" s="21">
        <v>79038</v>
      </c>
      <c r="BC33" s="21">
        <v>69147</v>
      </c>
      <c r="BD33" s="21">
        <v>80115</v>
      </c>
      <c r="BE33" s="21">
        <v>77277</v>
      </c>
      <c r="BF33" s="21">
        <v>83444</v>
      </c>
      <c r="BG33" s="21">
        <v>71698</v>
      </c>
      <c r="BH33" s="13"/>
      <c r="BI33" s="16"/>
      <c r="BJ33" s="9"/>
      <c r="BK33" s="9" t="s">
        <v>48</v>
      </c>
      <c r="BL33" s="9" t="s">
        <v>45</v>
      </c>
      <c r="BM33" s="21">
        <f t="shared" si="1"/>
        <v>651</v>
      </c>
      <c r="BN33" s="21">
        <f t="shared" si="2"/>
        <v>967</v>
      </c>
      <c r="BO33" s="21">
        <f t="shared" si="3"/>
        <v>1276</v>
      </c>
      <c r="BP33" s="21">
        <f t="shared" si="4"/>
        <v>1387</v>
      </c>
      <c r="BQ33" s="21">
        <f t="shared" si="5"/>
        <v>1083</v>
      </c>
      <c r="BR33" s="21">
        <f t="shared" si="6"/>
        <v>1793</v>
      </c>
      <c r="BS33" s="21">
        <f t="shared" si="7"/>
        <v>2825</v>
      </c>
      <c r="BT33" s="21">
        <f t="shared" si="8"/>
        <v>2824</v>
      </c>
      <c r="BU33" s="21">
        <f t="shared" si="9"/>
        <v>2650</v>
      </c>
      <c r="BV33" s="21">
        <f t="shared" si="10"/>
        <v>3577</v>
      </c>
      <c r="BW33" s="21">
        <f t="shared" si="11"/>
        <v>3785</v>
      </c>
      <c r="BX33" s="21">
        <f t="shared" si="12"/>
        <v>4052</v>
      </c>
      <c r="BY33" s="21">
        <f t="shared" si="13"/>
        <v>6150</v>
      </c>
      <c r="BZ33" s="21">
        <f t="shared" si="14"/>
        <v>5960</v>
      </c>
      <c r="CA33" s="21">
        <f t="shared" si="15"/>
        <v>5250</v>
      </c>
      <c r="CB33" s="21">
        <f t="shared" si="16"/>
        <v>7604</v>
      </c>
      <c r="CC33" s="21">
        <f t="shared" si="17"/>
        <v>9414</v>
      </c>
      <c r="CD33" s="21">
        <f t="shared" si="18"/>
        <v>6768</v>
      </c>
      <c r="CE33" s="21">
        <f t="shared" si="19"/>
        <v>6115</v>
      </c>
      <c r="CF33" s="21">
        <f t="shared" si="20"/>
        <v>8683</v>
      </c>
      <c r="CG33" s="21">
        <f t="shared" si="21"/>
        <v>6420</v>
      </c>
      <c r="CH33" s="21">
        <f t="shared" si="22"/>
        <v>9485</v>
      </c>
      <c r="CI33" s="21">
        <f t="shared" si="23"/>
        <v>9737</v>
      </c>
      <c r="CJ33" s="21">
        <f t="shared" si="24"/>
        <v>-13</v>
      </c>
      <c r="CK33" s="21">
        <f t="shared" si="25"/>
        <v>-155</v>
      </c>
      <c r="CL33" s="16"/>
    </row>
    <row r="34" spans="1:90" x14ac:dyDescent="0.7">
      <c r="A34" s="7"/>
      <c r="D34" s="8" t="s">
        <v>28</v>
      </c>
      <c r="E34" s="42">
        <v>49136</v>
      </c>
      <c r="F34" s="42">
        <v>59461</v>
      </c>
      <c r="G34" s="42">
        <v>64785</v>
      </c>
      <c r="H34" s="42">
        <v>67202</v>
      </c>
      <c r="I34" s="42">
        <v>46268</v>
      </c>
      <c r="J34" s="42">
        <v>69063</v>
      </c>
      <c r="K34" s="42">
        <v>69094</v>
      </c>
      <c r="L34" s="42">
        <v>68156</v>
      </c>
      <c r="M34" s="42">
        <v>58550</v>
      </c>
      <c r="N34" s="42">
        <v>70215</v>
      </c>
      <c r="O34" s="42">
        <v>69179</v>
      </c>
      <c r="P34" s="42">
        <v>70373</v>
      </c>
      <c r="Q34" s="42">
        <v>62065</v>
      </c>
      <c r="R34" s="42">
        <v>70238</v>
      </c>
      <c r="S34" s="42">
        <v>64971</v>
      </c>
      <c r="T34" s="42">
        <v>67299</v>
      </c>
      <c r="U34" s="42">
        <v>60480</v>
      </c>
      <c r="V34" s="42">
        <v>72747</v>
      </c>
      <c r="W34" s="42">
        <v>67925</v>
      </c>
      <c r="X34" s="42">
        <v>67835</v>
      </c>
      <c r="Y34" s="42">
        <v>60609</v>
      </c>
      <c r="Z34" s="42">
        <v>68164</v>
      </c>
      <c r="AA34" s="42">
        <v>65078</v>
      </c>
      <c r="AB34" s="42">
        <v>80240</v>
      </c>
      <c r="AC34" s="42">
        <v>69040</v>
      </c>
      <c r="AD34" s="7"/>
      <c r="AE34" s="13"/>
      <c r="AF34" s="9"/>
      <c r="AG34" s="9"/>
      <c r="AH34" s="9" t="s">
        <v>28</v>
      </c>
      <c r="AI34" s="21">
        <v>49779</v>
      </c>
      <c r="AJ34" s="21">
        <v>60417</v>
      </c>
      <c r="AK34" s="21">
        <v>66045</v>
      </c>
      <c r="AL34" s="21">
        <v>68572</v>
      </c>
      <c r="AM34" s="21">
        <v>47333</v>
      </c>
      <c r="AN34" s="21">
        <v>70833</v>
      </c>
      <c r="AO34" s="21">
        <v>71864</v>
      </c>
      <c r="AP34" s="21">
        <v>70923</v>
      </c>
      <c r="AQ34" s="21">
        <v>61148</v>
      </c>
      <c r="AR34" s="21">
        <v>73715</v>
      </c>
      <c r="AS34" s="21">
        <v>72873</v>
      </c>
      <c r="AT34" s="21">
        <v>74311</v>
      </c>
      <c r="AU34" s="21">
        <v>67717</v>
      </c>
      <c r="AV34" s="21">
        <v>75954</v>
      </c>
      <c r="AW34" s="21">
        <v>69975</v>
      </c>
      <c r="AX34" s="21">
        <v>74636</v>
      </c>
      <c r="AY34" s="21">
        <v>69273</v>
      </c>
      <c r="AZ34" s="21">
        <v>79205</v>
      </c>
      <c r="BA34" s="21">
        <v>73803</v>
      </c>
      <c r="BB34" s="21">
        <v>76214</v>
      </c>
      <c r="BC34" s="21">
        <v>66761</v>
      </c>
      <c r="BD34" s="21">
        <v>77320</v>
      </c>
      <c r="BE34" s="21">
        <v>74469</v>
      </c>
      <c r="BF34" s="21">
        <v>80227</v>
      </c>
      <c r="BG34" s="21">
        <v>68964</v>
      </c>
      <c r="BH34" s="13"/>
      <c r="BI34" s="16"/>
      <c r="BJ34" s="9"/>
      <c r="BK34" s="9"/>
      <c r="BL34" s="9" t="s">
        <v>28</v>
      </c>
      <c r="BM34" s="21">
        <f t="shared" si="1"/>
        <v>643</v>
      </c>
      <c r="BN34" s="21">
        <f t="shared" si="2"/>
        <v>956</v>
      </c>
      <c r="BO34" s="21">
        <f t="shared" si="3"/>
        <v>1260</v>
      </c>
      <c r="BP34" s="21">
        <f t="shared" si="4"/>
        <v>1370</v>
      </c>
      <c r="BQ34" s="21">
        <f t="shared" si="5"/>
        <v>1065</v>
      </c>
      <c r="BR34" s="21">
        <f t="shared" si="6"/>
        <v>1770</v>
      </c>
      <c r="BS34" s="21">
        <f t="shared" si="7"/>
        <v>2770</v>
      </c>
      <c r="BT34" s="21">
        <f t="shared" si="8"/>
        <v>2767</v>
      </c>
      <c r="BU34" s="21">
        <f t="shared" si="9"/>
        <v>2598</v>
      </c>
      <c r="BV34" s="21">
        <f t="shared" si="10"/>
        <v>3500</v>
      </c>
      <c r="BW34" s="21">
        <f t="shared" si="11"/>
        <v>3694</v>
      </c>
      <c r="BX34" s="21">
        <f t="shared" si="12"/>
        <v>3938</v>
      </c>
      <c r="BY34" s="21">
        <f t="shared" si="13"/>
        <v>5652</v>
      </c>
      <c r="BZ34" s="21">
        <f t="shared" si="14"/>
        <v>5716</v>
      </c>
      <c r="CA34" s="21">
        <f t="shared" si="15"/>
        <v>5004</v>
      </c>
      <c r="CB34" s="21">
        <f t="shared" si="16"/>
        <v>7337</v>
      </c>
      <c r="CC34" s="21">
        <f t="shared" si="17"/>
        <v>8793</v>
      </c>
      <c r="CD34" s="21">
        <f t="shared" si="18"/>
        <v>6458</v>
      </c>
      <c r="CE34" s="21">
        <f t="shared" si="19"/>
        <v>5878</v>
      </c>
      <c r="CF34" s="21">
        <f t="shared" si="20"/>
        <v>8379</v>
      </c>
      <c r="CG34" s="21">
        <f t="shared" si="21"/>
        <v>6152</v>
      </c>
      <c r="CH34" s="21">
        <f t="shared" si="22"/>
        <v>9156</v>
      </c>
      <c r="CI34" s="21">
        <f t="shared" si="23"/>
        <v>9391</v>
      </c>
      <c r="CJ34" s="21">
        <f t="shared" si="24"/>
        <v>-13</v>
      </c>
      <c r="CK34" s="21">
        <f t="shared" si="25"/>
        <v>-76</v>
      </c>
      <c r="CL34" s="16"/>
    </row>
    <row r="35" spans="1:90" x14ac:dyDescent="0.7">
      <c r="A35" s="7"/>
      <c r="D35" s="8" t="s">
        <v>29</v>
      </c>
      <c r="E35" s="42">
        <v>881</v>
      </c>
      <c r="F35" s="42">
        <v>1059</v>
      </c>
      <c r="G35" s="42">
        <v>1115</v>
      </c>
      <c r="H35" s="42">
        <v>1155</v>
      </c>
      <c r="I35" s="42">
        <v>906</v>
      </c>
      <c r="J35" s="42">
        <v>1139</v>
      </c>
      <c r="K35" s="42">
        <v>1100</v>
      </c>
      <c r="L35" s="42">
        <v>1027</v>
      </c>
      <c r="M35" s="42">
        <v>940</v>
      </c>
      <c r="N35" s="42">
        <v>1116</v>
      </c>
      <c r="O35" s="42">
        <v>1086</v>
      </c>
      <c r="P35" s="42">
        <v>1162</v>
      </c>
      <c r="Q35" s="42">
        <v>1062</v>
      </c>
      <c r="R35" s="42">
        <v>1356</v>
      </c>
      <c r="S35" s="42">
        <v>1486</v>
      </c>
      <c r="T35" s="42">
        <v>1689</v>
      </c>
      <c r="U35" s="42">
        <v>661</v>
      </c>
      <c r="V35" s="42">
        <v>726</v>
      </c>
      <c r="W35" s="42">
        <v>651</v>
      </c>
      <c r="X35" s="42">
        <v>631</v>
      </c>
      <c r="Y35" s="42">
        <v>559</v>
      </c>
      <c r="Z35" s="42">
        <v>584</v>
      </c>
      <c r="AA35" s="42">
        <v>523</v>
      </c>
      <c r="AB35" s="42">
        <v>511</v>
      </c>
      <c r="AC35" s="42">
        <v>428</v>
      </c>
      <c r="AD35" s="7"/>
      <c r="AE35" s="13"/>
      <c r="AF35" s="9"/>
      <c r="AG35" s="9"/>
      <c r="AH35" s="9" t="s">
        <v>29</v>
      </c>
      <c r="AI35" s="21">
        <v>882</v>
      </c>
      <c r="AJ35" s="21">
        <v>1060</v>
      </c>
      <c r="AK35" s="21">
        <v>1116</v>
      </c>
      <c r="AL35" s="21">
        <v>1156</v>
      </c>
      <c r="AM35" s="21">
        <v>910</v>
      </c>
      <c r="AN35" s="21">
        <v>1143</v>
      </c>
      <c r="AO35" s="21">
        <v>1111</v>
      </c>
      <c r="AP35" s="21">
        <v>1028</v>
      </c>
      <c r="AQ35" s="21">
        <v>920</v>
      </c>
      <c r="AR35" s="21">
        <v>1025</v>
      </c>
      <c r="AS35" s="21">
        <v>942</v>
      </c>
      <c r="AT35" s="21">
        <v>943</v>
      </c>
      <c r="AU35" s="21">
        <v>836</v>
      </c>
      <c r="AV35" s="21">
        <v>876</v>
      </c>
      <c r="AW35" s="21">
        <v>764</v>
      </c>
      <c r="AX35" s="21">
        <v>788</v>
      </c>
      <c r="AY35" s="21">
        <v>682</v>
      </c>
      <c r="AZ35" s="21">
        <v>717</v>
      </c>
      <c r="BA35" s="21">
        <v>640</v>
      </c>
      <c r="BB35" s="21">
        <v>631</v>
      </c>
      <c r="BC35" s="21">
        <v>559</v>
      </c>
      <c r="BD35" s="21">
        <v>584</v>
      </c>
      <c r="BE35" s="21">
        <v>523</v>
      </c>
      <c r="BF35" s="21">
        <v>511</v>
      </c>
      <c r="BG35" s="21">
        <v>428</v>
      </c>
      <c r="BH35" s="13"/>
      <c r="BI35" s="16"/>
      <c r="BJ35" s="9"/>
      <c r="BK35" s="9"/>
      <c r="BL35" s="9" t="s">
        <v>29</v>
      </c>
      <c r="BM35" s="21">
        <f t="shared" si="1"/>
        <v>1</v>
      </c>
      <c r="BN35" s="21">
        <f t="shared" si="2"/>
        <v>1</v>
      </c>
      <c r="BO35" s="21">
        <f t="shared" si="3"/>
        <v>1</v>
      </c>
      <c r="BP35" s="21">
        <f t="shared" si="4"/>
        <v>1</v>
      </c>
      <c r="BQ35" s="21">
        <f t="shared" si="5"/>
        <v>4</v>
      </c>
      <c r="BR35" s="21">
        <f t="shared" si="6"/>
        <v>4</v>
      </c>
      <c r="BS35" s="21">
        <f t="shared" si="7"/>
        <v>11</v>
      </c>
      <c r="BT35" s="21">
        <f t="shared" si="8"/>
        <v>1</v>
      </c>
      <c r="BU35" s="21">
        <f t="shared" si="9"/>
        <v>-20</v>
      </c>
      <c r="BV35" s="21">
        <f t="shared" si="10"/>
        <v>-91</v>
      </c>
      <c r="BW35" s="21">
        <f t="shared" si="11"/>
        <v>-144</v>
      </c>
      <c r="BX35" s="21">
        <f t="shared" si="12"/>
        <v>-219</v>
      </c>
      <c r="BY35" s="21">
        <f t="shared" si="13"/>
        <v>-226</v>
      </c>
      <c r="BZ35" s="21">
        <f t="shared" si="14"/>
        <v>-480</v>
      </c>
      <c r="CA35" s="21">
        <f t="shared" si="15"/>
        <v>-722</v>
      </c>
      <c r="CB35" s="21">
        <f t="shared" si="16"/>
        <v>-901</v>
      </c>
      <c r="CC35" s="21">
        <f t="shared" si="17"/>
        <v>21</v>
      </c>
      <c r="CD35" s="21">
        <f t="shared" si="18"/>
        <v>-9</v>
      </c>
      <c r="CE35" s="21">
        <f t="shared" si="19"/>
        <v>-11</v>
      </c>
      <c r="CF35" s="21">
        <f t="shared" si="20"/>
        <v>0</v>
      </c>
      <c r="CG35" s="21">
        <f t="shared" si="21"/>
        <v>0</v>
      </c>
      <c r="CH35" s="21">
        <f t="shared" si="22"/>
        <v>0</v>
      </c>
      <c r="CI35" s="21">
        <f t="shared" si="23"/>
        <v>0</v>
      </c>
      <c r="CJ35" s="21">
        <f t="shared" si="24"/>
        <v>0</v>
      </c>
      <c r="CK35" s="21">
        <f t="shared" si="25"/>
        <v>0</v>
      </c>
      <c r="CL35" s="16"/>
    </row>
    <row r="36" spans="1:90" x14ac:dyDescent="0.7">
      <c r="A36" s="7"/>
      <c r="D36" s="8" t="s">
        <v>30</v>
      </c>
      <c r="E36" s="42">
        <v>38984</v>
      </c>
      <c r="F36" s="42">
        <v>47397</v>
      </c>
      <c r="G36" s="42">
        <v>51962</v>
      </c>
      <c r="H36" s="42">
        <v>53636</v>
      </c>
      <c r="I36" s="42">
        <v>35988</v>
      </c>
      <c r="J36" s="42">
        <v>54780</v>
      </c>
      <c r="K36" s="42">
        <v>54938</v>
      </c>
      <c r="L36" s="42">
        <v>54229</v>
      </c>
      <c r="M36" s="42">
        <v>45794</v>
      </c>
      <c r="N36" s="42">
        <v>55197</v>
      </c>
      <c r="O36" s="42">
        <v>53602</v>
      </c>
      <c r="P36" s="42">
        <v>54297</v>
      </c>
      <c r="Q36" s="42">
        <v>46884</v>
      </c>
      <c r="R36" s="42">
        <v>53509</v>
      </c>
      <c r="S36" s="42">
        <v>48663</v>
      </c>
      <c r="T36" s="42">
        <v>49851</v>
      </c>
      <c r="U36" s="42">
        <v>44135</v>
      </c>
      <c r="V36" s="42">
        <v>52858</v>
      </c>
      <c r="W36" s="42">
        <v>48825</v>
      </c>
      <c r="X36" s="42">
        <v>48449</v>
      </c>
      <c r="Y36" s="42">
        <v>43050</v>
      </c>
      <c r="Z36" s="42">
        <v>47962</v>
      </c>
      <c r="AA36" s="42">
        <v>45205</v>
      </c>
      <c r="AB36" s="42">
        <v>52870</v>
      </c>
      <c r="AC36" s="42">
        <v>45673</v>
      </c>
      <c r="AD36" s="7"/>
      <c r="AE36" s="13"/>
      <c r="AF36" s="9"/>
      <c r="AG36" s="9"/>
      <c r="AH36" s="9" t="s">
        <v>30</v>
      </c>
      <c r="AI36" s="21">
        <v>39379</v>
      </c>
      <c r="AJ36" s="21">
        <v>47982</v>
      </c>
      <c r="AK36" s="21">
        <v>52722</v>
      </c>
      <c r="AL36" s="21">
        <v>54445</v>
      </c>
      <c r="AM36" s="21">
        <v>36629</v>
      </c>
      <c r="AN36" s="21">
        <v>55832</v>
      </c>
      <c r="AO36" s="21">
        <v>56725</v>
      </c>
      <c r="AP36" s="21">
        <v>55875</v>
      </c>
      <c r="AQ36" s="21">
        <v>47337</v>
      </c>
      <c r="AR36" s="21">
        <v>57389</v>
      </c>
      <c r="AS36" s="21">
        <v>55924</v>
      </c>
      <c r="AT36" s="21">
        <v>56829</v>
      </c>
      <c r="AU36" s="21">
        <v>50871</v>
      </c>
      <c r="AV36" s="21">
        <v>57671</v>
      </c>
      <c r="AW36" s="21">
        <v>52396</v>
      </c>
      <c r="AX36" s="21">
        <v>55798</v>
      </c>
      <c r="AY36" s="21">
        <v>50068</v>
      </c>
      <c r="AZ36" s="21">
        <v>56712</v>
      </c>
      <c r="BA36" s="21">
        <v>51888</v>
      </c>
      <c r="BB36" s="21">
        <v>53577</v>
      </c>
      <c r="BC36" s="21">
        <v>46122</v>
      </c>
      <c r="BD36" s="21">
        <v>53391</v>
      </c>
      <c r="BE36" s="21">
        <v>50748</v>
      </c>
      <c r="BF36" s="21">
        <v>52858</v>
      </c>
      <c r="BG36" s="21">
        <v>45596</v>
      </c>
      <c r="BH36" s="13"/>
      <c r="BI36" s="16"/>
      <c r="BJ36" s="9"/>
      <c r="BK36" s="9"/>
      <c r="BL36" s="9" t="s">
        <v>30</v>
      </c>
      <c r="BM36" s="21">
        <f t="shared" si="1"/>
        <v>395</v>
      </c>
      <c r="BN36" s="21">
        <f t="shared" si="2"/>
        <v>585</v>
      </c>
      <c r="BO36" s="21">
        <f t="shared" si="3"/>
        <v>760</v>
      </c>
      <c r="BP36" s="21">
        <f t="shared" si="4"/>
        <v>809</v>
      </c>
      <c r="BQ36" s="21">
        <f t="shared" si="5"/>
        <v>641</v>
      </c>
      <c r="BR36" s="21">
        <f t="shared" si="6"/>
        <v>1052</v>
      </c>
      <c r="BS36" s="21">
        <f t="shared" si="7"/>
        <v>1787</v>
      </c>
      <c r="BT36" s="21">
        <f t="shared" si="8"/>
        <v>1646</v>
      </c>
      <c r="BU36" s="21">
        <f t="shared" si="9"/>
        <v>1543</v>
      </c>
      <c r="BV36" s="21">
        <f t="shared" si="10"/>
        <v>2192</v>
      </c>
      <c r="BW36" s="21">
        <f t="shared" si="11"/>
        <v>2322</v>
      </c>
      <c r="BX36" s="21">
        <f t="shared" si="12"/>
        <v>2532</v>
      </c>
      <c r="BY36" s="21">
        <f t="shared" si="13"/>
        <v>3987</v>
      </c>
      <c r="BZ36" s="21">
        <f t="shared" si="14"/>
        <v>4162</v>
      </c>
      <c r="CA36" s="21">
        <f t="shared" si="15"/>
        <v>3733</v>
      </c>
      <c r="CB36" s="21">
        <f t="shared" si="16"/>
        <v>5947</v>
      </c>
      <c r="CC36" s="21">
        <f t="shared" si="17"/>
        <v>5933</v>
      </c>
      <c r="CD36" s="21">
        <f t="shared" si="18"/>
        <v>3854</v>
      </c>
      <c r="CE36" s="21">
        <f t="shared" si="19"/>
        <v>3063</v>
      </c>
      <c r="CF36" s="21">
        <f t="shared" si="20"/>
        <v>5128</v>
      </c>
      <c r="CG36" s="21">
        <f t="shared" si="21"/>
        <v>3072</v>
      </c>
      <c r="CH36" s="21">
        <f t="shared" si="22"/>
        <v>5429</v>
      </c>
      <c r="CI36" s="21">
        <f t="shared" si="23"/>
        <v>5543</v>
      </c>
      <c r="CJ36" s="21">
        <f t="shared" si="24"/>
        <v>-12</v>
      </c>
      <c r="CK36" s="21">
        <f t="shared" si="25"/>
        <v>-77</v>
      </c>
      <c r="CL36" s="16"/>
    </row>
    <row r="37" spans="1:90" x14ac:dyDescent="0.7">
      <c r="A37" s="7"/>
      <c r="D37" s="8" t="s">
        <v>31</v>
      </c>
      <c r="E37" s="42">
        <v>9271</v>
      </c>
      <c r="F37" s="42">
        <v>11005</v>
      </c>
      <c r="G37" s="42">
        <v>11708</v>
      </c>
      <c r="H37" s="42">
        <v>12411</v>
      </c>
      <c r="I37" s="42">
        <v>9374</v>
      </c>
      <c r="J37" s="42">
        <v>13144</v>
      </c>
      <c r="K37" s="42">
        <v>13056</v>
      </c>
      <c r="L37" s="42">
        <v>12900</v>
      </c>
      <c r="M37" s="42">
        <v>11816</v>
      </c>
      <c r="N37" s="42">
        <v>13902</v>
      </c>
      <c r="O37" s="42">
        <v>14491</v>
      </c>
      <c r="P37" s="42">
        <v>14914</v>
      </c>
      <c r="Q37" s="42">
        <v>14119</v>
      </c>
      <c r="R37" s="42">
        <v>15373</v>
      </c>
      <c r="S37" s="42">
        <v>14822</v>
      </c>
      <c r="T37" s="42">
        <v>15759</v>
      </c>
      <c r="U37" s="42">
        <v>15683</v>
      </c>
      <c r="V37" s="42">
        <v>19163</v>
      </c>
      <c r="W37" s="42">
        <v>18449</v>
      </c>
      <c r="X37" s="42">
        <v>18756</v>
      </c>
      <c r="Y37" s="42">
        <v>17000</v>
      </c>
      <c r="Z37" s="42">
        <v>19618</v>
      </c>
      <c r="AA37" s="42">
        <v>19350</v>
      </c>
      <c r="AB37" s="42">
        <v>26859</v>
      </c>
      <c r="AC37" s="42">
        <v>22940</v>
      </c>
      <c r="AD37" s="7"/>
      <c r="AE37" s="13"/>
      <c r="AF37" s="9"/>
      <c r="AG37" s="9"/>
      <c r="AH37" s="9" t="s">
        <v>31</v>
      </c>
      <c r="AI37" s="21">
        <v>9519</v>
      </c>
      <c r="AJ37" s="21">
        <v>11376</v>
      </c>
      <c r="AK37" s="21">
        <v>12207</v>
      </c>
      <c r="AL37" s="21">
        <v>12970</v>
      </c>
      <c r="AM37" s="21">
        <v>9795</v>
      </c>
      <c r="AN37" s="21">
        <v>13858</v>
      </c>
      <c r="AO37" s="21">
        <v>14029</v>
      </c>
      <c r="AP37" s="21">
        <v>14020</v>
      </c>
      <c r="AQ37" s="21">
        <v>12891</v>
      </c>
      <c r="AR37" s="21">
        <v>15301</v>
      </c>
      <c r="AS37" s="21">
        <v>16007</v>
      </c>
      <c r="AT37" s="21">
        <v>16540</v>
      </c>
      <c r="AU37" s="21">
        <v>16085</v>
      </c>
      <c r="AV37" s="21">
        <v>17501</v>
      </c>
      <c r="AW37" s="21">
        <v>16872</v>
      </c>
      <c r="AX37" s="21">
        <v>18133</v>
      </c>
      <c r="AY37" s="21">
        <v>18605</v>
      </c>
      <c r="AZ37" s="21">
        <v>21776</v>
      </c>
      <c r="BA37" s="21">
        <v>21274</v>
      </c>
      <c r="BB37" s="21">
        <v>22007</v>
      </c>
      <c r="BC37" s="21">
        <v>20080</v>
      </c>
      <c r="BD37" s="21">
        <v>23345</v>
      </c>
      <c r="BE37" s="21">
        <v>23198</v>
      </c>
      <c r="BF37" s="21">
        <v>26859</v>
      </c>
      <c r="BG37" s="21">
        <v>22940</v>
      </c>
      <c r="BH37" s="13"/>
      <c r="BI37" s="16"/>
      <c r="BJ37" s="9"/>
      <c r="BK37" s="9"/>
      <c r="BL37" s="9" t="s">
        <v>31</v>
      </c>
      <c r="BM37" s="21">
        <f t="shared" si="1"/>
        <v>248</v>
      </c>
      <c r="BN37" s="21">
        <f t="shared" si="2"/>
        <v>371</v>
      </c>
      <c r="BO37" s="21">
        <f t="shared" si="3"/>
        <v>499</v>
      </c>
      <c r="BP37" s="21">
        <f t="shared" si="4"/>
        <v>559</v>
      </c>
      <c r="BQ37" s="21">
        <f t="shared" si="5"/>
        <v>421</v>
      </c>
      <c r="BR37" s="21">
        <f t="shared" si="6"/>
        <v>714</v>
      </c>
      <c r="BS37" s="21">
        <f t="shared" si="7"/>
        <v>973</v>
      </c>
      <c r="BT37" s="21">
        <f t="shared" si="8"/>
        <v>1120</v>
      </c>
      <c r="BU37" s="21">
        <f t="shared" si="9"/>
        <v>1075</v>
      </c>
      <c r="BV37" s="21">
        <f t="shared" si="10"/>
        <v>1399</v>
      </c>
      <c r="BW37" s="21">
        <f t="shared" si="11"/>
        <v>1516</v>
      </c>
      <c r="BX37" s="21">
        <f t="shared" si="12"/>
        <v>1626</v>
      </c>
      <c r="BY37" s="21">
        <f t="shared" si="13"/>
        <v>1966</v>
      </c>
      <c r="BZ37" s="21">
        <f t="shared" si="14"/>
        <v>2128</v>
      </c>
      <c r="CA37" s="21">
        <f t="shared" si="15"/>
        <v>2050</v>
      </c>
      <c r="CB37" s="21">
        <f t="shared" si="16"/>
        <v>2374</v>
      </c>
      <c r="CC37" s="21">
        <f t="shared" si="17"/>
        <v>2922</v>
      </c>
      <c r="CD37" s="21">
        <f t="shared" si="18"/>
        <v>2613</v>
      </c>
      <c r="CE37" s="21">
        <f t="shared" si="19"/>
        <v>2825</v>
      </c>
      <c r="CF37" s="21">
        <f t="shared" si="20"/>
        <v>3251</v>
      </c>
      <c r="CG37" s="21">
        <f t="shared" si="21"/>
        <v>3080</v>
      </c>
      <c r="CH37" s="21">
        <f t="shared" si="22"/>
        <v>3727</v>
      </c>
      <c r="CI37" s="21">
        <f t="shared" si="23"/>
        <v>3848</v>
      </c>
      <c r="CJ37" s="21">
        <f t="shared" si="24"/>
        <v>0</v>
      </c>
      <c r="CK37" s="21">
        <f t="shared" si="25"/>
        <v>0</v>
      </c>
      <c r="CL37" s="16"/>
    </row>
    <row r="38" spans="1:90" x14ac:dyDescent="0.7">
      <c r="A38" s="7"/>
      <c r="D38" s="8" t="s">
        <v>32</v>
      </c>
      <c r="E38" s="42">
        <v>1207</v>
      </c>
      <c r="F38" s="42">
        <v>1316</v>
      </c>
      <c r="G38" s="42">
        <v>1705</v>
      </c>
      <c r="H38" s="42">
        <v>1632</v>
      </c>
      <c r="I38" s="42">
        <v>852</v>
      </c>
      <c r="J38" s="42">
        <v>1546</v>
      </c>
      <c r="K38" s="42">
        <v>1754</v>
      </c>
      <c r="L38" s="42">
        <v>1885</v>
      </c>
      <c r="M38" s="42">
        <v>1537</v>
      </c>
      <c r="N38" s="42">
        <v>1937</v>
      </c>
      <c r="O38" s="42">
        <v>1961</v>
      </c>
      <c r="P38" s="42">
        <v>2250</v>
      </c>
      <c r="Q38" s="42">
        <v>1898</v>
      </c>
      <c r="R38" s="42">
        <v>2218</v>
      </c>
      <c r="S38" s="42">
        <v>1850</v>
      </c>
      <c r="T38" s="42">
        <v>2377</v>
      </c>
      <c r="U38" s="42">
        <v>1989</v>
      </c>
      <c r="V38" s="42">
        <v>2412</v>
      </c>
      <c r="W38" s="42">
        <v>2268</v>
      </c>
      <c r="X38" s="42">
        <v>2520</v>
      </c>
      <c r="Y38" s="42">
        <v>2118</v>
      </c>
      <c r="Z38" s="42">
        <v>2465</v>
      </c>
      <c r="AA38" s="42">
        <v>2461</v>
      </c>
      <c r="AB38" s="42">
        <v>3217</v>
      </c>
      <c r="AC38" s="42">
        <v>2813</v>
      </c>
      <c r="AD38" s="7"/>
      <c r="AE38" s="13"/>
      <c r="AF38" s="9"/>
      <c r="AG38" s="9"/>
      <c r="AH38" s="9" t="s">
        <v>32</v>
      </c>
      <c r="AI38" s="21">
        <v>1215</v>
      </c>
      <c r="AJ38" s="21">
        <v>1327</v>
      </c>
      <c r="AK38" s="21">
        <v>1721</v>
      </c>
      <c r="AL38" s="21">
        <v>1650</v>
      </c>
      <c r="AM38" s="21">
        <v>869</v>
      </c>
      <c r="AN38" s="21">
        <v>1570</v>
      </c>
      <c r="AO38" s="21">
        <v>1809</v>
      </c>
      <c r="AP38" s="21">
        <v>1943</v>
      </c>
      <c r="AQ38" s="21">
        <v>1588</v>
      </c>
      <c r="AR38" s="21">
        <v>2014</v>
      </c>
      <c r="AS38" s="21">
        <v>2052</v>
      </c>
      <c r="AT38" s="21">
        <v>2363</v>
      </c>
      <c r="AU38" s="21">
        <v>2262</v>
      </c>
      <c r="AV38" s="21">
        <v>2435</v>
      </c>
      <c r="AW38" s="21">
        <v>2061</v>
      </c>
      <c r="AX38" s="21">
        <v>2591</v>
      </c>
      <c r="AY38" s="21">
        <v>2452</v>
      </c>
      <c r="AZ38" s="21">
        <v>2684</v>
      </c>
      <c r="BA38" s="21">
        <v>2506</v>
      </c>
      <c r="BB38" s="21">
        <v>2824</v>
      </c>
      <c r="BC38" s="21">
        <v>2385</v>
      </c>
      <c r="BD38" s="21">
        <v>2796</v>
      </c>
      <c r="BE38" s="21">
        <v>2808</v>
      </c>
      <c r="BF38" s="21">
        <v>3217</v>
      </c>
      <c r="BG38" s="21">
        <v>2734</v>
      </c>
      <c r="BH38" s="13"/>
      <c r="BI38" s="16"/>
      <c r="BJ38" s="9"/>
      <c r="BK38" s="9"/>
      <c r="BL38" s="9" t="s">
        <v>32</v>
      </c>
      <c r="BM38" s="21">
        <f t="shared" si="1"/>
        <v>8</v>
      </c>
      <c r="BN38" s="21">
        <f t="shared" si="2"/>
        <v>11</v>
      </c>
      <c r="BO38" s="21">
        <f t="shared" si="3"/>
        <v>16</v>
      </c>
      <c r="BP38" s="21">
        <f t="shared" si="4"/>
        <v>18</v>
      </c>
      <c r="BQ38" s="21">
        <f t="shared" si="5"/>
        <v>17</v>
      </c>
      <c r="BR38" s="21">
        <f t="shared" si="6"/>
        <v>24</v>
      </c>
      <c r="BS38" s="21">
        <f t="shared" si="7"/>
        <v>55</v>
      </c>
      <c r="BT38" s="21">
        <f t="shared" si="8"/>
        <v>58</v>
      </c>
      <c r="BU38" s="21">
        <f t="shared" si="9"/>
        <v>51</v>
      </c>
      <c r="BV38" s="21">
        <f t="shared" si="10"/>
        <v>77</v>
      </c>
      <c r="BW38" s="21">
        <f t="shared" si="11"/>
        <v>91</v>
      </c>
      <c r="BX38" s="21">
        <f t="shared" si="12"/>
        <v>113</v>
      </c>
      <c r="BY38" s="21">
        <f t="shared" si="13"/>
        <v>364</v>
      </c>
      <c r="BZ38" s="21">
        <f t="shared" si="14"/>
        <v>217</v>
      </c>
      <c r="CA38" s="21">
        <f t="shared" si="15"/>
        <v>211</v>
      </c>
      <c r="CB38" s="21">
        <f t="shared" si="16"/>
        <v>214</v>
      </c>
      <c r="CC38" s="21">
        <f t="shared" si="17"/>
        <v>463</v>
      </c>
      <c r="CD38" s="21">
        <f t="shared" si="18"/>
        <v>272</v>
      </c>
      <c r="CE38" s="21">
        <f t="shared" si="19"/>
        <v>238</v>
      </c>
      <c r="CF38" s="21">
        <f t="shared" si="20"/>
        <v>304</v>
      </c>
      <c r="CG38" s="21">
        <f t="shared" si="21"/>
        <v>267</v>
      </c>
      <c r="CH38" s="21">
        <f t="shared" si="22"/>
        <v>331</v>
      </c>
      <c r="CI38" s="21">
        <f t="shared" si="23"/>
        <v>347</v>
      </c>
      <c r="CJ38" s="21">
        <f t="shared" si="24"/>
        <v>0</v>
      </c>
      <c r="CK38" s="21">
        <f t="shared" si="25"/>
        <v>-79</v>
      </c>
      <c r="CL38" s="16"/>
    </row>
    <row r="39" spans="1:90" x14ac:dyDescent="0.7">
      <c r="A39" s="7"/>
      <c r="D39" s="8" t="s">
        <v>33</v>
      </c>
      <c r="E39" s="42">
        <v>1207</v>
      </c>
      <c r="F39" s="42">
        <v>1316</v>
      </c>
      <c r="G39" s="42">
        <v>1705</v>
      </c>
      <c r="H39" s="42">
        <v>1632</v>
      </c>
      <c r="I39" s="42">
        <v>852</v>
      </c>
      <c r="J39" s="42">
        <v>1546</v>
      </c>
      <c r="K39" s="42">
        <v>1754</v>
      </c>
      <c r="L39" s="42">
        <v>1885</v>
      </c>
      <c r="M39" s="42">
        <v>1537</v>
      </c>
      <c r="N39" s="42">
        <v>1937</v>
      </c>
      <c r="O39" s="42">
        <v>1961</v>
      </c>
      <c r="P39" s="42">
        <v>2250</v>
      </c>
      <c r="Q39" s="42">
        <v>1898</v>
      </c>
      <c r="R39" s="42">
        <v>2218</v>
      </c>
      <c r="S39" s="42">
        <v>1850</v>
      </c>
      <c r="T39" s="42">
        <v>2377</v>
      </c>
      <c r="U39" s="42">
        <v>1989</v>
      </c>
      <c r="V39" s="42">
        <v>2412</v>
      </c>
      <c r="W39" s="42">
        <v>2268</v>
      </c>
      <c r="X39" s="42">
        <v>2520</v>
      </c>
      <c r="Y39" s="42">
        <v>2118</v>
      </c>
      <c r="Z39" s="42">
        <v>2465</v>
      </c>
      <c r="AA39" s="42">
        <v>2461</v>
      </c>
      <c r="AB39" s="42">
        <v>3217</v>
      </c>
      <c r="AC39" s="42">
        <v>2813</v>
      </c>
      <c r="AD39" s="7"/>
      <c r="AE39" s="13"/>
      <c r="AF39" s="9"/>
      <c r="AG39" s="9"/>
      <c r="AH39" s="9" t="s">
        <v>33</v>
      </c>
      <c r="AI39" s="21">
        <v>1215</v>
      </c>
      <c r="AJ39" s="21">
        <v>1327</v>
      </c>
      <c r="AK39" s="21">
        <v>1721</v>
      </c>
      <c r="AL39" s="21">
        <v>1650</v>
      </c>
      <c r="AM39" s="21">
        <v>869</v>
      </c>
      <c r="AN39" s="21">
        <v>1570</v>
      </c>
      <c r="AO39" s="21">
        <v>1809</v>
      </c>
      <c r="AP39" s="21">
        <v>1943</v>
      </c>
      <c r="AQ39" s="21">
        <v>1588</v>
      </c>
      <c r="AR39" s="21">
        <v>2014</v>
      </c>
      <c r="AS39" s="21">
        <v>2052</v>
      </c>
      <c r="AT39" s="21">
        <v>2363</v>
      </c>
      <c r="AU39" s="21">
        <v>2262</v>
      </c>
      <c r="AV39" s="21">
        <v>2435</v>
      </c>
      <c r="AW39" s="21">
        <v>2061</v>
      </c>
      <c r="AX39" s="21">
        <v>2591</v>
      </c>
      <c r="AY39" s="21">
        <v>2452</v>
      </c>
      <c r="AZ39" s="21">
        <v>2684</v>
      </c>
      <c r="BA39" s="21">
        <v>2506</v>
      </c>
      <c r="BB39" s="21">
        <v>2824</v>
      </c>
      <c r="BC39" s="21">
        <v>2385</v>
      </c>
      <c r="BD39" s="21">
        <v>2796</v>
      </c>
      <c r="BE39" s="21">
        <v>2808</v>
      </c>
      <c r="BF39" s="21">
        <v>3217</v>
      </c>
      <c r="BG39" s="21">
        <v>2734</v>
      </c>
      <c r="BH39" s="13"/>
      <c r="BI39" s="16"/>
      <c r="BJ39" s="9"/>
      <c r="BK39" s="9"/>
      <c r="BL39" s="9" t="s">
        <v>33</v>
      </c>
      <c r="BM39" s="21">
        <f t="shared" si="1"/>
        <v>8</v>
      </c>
      <c r="BN39" s="21">
        <f t="shared" si="2"/>
        <v>11</v>
      </c>
      <c r="BO39" s="21">
        <f t="shared" si="3"/>
        <v>16</v>
      </c>
      <c r="BP39" s="21">
        <f t="shared" si="4"/>
        <v>18</v>
      </c>
      <c r="BQ39" s="21">
        <f t="shared" si="5"/>
        <v>17</v>
      </c>
      <c r="BR39" s="21">
        <f t="shared" si="6"/>
        <v>24</v>
      </c>
      <c r="BS39" s="21">
        <f t="shared" si="7"/>
        <v>55</v>
      </c>
      <c r="BT39" s="21">
        <f t="shared" si="8"/>
        <v>58</v>
      </c>
      <c r="BU39" s="21">
        <f t="shared" si="9"/>
        <v>51</v>
      </c>
      <c r="BV39" s="21">
        <f t="shared" si="10"/>
        <v>77</v>
      </c>
      <c r="BW39" s="21">
        <f t="shared" si="11"/>
        <v>91</v>
      </c>
      <c r="BX39" s="21">
        <f t="shared" si="12"/>
        <v>113</v>
      </c>
      <c r="BY39" s="21">
        <f t="shared" si="13"/>
        <v>364</v>
      </c>
      <c r="BZ39" s="21">
        <f t="shared" si="14"/>
        <v>217</v>
      </c>
      <c r="CA39" s="21">
        <f t="shared" si="15"/>
        <v>211</v>
      </c>
      <c r="CB39" s="21">
        <f t="shared" si="16"/>
        <v>214</v>
      </c>
      <c r="CC39" s="21">
        <f t="shared" si="17"/>
        <v>463</v>
      </c>
      <c r="CD39" s="21">
        <f t="shared" si="18"/>
        <v>272</v>
      </c>
      <c r="CE39" s="21">
        <f t="shared" si="19"/>
        <v>238</v>
      </c>
      <c r="CF39" s="21">
        <f t="shared" si="20"/>
        <v>304</v>
      </c>
      <c r="CG39" s="21">
        <f t="shared" si="21"/>
        <v>267</v>
      </c>
      <c r="CH39" s="21">
        <f t="shared" si="22"/>
        <v>331</v>
      </c>
      <c r="CI39" s="21">
        <f t="shared" si="23"/>
        <v>347</v>
      </c>
      <c r="CJ39" s="21">
        <f t="shared" si="24"/>
        <v>0</v>
      </c>
      <c r="CK39" s="21">
        <f t="shared" si="25"/>
        <v>-79</v>
      </c>
      <c r="CL39" s="16"/>
    </row>
    <row r="40" spans="1:90" x14ac:dyDescent="0.7">
      <c r="A40" s="7"/>
      <c r="C40" s="8" t="s">
        <v>49</v>
      </c>
      <c r="D40" s="8" t="s">
        <v>45</v>
      </c>
      <c r="E40" s="42">
        <v>33192</v>
      </c>
      <c r="F40" s="42">
        <v>31774</v>
      </c>
      <c r="G40" s="42">
        <v>35390</v>
      </c>
      <c r="H40" s="42">
        <v>33127</v>
      </c>
      <c r="I40" s="42">
        <v>24180</v>
      </c>
      <c r="J40" s="42">
        <v>34577</v>
      </c>
      <c r="K40" s="42">
        <v>36692</v>
      </c>
      <c r="L40" s="42">
        <v>37345</v>
      </c>
      <c r="M40" s="42">
        <v>33444</v>
      </c>
      <c r="N40" s="42">
        <v>39482</v>
      </c>
      <c r="O40" s="42">
        <v>36210</v>
      </c>
      <c r="P40" s="42">
        <v>37150</v>
      </c>
      <c r="Q40" s="42">
        <v>32539</v>
      </c>
      <c r="R40" s="42">
        <v>35353</v>
      </c>
      <c r="S40" s="42">
        <v>35482</v>
      </c>
      <c r="T40" s="42">
        <v>36321</v>
      </c>
      <c r="U40" s="42">
        <v>30705</v>
      </c>
      <c r="V40" s="42">
        <v>36164</v>
      </c>
      <c r="W40" s="42">
        <v>35097</v>
      </c>
      <c r="X40" s="42">
        <v>37833</v>
      </c>
      <c r="Y40" s="42">
        <v>34938</v>
      </c>
      <c r="Z40" s="42">
        <v>49951</v>
      </c>
      <c r="AA40" s="42">
        <v>49936</v>
      </c>
      <c r="AB40" s="42">
        <v>40765</v>
      </c>
      <c r="AC40" s="42">
        <v>34964</v>
      </c>
      <c r="AD40" s="7"/>
      <c r="AE40" s="13"/>
      <c r="AF40" s="9"/>
      <c r="AG40" s="9" t="s">
        <v>49</v>
      </c>
      <c r="AH40" s="9" t="s">
        <v>45</v>
      </c>
      <c r="AI40" s="21">
        <v>33188</v>
      </c>
      <c r="AJ40" s="21">
        <v>31768</v>
      </c>
      <c r="AK40" s="21">
        <v>35385</v>
      </c>
      <c r="AL40" s="21">
        <v>33121</v>
      </c>
      <c r="AM40" s="21">
        <v>24289</v>
      </c>
      <c r="AN40" s="21">
        <v>34568</v>
      </c>
      <c r="AO40" s="21">
        <v>36964</v>
      </c>
      <c r="AP40" s="21">
        <v>37343</v>
      </c>
      <c r="AQ40" s="21">
        <v>32338</v>
      </c>
      <c r="AR40" s="21">
        <v>38233</v>
      </c>
      <c r="AS40" s="21">
        <v>35000</v>
      </c>
      <c r="AT40" s="21">
        <v>35594</v>
      </c>
      <c r="AU40" s="21">
        <v>32029</v>
      </c>
      <c r="AV40" s="21">
        <v>34063</v>
      </c>
      <c r="AW40" s="21">
        <v>33848</v>
      </c>
      <c r="AX40" s="21">
        <v>34894</v>
      </c>
      <c r="AY40" s="21">
        <v>30183</v>
      </c>
      <c r="AZ40" s="21">
        <v>33577</v>
      </c>
      <c r="BA40" s="21">
        <v>33215</v>
      </c>
      <c r="BB40" s="21">
        <v>35608</v>
      </c>
      <c r="BC40" s="21">
        <v>31871</v>
      </c>
      <c r="BD40" s="21">
        <v>37784</v>
      </c>
      <c r="BE40" s="21">
        <v>37562</v>
      </c>
      <c r="BF40" s="21">
        <v>37911</v>
      </c>
      <c r="BG40" s="21">
        <v>33952</v>
      </c>
      <c r="BH40" s="13"/>
      <c r="BI40" s="16"/>
      <c r="BJ40" s="9"/>
      <c r="BK40" s="9" t="s">
        <v>49</v>
      </c>
      <c r="BL40" s="9" t="s">
        <v>45</v>
      </c>
      <c r="BM40" s="21">
        <f t="shared" si="1"/>
        <v>-4</v>
      </c>
      <c r="BN40" s="21">
        <f t="shared" si="2"/>
        <v>-6</v>
      </c>
      <c r="BO40" s="21">
        <f t="shared" si="3"/>
        <v>-5</v>
      </c>
      <c r="BP40" s="21">
        <f t="shared" si="4"/>
        <v>-6</v>
      </c>
      <c r="BQ40" s="21">
        <f t="shared" si="5"/>
        <v>109</v>
      </c>
      <c r="BR40" s="21">
        <f t="shared" si="6"/>
        <v>-9</v>
      </c>
      <c r="BS40" s="21">
        <f t="shared" si="7"/>
        <v>272</v>
      </c>
      <c r="BT40" s="21">
        <f t="shared" si="8"/>
        <v>-2</v>
      </c>
      <c r="BU40" s="21">
        <f t="shared" si="9"/>
        <v>-1106</v>
      </c>
      <c r="BV40" s="21">
        <f t="shared" si="10"/>
        <v>-1249</v>
      </c>
      <c r="BW40" s="21">
        <f t="shared" si="11"/>
        <v>-1210</v>
      </c>
      <c r="BX40" s="21">
        <f t="shared" si="12"/>
        <v>-1556</v>
      </c>
      <c r="BY40" s="21">
        <f t="shared" si="13"/>
        <v>-510</v>
      </c>
      <c r="BZ40" s="21">
        <f t="shared" si="14"/>
        <v>-1290</v>
      </c>
      <c r="CA40" s="21">
        <f t="shared" si="15"/>
        <v>-1634</v>
      </c>
      <c r="CB40" s="21">
        <f t="shared" si="16"/>
        <v>-1427</v>
      </c>
      <c r="CC40" s="21">
        <f t="shared" si="17"/>
        <v>-522</v>
      </c>
      <c r="CD40" s="21">
        <f t="shared" si="18"/>
        <v>-2587</v>
      </c>
      <c r="CE40" s="21">
        <f t="shared" si="19"/>
        <v>-1882</v>
      </c>
      <c r="CF40" s="21">
        <f t="shared" si="20"/>
        <v>-2225</v>
      </c>
      <c r="CG40" s="21">
        <f t="shared" si="21"/>
        <v>-3067</v>
      </c>
      <c r="CH40" s="21">
        <f t="shared" si="22"/>
        <v>-12167</v>
      </c>
      <c r="CI40" s="21">
        <f t="shared" si="23"/>
        <v>-12374</v>
      </c>
      <c r="CJ40" s="21">
        <f t="shared" si="24"/>
        <v>-2854</v>
      </c>
      <c r="CK40" s="21">
        <f t="shared" si="25"/>
        <v>-1012</v>
      </c>
      <c r="CL40" s="16"/>
    </row>
    <row r="41" spans="1:90" x14ac:dyDescent="0.7">
      <c r="A41" s="7"/>
      <c r="D41" s="8" t="s">
        <v>28</v>
      </c>
      <c r="E41" s="42">
        <v>31339</v>
      </c>
      <c r="F41" s="42">
        <v>30265</v>
      </c>
      <c r="G41" s="42">
        <v>33477</v>
      </c>
      <c r="H41" s="42">
        <v>31429</v>
      </c>
      <c r="I41" s="42">
        <v>23216</v>
      </c>
      <c r="J41" s="42">
        <v>32959</v>
      </c>
      <c r="K41" s="42">
        <v>34773</v>
      </c>
      <c r="L41" s="42">
        <v>35122</v>
      </c>
      <c r="M41" s="42">
        <v>31553</v>
      </c>
      <c r="N41" s="42">
        <v>37193</v>
      </c>
      <c r="O41" s="42">
        <v>34063</v>
      </c>
      <c r="P41" s="42">
        <v>34736</v>
      </c>
      <c r="Q41" s="42">
        <v>30420</v>
      </c>
      <c r="R41" s="42">
        <v>32920</v>
      </c>
      <c r="S41" s="42">
        <v>32906</v>
      </c>
      <c r="T41" s="42">
        <v>33697</v>
      </c>
      <c r="U41" s="42">
        <v>28446</v>
      </c>
      <c r="V41" s="42">
        <v>33488</v>
      </c>
      <c r="W41" s="42">
        <v>32603</v>
      </c>
      <c r="X41" s="42">
        <v>34914</v>
      </c>
      <c r="Y41" s="42">
        <v>32424</v>
      </c>
      <c r="Z41" s="42">
        <v>46791</v>
      </c>
      <c r="AA41" s="42">
        <v>46892</v>
      </c>
      <c r="AB41" s="42">
        <v>37693</v>
      </c>
      <c r="AC41" s="42">
        <v>32369</v>
      </c>
      <c r="AD41" s="7"/>
      <c r="AE41" s="13"/>
      <c r="AF41" s="9"/>
      <c r="AG41" s="9"/>
      <c r="AH41" s="9" t="s">
        <v>28</v>
      </c>
      <c r="AI41" s="21">
        <v>31336</v>
      </c>
      <c r="AJ41" s="21">
        <v>30260</v>
      </c>
      <c r="AK41" s="21">
        <v>33473</v>
      </c>
      <c r="AL41" s="21">
        <v>31424</v>
      </c>
      <c r="AM41" s="21">
        <v>23321</v>
      </c>
      <c r="AN41" s="21">
        <v>32949</v>
      </c>
      <c r="AO41" s="21">
        <v>35039</v>
      </c>
      <c r="AP41" s="21">
        <v>35120</v>
      </c>
      <c r="AQ41" s="21">
        <v>30675</v>
      </c>
      <c r="AR41" s="21">
        <v>36207</v>
      </c>
      <c r="AS41" s="21">
        <v>33113</v>
      </c>
      <c r="AT41" s="21">
        <v>33464</v>
      </c>
      <c r="AU41" s="21">
        <v>29987</v>
      </c>
      <c r="AV41" s="21">
        <v>31881</v>
      </c>
      <c r="AW41" s="21">
        <v>31527</v>
      </c>
      <c r="AX41" s="21">
        <v>32564</v>
      </c>
      <c r="AY41" s="21">
        <v>28035</v>
      </c>
      <c r="AZ41" s="21">
        <v>31265</v>
      </c>
      <c r="BA41" s="21">
        <v>31011</v>
      </c>
      <c r="BB41" s="21">
        <v>33088</v>
      </c>
      <c r="BC41" s="21">
        <v>29720</v>
      </c>
      <c r="BD41" s="21">
        <v>35337</v>
      </c>
      <c r="BE41" s="21">
        <v>35244</v>
      </c>
      <c r="BF41" s="21">
        <v>35270</v>
      </c>
      <c r="BG41" s="21">
        <v>31597</v>
      </c>
      <c r="BH41" s="13"/>
      <c r="BI41" s="16"/>
      <c r="BJ41" s="9"/>
      <c r="BK41" s="9"/>
      <c r="BL41" s="9" t="s">
        <v>28</v>
      </c>
      <c r="BM41" s="21">
        <f t="shared" si="1"/>
        <v>-3</v>
      </c>
      <c r="BN41" s="21">
        <f t="shared" si="2"/>
        <v>-5</v>
      </c>
      <c r="BO41" s="21">
        <f t="shared" si="3"/>
        <v>-4</v>
      </c>
      <c r="BP41" s="21">
        <f t="shared" si="4"/>
        <v>-5</v>
      </c>
      <c r="BQ41" s="21">
        <f t="shared" si="5"/>
        <v>105</v>
      </c>
      <c r="BR41" s="21">
        <f t="shared" si="6"/>
        <v>-10</v>
      </c>
      <c r="BS41" s="21">
        <f t="shared" si="7"/>
        <v>266</v>
      </c>
      <c r="BT41" s="21">
        <f t="shared" si="8"/>
        <v>-2</v>
      </c>
      <c r="BU41" s="21">
        <f t="shared" si="9"/>
        <v>-878</v>
      </c>
      <c r="BV41" s="21">
        <f t="shared" si="10"/>
        <v>-986</v>
      </c>
      <c r="BW41" s="21">
        <f t="shared" si="11"/>
        <v>-950</v>
      </c>
      <c r="BX41" s="21">
        <f t="shared" si="12"/>
        <v>-1272</v>
      </c>
      <c r="BY41" s="21">
        <f t="shared" si="13"/>
        <v>-433</v>
      </c>
      <c r="BZ41" s="21">
        <f t="shared" si="14"/>
        <v>-1039</v>
      </c>
      <c r="CA41" s="21">
        <f t="shared" si="15"/>
        <v>-1379</v>
      </c>
      <c r="CB41" s="21">
        <f t="shared" si="16"/>
        <v>-1133</v>
      </c>
      <c r="CC41" s="21">
        <f t="shared" si="17"/>
        <v>-411</v>
      </c>
      <c r="CD41" s="21">
        <f t="shared" si="18"/>
        <v>-2223</v>
      </c>
      <c r="CE41" s="21">
        <f t="shared" si="19"/>
        <v>-1592</v>
      </c>
      <c r="CF41" s="21">
        <f t="shared" si="20"/>
        <v>-1826</v>
      </c>
      <c r="CG41" s="21">
        <f t="shared" si="21"/>
        <v>-2704</v>
      </c>
      <c r="CH41" s="21">
        <f t="shared" si="22"/>
        <v>-11454</v>
      </c>
      <c r="CI41" s="21">
        <f t="shared" si="23"/>
        <v>-11648</v>
      </c>
      <c r="CJ41" s="21">
        <f t="shared" si="24"/>
        <v>-2423</v>
      </c>
      <c r="CK41" s="21">
        <f t="shared" si="25"/>
        <v>-772</v>
      </c>
      <c r="CL41" s="16"/>
    </row>
    <row r="42" spans="1:90" x14ac:dyDescent="0.7">
      <c r="A42" s="7"/>
      <c r="D42" s="8" t="s">
        <v>29</v>
      </c>
      <c r="E42" s="42">
        <v>1305</v>
      </c>
      <c r="F42" s="42">
        <v>1223</v>
      </c>
      <c r="G42" s="42">
        <v>1198</v>
      </c>
      <c r="H42" s="42">
        <v>1072</v>
      </c>
      <c r="I42" s="42">
        <v>731</v>
      </c>
      <c r="J42" s="42">
        <v>876</v>
      </c>
      <c r="K42" s="42">
        <v>811</v>
      </c>
      <c r="L42" s="42">
        <v>690</v>
      </c>
      <c r="M42" s="42">
        <v>574</v>
      </c>
      <c r="N42" s="42">
        <v>628</v>
      </c>
      <c r="O42" s="42">
        <v>534</v>
      </c>
      <c r="P42" s="42">
        <v>498</v>
      </c>
      <c r="Q42" s="42">
        <v>401</v>
      </c>
      <c r="R42" s="42">
        <v>425</v>
      </c>
      <c r="S42" s="42">
        <v>412</v>
      </c>
      <c r="T42" s="42">
        <v>433</v>
      </c>
      <c r="U42" s="42">
        <v>189</v>
      </c>
      <c r="V42" s="42">
        <v>188</v>
      </c>
      <c r="W42" s="42">
        <v>154</v>
      </c>
      <c r="X42" s="42">
        <v>120</v>
      </c>
      <c r="Y42" s="42">
        <v>89</v>
      </c>
      <c r="Z42" s="42">
        <v>83</v>
      </c>
      <c r="AA42" s="42">
        <v>64</v>
      </c>
      <c r="AB42" s="42">
        <v>55</v>
      </c>
      <c r="AC42" s="42">
        <v>41</v>
      </c>
      <c r="AD42" s="7"/>
      <c r="AE42" s="13"/>
      <c r="AF42" s="9"/>
      <c r="AG42" s="9"/>
      <c r="AH42" s="9" t="s">
        <v>29</v>
      </c>
      <c r="AI42" s="21">
        <v>1305</v>
      </c>
      <c r="AJ42" s="21">
        <v>1223</v>
      </c>
      <c r="AK42" s="21">
        <v>1198</v>
      </c>
      <c r="AL42" s="21">
        <v>1072</v>
      </c>
      <c r="AM42" s="21">
        <v>738</v>
      </c>
      <c r="AN42" s="21">
        <v>881</v>
      </c>
      <c r="AO42" s="21">
        <v>821</v>
      </c>
      <c r="AP42" s="21">
        <v>689</v>
      </c>
      <c r="AQ42" s="21">
        <v>563</v>
      </c>
      <c r="AR42" s="21">
        <v>589</v>
      </c>
      <c r="AS42" s="21">
        <v>485</v>
      </c>
      <c r="AT42" s="21">
        <v>439</v>
      </c>
      <c r="AU42" s="21">
        <v>346</v>
      </c>
      <c r="AV42" s="21">
        <v>325</v>
      </c>
      <c r="AW42" s="21">
        <v>271</v>
      </c>
      <c r="AX42" s="21">
        <v>253</v>
      </c>
      <c r="AY42" s="21">
        <v>195</v>
      </c>
      <c r="AZ42" s="21">
        <v>186</v>
      </c>
      <c r="BA42" s="21">
        <v>149</v>
      </c>
      <c r="BB42" s="21">
        <v>120</v>
      </c>
      <c r="BC42" s="21">
        <v>89</v>
      </c>
      <c r="BD42" s="21">
        <v>83</v>
      </c>
      <c r="BE42" s="21">
        <v>64</v>
      </c>
      <c r="BF42" s="21">
        <v>55</v>
      </c>
      <c r="BG42" s="21">
        <v>41</v>
      </c>
      <c r="BH42" s="13"/>
      <c r="BI42" s="16"/>
      <c r="BJ42" s="9"/>
      <c r="BK42" s="9"/>
      <c r="BL42" s="9" t="s">
        <v>29</v>
      </c>
      <c r="BM42" s="21">
        <f t="shared" si="1"/>
        <v>0</v>
      </c>
      <c r="BN42" s="21">
        <f t="shared" si="2"/>
        <v>0</v>
      </c>
      <c r="BO42" s="21">
        <f t="shared" si="3"/>
        <v>0</v>
      </c>
      <c r="BP42" s="21">
        <f t="shared" si="4"/>
        <v>0</v>
      </c>
      <c r="BQ42" s="21">
        <f t="shared" si="5"/>
        <v>7</v>
      </c>
      <c r="BR42" s="21">
        <f t="shared" si="6"/>
        <v>5</v>
      </c>
      <c r="BS42" s="21">
        <f t="shared" si="7"/>
        <v>10</v>
      </c>
      <c r="BT42" s="21">
        <f t="shared" si="8"/>
        <v>-1</v>
      </c>
      <c r="BU42" s="21">
        <f t="shared" si="9"/>
        <v>-11</v>
      </c>
      <c r="BV42" s="21">
        <f t="shared" si="10"/>
        <v>-39</v>
      </c>
      <c r="BW42" s="21">
        <f t="shared" si="11"/>
        <v>-49</v>
      </c>
      <c r="BX42" s="21">
        <f t="shared" si="12"/>
        <v>-59</v>
      </c>
      <c r="BY42" s="21">
        <f t="shared" si="13"/>
        <v>-55</v>
      </c>
      <c r="BZ42" s="21">
        <f t="shared" si="14"/>
        <v>-100</v>
      </c>
      <c r="CA42" s="21">
        <f t="shared" si="15"/>
        <v>-141</v>
      </c>
      <c r="CB42" s="21">
        <f t="shared" si="16"/>
        <v>-180</v>
      </c>
      <c r="CC42" s="21">
        <f t="shared" si="17"/>
        <v>6</v>
      </c>
      <c r="CD42" s="21">
        <f t="shared" si="18"/>
        <v>-2</v>
      </c>
      <c r="CE42" s="21">
        <f t="shared" si="19"/>
        <v>-5</v>
      </c>
      <c r="CF42" s="21">
        <f t="shared" si="20"/>
        <v>0</v>
      </c>
      <c r="CG42" s="21">
        <f t="shared" si="21"/>
        <v>0</v>
      </c>
      <c r="CH42" s="21">
        <f t="shared" si="22"/>
        <v>0</v>
      </c>
      <c r="CI42" s="21">
        <f t="shared" si="23"/>
        <v>0</v>
      </c>
      <c r="CJ42" s="21">
        <f t="shared" si="24"/>
        <v>0</v>
      </c>
      <c r="CK42" s="21">
        <f t="shared" si="25"/>
        <v>0</v>
      </c>
      <c r="CL42" s="16"/>
    </row>
    <row r="43" spans="1:90" x14ac:dyDescent="0.7">
      <c r="A43" s="7"/>
      <c r="D43" s="8" t="s">
        <v>30</v>
      </c>
      <c r="E43" s="42">
        <v>25130</v>
      </c>
      <c r="F43" s="42">
        <v>23678</v>
      </c>
      <c r="G43" s="42">
        <v>26267</v>
      </c>
      <c r="H43" s="42">
        <v>24351</v>
      </c>
      <c r="I43" s="42">
        <v>17814</v>
      </c>
      <c r="J43" s="42">
        <v>25342</v>
      </c>
      <c r="K43" s="42">
        <v>26515</v>
      </c>
      <c r="L43" s="42">
        <v>26241</v>
      </c>
      <c r="M43" s="42">
        <v>23164</v>
      </c>
      <c r="N43" s="42">
        <v>27217</v>
      </c>
      <c r="O43" s="42">
        <v>24546</v>
      </c>
      <c r="P43" s="42">
        <v>24203</v>
      </c>
      <c r="Q43" s="42">
        <v>19506</v>
      </c>
      <c r="R43" s="42">
        <v>18961</v>
      </c>
      <c r="S43" s="42">
        <v>18592</v>
      </c>
      <c r="T43" s="42">
        <v>18824</v>
      </c>
      <c r="U43" s="42">
        <v>16133</v>
      </c>
      <c r="V43" s="42">
        <v>18914</v>
      </c>
      <c r="W43" s="42">
        <v>17804</v>
      </c>
      <c r="X43" s="42">
        <v>18535</v>
      </c>
      <c r="Y43" s="42">
        <v>17258</v>
      </c>
      <c r="Z43" s="42">
        <v>25251</v>
      </c>
      <c r="AA43" s="42">
        <v>25059</v>
      </c>
      <c r="AB43" s="42">
        <v>20870</v>
      </c>
      <c r="AC43" s="42">
        <v>18795</v>
      </c>
      <c r="AD43" s="7"/>
      <c r="AE43" s="13"/>
      <c r="AF43" s="9"/>
      <c r="AG43" s="9"/>
      <c r="AH43" s="9" t="s">
        <v>30</v>
      </c>
      <c r="AI43" s="21">
        <v>25129</v>
      </c>
      <c r="AJ43" s="21">
        <v>23677</v>
      </c>
      <c r="AK43" s="21">
        <v>26267</v>
      </c>
      <c r="AL43" s="21">
        <v>24351</v>
      </c>
      <c r="AM43" s="21">
        <v>17908</v>
      </c>
      <c r="AN43" s="21">
        <v>25327</v>
      </c>
      <c r="AO43" s="21">
        <v>26757</v>
      </c>
      <c r="AP43" s="21">
        <v>26240</v>
      </c>
      <c r="AQ43" s="21">
        <v>22785</v>
      </c>
      <c r="AR43" s="21">
        <v>26823</v>
      </c>
      <c r="AS43" s="21">
        <v>24202</v>
      </c>
      <c r="AT43" s="21">
        <v>23688</v>
      </c>
      <c r="AU43" s="21">
        <v>19584</v>
      </c>
      <c r="AV43" s="21">
        <v>18692</v>
      </c>
      <c r="AW43" s="21">
        <v>18113</v>
      </c>
      <c r="AX43" s="21">
        <v>18631</v>
      </c>
      <c r="AY43" s="21">
        <v>16206</v>
      </c>
      <c r="AZ43" s="21">
        <v>17846</v>
      </c>
      <c r="BA43" s="21">
        <v>17147</v>
      </c>
      <c r="BB43" s="21">
        <v>17854</v>
      </c>
      <c r="BC43" s="21">
        <v>15572</v>
      </c>
      <c r="BD43" s="21">
        <v>18644</v>
      </c>
      <c r="BE43" s="21">
        <v>18329</v>
      </c>
      <c r="BF43" s="21">
        <v>19465</v>
      </c>
      <c r="BG43" s="21">
        <v>18024</v>
      </c>
      <c r="BH43" s="13"/>
      <c r="BI43" s="16"/>
      <c r="BJ43" s="9"/>
      <c r="BK43" s="9"/>
      <c r="BL43" s="9" t="s">
        <v>30</v>
      </c>
      <c r="BM43" s="21">
        <f t="shared" si="1"/>
        <v>-1</v>
      </c>
      <c r="BN43" s="21">
        <f t="shared" si="2"/>
        <v>-1</v>
      </c>
      <c r="BO43" s="21">
        <f t="shared" si="3"/>
        <v>0</v>
      </c>
      <c r="BP43" s="21">
        <f t="shared" si="4"/>
        <v>0</v>
      </c>
      <c r="BQ43" s="21">
        <f t="shared" si="5"/>
        <v>94</v>
      </c>
      <c r="BR43" s="21">
        <f t="shared" si="6"/>
        <v>-15</v>
      </c>
      <c r="BS43" s="21">
        <f t="shared" si="7"/>
        <v>242</v>
      </c>
      <c r="BT43" s="21">
        <f t="shared" si="8"/>
        <v>-1</v>
      </c>
      <c r="BU43" s="21">
        <f t="shared" si="9"/>
        <v>-379</v>
      </c>
      <c r="BV43" s="21">
        <f t="shared" si="10"/>
        <v>-394</v>
      </c>
      <c r="BW43" s="21">
        <f t="shared" si="11"/>
        <v>-344</v>
      </c>
      <c r="BX43" s="21">
        <f t="shared" si="12"/>
        <v>-515</v>
      </c>
      <c r="BY43" s="21">
        <f t="shared" si="13"/>
        <v>78</v>
      </c>
      <c r="BZ43" s="21">
        <f t="shared" si="14"/>
        <v>-269</v>
      </c>
      <c r="CA43" s="21">
        <f t="shared" si="15"/>
        <v>-479</v>
      </c>
      <c r="CB43" s="21">
        <f t="shared" si="16"/>
        <v>-193</v>
      </c>
      <c r="CC43" s="21">
        <f t="shared" si="17"/>
        <v>73</v>
      </c>
      <c r="CD43" s="21">
        <f t="shared" si="18"/>
        <v>-1068</v>
      </c>
      <c r="CE43" s="21">
        <f t="shared" si="19"/>
        <v>-657</v>
      </c>
      <c r="CF43" s="21">
        <f t="shared" si="20"/>
        <v>-681</v>
      </c>
      <c r="CG43" s="21">
        <f t="shared" si="21"/>
        <v>-1686</v>
      </c>
      <c r="CH43" s="21">
        <f t="shared" si="22"/>
        <v>-6607</v>
      </c>
      <c r="CI43" s="21">
        <f t="shared" si="23"/>
        <v>-6730</v>
      </c>
      <c r="CJ43" s="21">
        <f t="shared" si="24"/>
        <v>-1405</v>
      </c>
      <c r="CK43" s="21">
        <f t="shared" si="25"/>
        <v>-771</v>
      </c>
      <c r="CL43" s="16"/>
    </row>
    <row r="44" spans="1:90" x14ac:dyDescent="0.7">
      <c r="A44" s="7"/>
      <c r="D44" s="8" t="s">
        <v>31</v>
      </c>
      <c r="E44" s="42">
        <v>4904</v>
      </c>
      <c r="F44" s="42">
        <v>5364</v>
      </c>
      <c r="G44" s="42">
        <v>6012</v>
      </c>
      <c r="H44" s="42">
        <v>6006</v>
      </c>
      <c r="I44" s="42">
        <v>4671</v>
      </c>
      <c r="J44" s="42">
        <v>6741</v>
      </c>
      <c r="K44" s="42">
        <v>7447</v>
      </c>
      <c r="L44" s="42">
        <v>8191</v>
      </c>
      <c r="M44" s="42">
        <v>7815</v>
      </c>
      <c r="N44" s="42">
        <v>9348</v>
      </c>
      <c r="O44" s="42">
        <v>8983</v>
      </c>
      <c r="P44" s="42">
        <v>10035</v>
      </c>
      <c r="Q44" s="42">
        <v>10513</v>
      </c>
      <c r="R44" s="42">
        <v>13533</v>
      </c>
      <c r="S44" s="42">
        <v>13903</v>
      </c>
      <c r="T44" s="42">
        <v>14441</v>
      </c>
      <c r="U44" s="42">
        <v>12124</v>
      </c>
      <c r="V44" s="42">
        <v>14386</v>
      </c>
      <c r="W44" s="42">
        <v>14645</v>
      </c>
      <c r="X44" s="42">
        <v>16259</v>
      </c>
      <c r="Y44" s="42">
        <v>15076</v>
      </c>
      <c r="Z44" s="42">
        <v>21457</v>
      </c>
      <c r="AA44" s="42">
        <v>21768</v>
      </c>
      <c r="AB44" s="42">
        <v>16768</v>
      </c>
      <c r="AC44" s="42">
        <v>13533</v>
      </c>
      <c r="AD44" s="7"/>
      <c r="AE44" s="13"/>
      <c r="AF44" s="9"/>
      <c r="AG44" s="9"/>
      <c r="AH44" s="9" t="s">
        <v>31</v>
      </c>
      <c r="AI44" s="21">
        <v>4902</v>
      </c>
      <c r="AJ44" s="21">
        <v>5359</v>
      </c>
      <c r="AK44" s="21">
        <v>6008</v>
      </c>
      <c r="AL44" s="21">
        <v>6002</v>
      </c>
      <c r="AM44" s="21">
        <v>4675</v>
      </c>
      <c r="AN44" s="21">
        <v>6741</v>
      </c>
      <c r="AO44" s="21">
        <v>7462</v>
      </c>
      <c r="AP44" s="21">
        <v>8191</v>
      </c>
      <c r="AQ44" s="21">
        <v>7327</v>
      </c>
      <c r="AR44" s="21">
        <v>8795</v>
      </c>
      <c r="AS44" s="21">
        <v>8425</v>
      </c>
      <c r="AT44" s="21">
        <v>9336</v>
      </c>
      <c r="AU44" s="21">
        <v>10075</v>
      </c>
      <c r="AV44" s="21">
        <v>12873</v>
      </c>
      <c r="AW44" s="21">
        <v>13188</v>
      </c>
      <c r="AX44" s="21">
        <v>13608</v>
      </c>
      <c r="AY44" s="21">
        <v>11565</v>
      </c>
      <c r="AZ44" s="21">
        <v>13194</v>
      </c>
      <c r="BA44" s="21">
        <v>13715</v>
      </c>
      <c r="BB44" s="21">
        <v>15115</v>
      </c>
      <c r="BC44" s="21">
        <v>14059</v>
      </c>
      <c r="BD44" s="21">
        <v>16610</v>
      </c>
      <c r="BE44" s="21">
        <v>16850</v>
      </c>
      <c r="BF44" s="21">
        <v>15750</v>
      </c>
      <c r="BG44" s="21">
        <v>13533</v>
      </c>
      <c r="BH44" s="13"/>
      <c r="BI44" s="16"/>
      <c r="BJ44" s="9"/>
      <c r="BK44" s="9"/>
      <c r="BL44" s="9" t="s">
        <v>31</v>
      </c>
      <c r="BM44" s="21">
        <f t="shared" si="1"/>
        <v>-2</v>
      </c>
      <c r="BN44" s="21">
        <f t="shared" si="2"/>
        <v>-5</v>
      </c>
      <c r="BO44" s="21">
        <f t="shared" si="3"/>
        <v>-4</v>
      </c>
      <c r="BP44" s="21">
        <f t="shared" si="4"/>
        <v>-4</v>
      </c>
      <c r="BQ44" s="21">
        <f t="shared" si="5"/>
        <v>4</v>
      </c>
      <c r="BR44" s="21">
        <f t="shared" si="6"/>
        <v>0</v>
      </c>
      <c r="BS44" s="21">
        <f t="shared" si="7"/>
        <v>15</v>
      </c>
      <c r="BT44" s="21">
        <f t="shared" si="8"/>
        <v>0</v>
      </c>
      <c r="BU44" s="21">
        <f t="shared" si="9"/>
        <v>-488</v>
      </c>
      <c r="BV44" s="21">
        <f t="shared" si="10"/>
        <v>-553</v>
      </c>
      <c r="BW44" s="21">
        <f t="shared" si="11"/>
        <v>-558</v>
      </c>
      <c r="BX44" s="21">
        <f t="shared" si="12"/>
        <v>-699</v>
      </c>
      <c r="BY44" s="21">
        <f t="shared" si="13"/>
        <v>-438</v>
      </c>
      <c r="BZ44" s="21">
        <f t="shared" si="14"/>
        <v>-660</v>
      </c>
      <c r="CA44" s="21">
        <f t="shared" si="15"/>
        <v>-715</v>
      </c>
      <c r="CB44" s="21">
        <f t="shared" si="16"/>
        <v>-833</v>
      </c>
      <c r="CC44" s="21">
        <f t="shared" si="17"/>
        <v>-559</v>
      </c>
      <c r="CD44" s="21">
        <f t="shared" si="18"/>
        <v>-1192</v>
      </c>
      <c r="CE44" s="21">
        <f t="shared" si="19"/>
        <v>-930</v>
      </c>
      <c r="CF44" s="21">
        <f t="shared" si="20"/>
        <v>-1144</v>
      </c>
      <c r="CG44" s="21">
        <f t="shared" si="21"/>
        <v>-1017</v>
      </c>
      <c r="CH44" s="21">
        <f t="shared" si="22"/>
        <v>-4847</v>
      </c>
      <c r="CI44" s="21">
        <f t="shared" si="23"/>
        <v>-4918</v>
      </c>
      <c r="CJ44" s="21">
        <f t="shared" si="24"/>
        <v>-1018</v>
      </c>
      <c r="CK44" s="21">
        <f t="shared" si="25"/>
        <v>0</v>
      </c>
      <c r="CL44" s="16"/>
    </row>
    <row r="45" spans="1:90" x14ac:dyDescent="0.7">
      <c r="A45" s="7"/>
      <c r="D45" s="8" t="s">
        <v>32</v>
      </c>
      <c r="E45" s="42">
        <v>1853</v>
      </c>
      <c r="F45" s="42">
        <v>1509</v>
      </c>
      <c r="G45" s="42">
        <v>1913</v>
      </c>
      <c r="H45" s="42">
        <v>1698</v>
      </c>
      <c r="I45" s="42">
        <v>964</v>
      </c>
      <c r="J45" s="42">
        <v>1618</v>
      </c>
      <c r="K45" s="42">
        <v>1919</v>
      </c>
      <c r="L45" s="42">
        <v>2223</v>
      </c>
      <c r="M45" s="42">
        <v>1891</v>
      </c>
      <c r="N45" s="42">
        <v>2289</v>
      </c>
      <c r="O45" s="42">
        <v>2147</v>
      </c>
      <c r="P45" s="42">
        <v>2414</v>
      </c>
      <c r="Q45" s="42">
        <v>2119</v>
      </c>
      <c r="R45" s="42">
        <v>2433</v>
      </c>
      <c r="S45" s="42">
        <v>2576</v>
      </c>
      <c r="T45" s="42">
        <v>2624</v>
      </c>
      <c r="U45" s="42">
        <v>2259</v>
      </c>
      <c r="V45" s="42">
        <v>2676</v>
      </c>
      <c r="W45" s="42">
        <v>2494</v>
      </c>
      <c r="X45" s="42">
        <v>2919</v>
      </c>
      <c r="Y45" s="42">
        <v>2514</v>
      </c>
      <c r="Z45" s="42">
        <v>3160</v>
      </c>
      <c r="AA45" s="42">
        <v>3044</v>
      </c>
      <c r="AB45" s="42">
        <v>3072</v>
      </c>
      <c r="AC45" s="42">
        <v>2595</v>
      </c>
      <c r="AD45" s="7"/>
      <c r="AE45" s="13"/>
      <c r="AF45" s="9"/>
      <c r="AG45" s="9"/>
      <c r="AH45" s="9" t="s">
        <v>32</v>
      </c>
      <c r="AI45" s="21">
        <v>1852</v>
      </c>
      <c r="AJ45" s="21">
        <v>1509</v>
      </c>
      <c r="AK45" s="21">
        <v>1912</v>
      </c>
      <c r="AL45" s="21">
        <v>1697</v>
      </c>
      <c r="AM45" s="21">
        <v>968</v>
      </c>
      <c r="AN45" s="21">
        <v>1619</v>
      </c>
      <c r="AO45" s="21">
        <v>1925</v>
      </c>
      <c r="AP45" s="21">
        <v>2223</v>
      </c>
      <c r="AQ45" s="21">
        <v>1663</v>
      </c>
      <c r="AR45" s="21">
        <v>2026</v>
      </c>
      <c r="AS45" s="21">
        <v>1887</v>
      </c>
      <c r="AT45" s="21">
        <v>2130</v>
      </c>
      <c r="AU45" s="21">
        <v>2075</v>
      </c>
      <c r="AV45" s="21">
        <v>2194</v>
      </c>
      <c r="AW45" s="21">
        <v>2343</v>
      </c>
      <c r="AX45" s="21">
        <v>2286</v>
      </c>
      <c r="AY45" s="21">
        <v>2157</v>
      </c>
      <c r="AZ45" s="21">
        <v>2314</v>
      </c>
      <c r="BA45" s="21">
        <v>2204</v>
      </c>
      <c r="BB45" s="21">
        <v>2519</v>
      </c>
      <c r="BC45" s="21">
        <v>2151</v>
      </c>
      <c r="BD45" s="21">
        <v>2447</v>
      </c>
      <c r="BE45" s="21">
        <v>2319</v>
      </c>
      <c r="BF45" s="21">
        <v>2642</v>
      </c>
      <c r="BG45" s="21">
        <v>2355</v>
      </c>
      <c r="BH45" s="13"/>
      <c r="BI45" s="16"/>
      <c r="BJ45" s="9"/>
      <c r="BK45" s="9"/>
      <c r="BL45" s="9" t="s">
        <v>32</v>
      </c>
      <c r="BM45" s="21">
        <f t="shared" si="1"/>
        <v>-1</v>
      </c>
      <c r="BN45" s="21">
        <f t="shared" si="2"/>
        <v>0</v>
      </c>
      <c r="BO45" s="21">
        <f t="shared" si="3"/>
        <v>-1</v>
      </c>
      <c r="BP45" s="21">
        <f t="shared" si="4"/>
        <v>-1</v>
      </c>
      <c r="BQ45" s="21">
        <f t="shared" si="5"/>
        <v>4</v>
      </c>
      <c r="BR45" s="21">
        <f t="shared" si="6"/>
        <v>1</v>
      </c>
      <c r="BS45" s="21">
        <f t="shared" si="7"/>
        <v>6</v>
      </c>
      <c r="BT45" s="21">
        <f t="shared" si="8"/>
        <v>0</v>
      </c>
      <c r="BU45" s="21">
        <f t="shared" si="9"/>
        <v>-228</v>
      </c>
      <c r="BV45" s="21">
        <f t="shared" si="10"/>
        <v>-263</v>
      </c>
      <c r="BW45" s="21">
        <f t="shared" si="11"/>
        <v>-260</v>
      </c>
      <c r="BX45" s="21">
        <f t="shared" si="12"/>
        <v>-284</v>
      </c>
      <c r="BY45" s="21">
        <f t="shared" si="13"/>
        <v>-44</v>
      </c>
      <c r="BZ45" s="21">
        <f t="shared" si="14"/>
        <v>-239</v>
      </c>
      <c r="CA45" s="21">
        <f t="shared" si="15"/>
        <v>-233</v>
      </c>
      <c r="CB45" s="21">
        <f t="shared" si="16"/>
        <v>-338</v>
      </c>
      <c r="CC45" s="21">
        <f t="shared" si="17"/>
        <v>-102</v>
      </c>
      <c r="CD45" s="21">
        <f t="shared" si="18"/>
        <v>-362</v>
      </c>
      <c r="CE45" s="21">
        <f t="shared" si="19"/>
        <v>-290</v>
      </c>
      <c r="CF45" s="21">
        <f t="shared" si="20"/>
        <v>-400</v>
      </c>
      <c r="CG45" s="21">
        <f t="shared" si="21"/>
        <v>-363</v>
      </c>
      <c r="CH45" s="21">
        <f t="shared" si="22"/>
        <v>-713</v>
      </c>
      <c r="CI45" s="21">
        <f t="shared" si="23"/>
        <v>-725</v>
      </c>
      <c r="CJ45" s="21">
        <f t="shared" si="24"/>
        <v>-430</v>
      </c>
      <c r="CK45" s="21">
        <f t="shared" si="25"/>
        <v>-240</v>
      </c>
      <c r="CL45" s="16"/>
    </row>
    <row r="46" spans="1:90" x14ac:dyDescent="0.7">
      <c r="A46" s="7"/>
      <c r="D46" s="8" t="s">
        <v>33</v>
      </c>
      <c r="E46" s="42">
        <v>1853</v>
      </c>
      <c r="F46" s="42">
        <v>1509</v>
      </c>
      <c r="G46" s="42">
        <v>1913</v>
      </c>
      <c r="H46" s="42">
        <v>1698</v>
      </c>
      <c r="I46" s="42">
        <v>964</v>
      </c>
      <c r="J46" s="42">
        <v>1618</v>
      </c>
      <c r="K46" s="42">
        <v>1919</v>
      </c>
      <c r="L46" s="42">
        <v>2223</v>
      </c>
      <c r="M46" s="42">
        <v>1891</v>
      </c>
      <c r="N46" s="42">
        <v>2289</v>
      </c>
      <c r="O46" s="42">
        <v>2147</v>
      </c>
      <c r="P46" s="42">
        <v>2414</v>
      </c>
      <c r="Q46" s="42">
        <v>2119</v>
      </c>
      <c r="R46" s="42">
        <v>2433</v>
      </c>
      <c r="S46" s="42">
        <v>2576</v>
      </c>
      <c r="T46" s="42">
        <v>2624</v>
      </c>
      <c r="U46" s="42">
        <v>2259</v>
      </c>
      <c r="V46" s="42">
        <v>2676</v>
      </c>
      <c r="W46" s="42">
        <v>2494</v>
      </c>
      <c r="X46" s="42">
        <v>2919</v>
      </c>
      <c r="Y46" s="42">
        <v>2514</v>
      </c>
      <c r="Z46" s="42">
        <v>3160</v>
      </c>
      <c r="AA46" s="42">
        <v>3044</v>
      </c>
      <c r="AB46" s="42">
        <v>3072</v>
      </c>
      <c r="AC46" s="42">
        <v>2595</v>
      </c>
      <c r="AD46" s="7"/>
      <c r="AE46" s="13"/>
      <c r="AF46" s="9"/>
      <c r="AG46" s="9"/>
      <c r="AH46" s="9" t="s">
        <v>33</v>
      </c>
      <c r="AI46" s="21">
        <v>1852</v>
      </c>
      <c r="AJ46" s="21">
        <v>1509</v>
      </c>
      <c r="AK46" s="21">
        <v>1912</v>
      </c>
      <c r="AL46" s="21">
        <v>1697</v>
      </c>
      <c r="AM46" s="21">
        <v>968</v>
      </c>
      <c r="AN46" s="21">
        <v>1619</v>
      </c>
      <c r="AO46" s="21">
        <v>1925</v>
      </c>
      <c r="AP46" s="21">
        <v>2223</v>
      </c>
      <c r="AQ46" s="21">
        <v>1663</v>
      </c>
      <c r="AR46" s="21">
        <v>2026</v>
      </c>
      <c r="AS46" s="21">
        <v>1887</v>
      </c>
      <c r="AT46" s="21">
        <v>2130</v>
      </c>
      <c r="AU46" s="21">
        <v>2075</v>
      </c>
      <c r="AV46" s="21">
        <v>2194</v>
      </c>
      <c r="AW46" s="21">
        <v>2343</v>
      </c>
      <c r="AX46" s="21">
        <v>2286</v>
      </c>
      <c r="AY46" s="21">
        <v>2157</v>
      </c>
      <c r="AZ46" s="21">
        <v>2314</v>
      </c>
      <c r="BA46" s="21">
        <v>2204</v>
      </c>
      <c r="BB46" s="21">
        <v>2519</v>
      </c>
      <c r="BC46" s="21">
        <v>2151</v>
      </c>
      <c r="BD46" s="21">
        <v>2447</v>
      </c>
      <c r="BE46" s="21">
        <v>2319</v>
      </c>
      <c r="BF46" s="21">
        <v>2642</v>
      </c>
      <c r="BG46" s="21">
        <v>2355</v>
      </c>
      <c r="BH46" s="13"/>
      <c r="BI46" s="16"/>
      <c r="BJ46" s="9"/>
      <c r="BK46" s="9"/>
      <c r="BL46" s="9" t="s">
        <v>33</v>
      </c>
      <c r="BM46" s="21">
        <f t="shared" si="1"/>
        <v>-1</v>
      </c>
      <c r="BN46" s="21">
        <f t="shared" si="2"/>
        <v>0</v>
      </c>
      <c r="BO46" s="21">
        <f t="shared" si="3"/>
        <v>-1</v>
      </c>
      <c r="BP46" s="21">
        <f t="shared" si="4"/>
        <v>-1</v>
      </c>
      <c r="BQ46" s="21">
        <f t="shared" si="5"/>
        <v>4</v>
      </c>
      <c r="BR46" s="21">
        <f t="shared" si="6"/>
        <v>1</v>
      </c>
      <c r="BS46" s="21">
        <f t="shared" si="7"/>
        <v>6</v>
      </c>
      <c r="BT46" s="21">
        <f t="shared" si="8"/>
        <v>0</v>
      </c>
      <c r="BU46" s="21">
        <f t="shared" si="9"/>
        <v>-228</v>
      </c>
      <c r="BV46" s="21">
        <f t="shared" si="10"/>
        <v>-263</v>
      </c>
      <c r="BW46" s="21">
        <f t="shared" si="11"/>
        <v>-260</v>
      </c>
      <c r="BX46" s="21">
        <f t="shared" si="12"/>
        <v>-284</v>
      </c>
      <c r="BY46" s="21">
        <f t="shared" si="13"/>
        <v>-44</v>
      </c>
      <c r="BZ46" s="21">
        <f t="shared" si="14"/>
        <v>-239</v>
      </c>
      <c r="CA46" s="21">
        <f t="shared" si="15"/>
        <v>-233</v>
      </c>
      <c r="CB46" s="21">
        <f t="shared" si="16"/>
        <v>-338</v>
      </c>
      <c r="CC46" s="21">
        <f t="shared" si="17"/>
        <v>-102</v>
      </c>
      <c r="CD46" s="21">
        <f t="shared" si="18"/>
        <v>-362</v>
      </c>
      <c r="CE46" s="21">
        <f t="shared" si="19"/>
        <v>-290</v>
      </c>
      <c r="CF46" s="21">
        <f t="shared" si="20"/>
        <v>-400</v>
      </c>
      <c r="CG46" s="21">
        <f t="shared" si="21"/>
        <v>-363</v>
      </c>
      <c r="CH46" s="21">
        <f t="shared" si="22"/>
        <v>-713</v>
      </c>
      <c r="CI46" s="21">
        <f t="shared" si="23"/>
        <v>-725</v>
      </c>
      <c r="CJ46" s="21">
        <f t="shared" si="24"/>
        <v>-430</v>
      </c>
      <c r="CK46" s="21">
        <f t="shared" si="25"/>
        <v>-240</v>
      </c>
      <c r="CL46" s="16"/>
    </row>
    <row r="47" spans="1:90" x14ac:dyDescent="0.7">
      <c r="A47" s="7"/>
      <c r="B47" s="7"/>
      <c r="C47" s="7"/>
      <c r="D47" s="7"/>
      <c r="E47" s="7"/>
      <c r="F47" s="7"/>
      <c r="G47" s="7"/>
      <c r="H47" s="7"/>
      <c r="I47" s="7"/>
      <c r="J47" s="7"/>
      <c r="K47" s="7"/>
      <c r="L47" s="7"/>
      <c r="M47" s="7"/>
      <c r="N47" s="7"/>
      <c r="O47" s="7"/>
      <c r="P47" s="7"/>
      <c r="Q47" s="7"/>
      <c r="R47" s="7"/>
      <c r="S47" s="7"/>
      <c r="T47" s="7"/>
      <c r="U47" s="7"/>
      <c r="V47" s="7"/>
      <c r="W47" s="7"/>
      <c r="X47" s="7"/>
      <c r="Y47" s="7"/>
      <c r="Z47" s="7"/>
      <c r="AA47" s="7"/>
      <c r="AB47" s="7"/>
      <c r="AC47" s="7"/>
      <c r="AD47" s="7"/>
      <c r="AE47" s="13"/>
      <c r="AF47" s="13"/>
      <c r="AG47" s="13"/>
      <c r="AH47" s="13"/>
      <c r="AI47" s="13"/>
      <c r="AJ47" s="13"/>
      <c r="AK47" s="13"/>
      <c r="AL47" s="13"/>
      <c r="AM47" s="13"/>
      <c r="AN47" s="13"/>
      <c r="AO47" s="13"/>
      <c r="AP47" s="13"/>
      <c r="AQ47" s="13"/>
      <c r="AR47" s="13"/>
      <c r="AS47" s="13"/>
      <c r="AT47" s="13"/>
      <c r="AU47" s="13"/>
      <c r="AV47" s="13"/>
      <c r="AW47" s="13"/>
      <c r="AX47" s="13"/>
      <c r="AY47" s="13"/>
      <c r="AZ47" s="13"/>
      <c r="BA47" s="13"/>
      <c r="BB47" s="13"/>
      <c r="BC47" s="13"/>
      <c r="BD47" s="13"/>
      <c r="BE47" s="13"/>
      <c r="BF47" s="13"/>
      <c r="BG47" s="13"/>
      <c r="BH47" s="13"/>
      <c r="BI47" s="16"/>
      <c r="BJ47" s="16"/>
      <c r="BK47" s="16"/>
      <c r="BL47" s="16"/>
      <c r="BM47" s="16"/>
      <c r="BN47" s="16"/>
      <c r="BO47" s="16"/>
      <c r="BP47" s="16"/>
      <c r="BQ47" s="16"/>
      <c r="BR47" s="16"/>
      <c r="BS47" s="16"/>
      <c r="BT47" s="16"/>
      <c r="BU47" s="16"/>
      <c r="BV47" s="16"/>
      <c r="BW47" s="16"/>
      <c r="BX47" s="16"/>
      <c r="BY47" s="16"/>
      <c r="BZ47" s="16"/>
      <c r="CA47" s="16"/>
      <c r="CB47" s="16"/>
      <c r="CC47" s="16"/>
      <c r="CD47" s="16"/>
      <c r="CE47" s="16"/>
      <c r="CF47" s="16"/>
      <c r="CG47" s="16"/>
      <c r="CH47" s="16"/>
      <c r="CI47" s="16"/>
      <c r="CJ47" s="16"/>
      <c r="CK47" s="16"/>
      <c r="CL47" s="16"/>
    </row>
    <row r="55" spans="47:52" hidden="1" x14ac:dyDescent="0.7">
      <c r="AU55" s="10"/>
      <c r="AV55" s="10"/>
      <c r="AW55" s="10"/>
      <c r="AX55" s="10"/>
      <c r="AY55" s="10"/>
      <c r="AZ55" s="10"/>
    </row>
    <row r="56" spans="47:52" hidden="1" x14ac:dyDescent="0.7">
      <c r="AU56" s="10"/>
      <c r="AV56" s="10"/>
      <c r="AW56" s="10"/>
      <c r="AX56" s="10"/>
      <c r="AY56" s="10"/>
      <c r="AZ56" s="10"/>
    </row>
    <row r="57" spans="47:52" hidden="1" x14ac:dyDescent="0.7">
      <c r="AU57" s="10"/>
      <c r="AV57" s="10"/>
      <c r="AW57" s="10"/>
      <c r="AX57" s="10"/>
      <c r="AY57" s="10"/>
      <c r="AZ57" s="10"/>
    </row>
    <row r="58" spans="47:52" hidden="1" x14ac:dyDescent="0.7">
      <c r="AU58" s="10"/>
      <c r="AV58" s="10"/>
      <c r="AW58" s="10"/>
      <c r="AX58" s="10"/>
      <c r="AY58" s="10"/>
      <c r="AZ58" s="10"/>
    </row>
    <row r="59" spans="47:52" hidden="1" x14ac:dyDescent="0.7">
      <c r="AU59" s="10"/>
      <c r="AV59" s="10"/>
      <c r="AW59" s="10"/>
      <c r="AX59" s="10"/>
      <c r="AY59" s="10"/>
      <c r="AZ59" s="10"/>
    </row>
    <row r="60" spans="47:52" hidden="1" x14ac:dyDescent="0.7">
      <c r="AU60" s="10"/>
      <c r="AV60" s="10"/>
      <c r="AW60" s="10"/>
      <c r="AX60" s="10"/>
      <c r="AY60" s="10"/>
      <c r="AZ60" s="10"/>
    </row>
    <row r="61" spans="47:52" hidden="1" x14ac:dyDescent="0.7">
      <c r="AU61" s="10"/>
      <c r="AV61" s="10"/>
      <c r="AW61" s="10"/>
      <c r="AX61" s="10"/>
      <c r="AY61" s="10"/>
      <c r="AZ61" s="10"/>
    </row>
    <row r="62" spans="47:52" hidden="1" x14ac:dyDescent="0.7">
      <c r="AU62" s="10"/>
      <c r="AV62" s="10"/>
      <c r="AW62" s="10"/>
      <c r="AX62" s="10"/>
      <c r="AY62" s="10"/>
      <c r="AZ62" s="10"/>
    </row>
    <row r="63" spans="47:52" hidden="1" x14ac:dyDescent="0.7">
      <c r="AU63" s="10"/>
      <c r="AV63" s="10"/>
      <c r="AW63" s="10"/>
      <c r="AX63" s="10"/>
      <c r="AY63" s="10"/>
      <c r="AZ63" s="10"/>
    </row>
    <row r="64" spans="47:52" hidden="1" x14ac:dyDescent="0.7">
      <c r="AU64" s="10"/>
      <c r="AV64" s="10"/>
      <c r="AW64" s="10"/>
      <c r="AX64" s="10"/>
      <c r="AY64" s="10"/>
      <c r="AZ64" s="10"/>
    </row>
    <row r="65" spans="47:52" hidden="1" x14ac:dyDescent="0.7">
      <c r="AU65" s="10"/>
      <c r="AV65" s="10"/>
      <c r="AW65" s="10"/>
      <c r="AX65" s="10"/>
      <c r="AY65" s="10"/>
      <c r="AZ65" s="10"/>
    </row>
    <row r="66" spans="47:52" hidden="1" x14ac:dyDescent="0.7">
      <c r="AU66" s="10"/>
      <c r="AV66" s="10"/>
      <c r="AW66" s="10"/>
      <c r="AX66" s="10"/>
      <c r="AY66" s="10"/>
      <c r="AZ66" s="10"/>
    </row>
    <row r="67" spans="47:52" hidden="1" x14ac:dyDescent="0.7">
      <c r="AU67" s="10"/>
      <c r="AV67" s="10"/>
      <c r="AW67" s="10"/>
      <c r="AX67" s="10"/>
      <c r="AY67" s="10"/>
      <c r="AZ67" s="10"/>
    </row>
    <row r="68" spans="47:52" hidden="1" x14ac:dyDescent="0.7">
      <c r="AU68" s="10"/>
      <c r="AV68" s="10"/>
      <c r="AW68" s="10"/>
      <c r="AX68" s="10"/>
      <c r="AY68" s="10"/>
      <c r="AZ68" s="10"/>
    </row>
    <row r="69" spans="47:52" hidden="1" x14ac:dyDescent="0.7">
      <c r="AU69" s="10"/>
      <c r="AV69" s="10"/>
      <c r="AW69" s="10"/>
      <c r="AX69" s="10"/>
      <c r="AY69" s="10"/>
      <c r="AZ69" s="10"/>
    </row>
    <row r="70" spans="47:52" hidden="1" x14ac:dyDescent="0.7">
      <c r="AU70" s="10"/>
      <c r="AV70" s="10"/>
      <c r="AW70" s="10"/>
      <c r="AX70" s="10"/>
      <c r="AY70" s="10"/>
      <c r="AZ70" s="10"/>
    </row>
    <row r="71" spans="47:52" hidden="1" x14ac:dyDescent="0.7">
      <c r="AU71" s="10"/>
      <c r="AV71" s="10"/>
      <c r="AW71" s="10"/>
      <c r="AX71" s="10"/>
      <c r="AY71" s="10"/>
      <c r="AZ71" s="10"/>
    </row>
    <row r="72" spans="47:52" hidden="1" x14ac:dyDescent="0.7">
      <c r="AU72" s="10"/>
      <c r="AV72" s="10"/>
      <c r="AW72" s="10"/>
      <c r="AX72" s="10"/>
      <c r="AY72" s="10"/>
      <c r="AZ72" s="10"/>
    </row>
    <row r="73" spans="47:52" hidden="1" x14ac:dyDescent="0.7">
      <c r="AU73" s="10"/>
      <c r="AV73" s="10"/>
      <c r="AW73" s="10"/>
      <c r="AX73" s="10"/>
      <c r="AY73" s="10"/>
      <c r="AZ73" s="10"/>
    </row>
    <row r="74" spans="47:52" hidden="1" x14ac:dyDescent="0.7">
      <c r="AU74" s="10"/>
      <c r="AV74" s="10"/>
      <c r="AW74" s="10"/>
      <c r="AX74" s="10"/>
      <c r="AY74" s="10"/>
      <c r="AZ74" s="10"/>
    </row>
    <row r="75" spans="47:52" hidden="1" x14ac:dyDescent="0.7">
      <c r="AU75" s="10"/>
      <c r="AV75" s="10"/>
      <c r="AW75" s="10"/>
      <c r="AX75" s="10"/>
      <c r="AY75" s="10"/>
      <c r="AZ75" s="10"/>
    </row>
    <row r="76" spans="47:52" hidden="1" x14ac:dyDescent="0.7">
      <c r="AU76" s="10"/>
      <c r="AV76" s="10"/>
      <c r="AW76" s="10"/>
      <c r="AX76" s="10"/>
      <c r="AY76" s="10"/>
      <c r="AZ76" s="10"/>
    </row>
    <row r="77" spans="47:52" hidden="1" x14ac:dyDescent="0.7">
      <c r="AU77" s="10"/>
      <c r="AV77" s="10"/>
      <c r="AW77" s="10"/>
      <c r="AX77" s="10"/>
      <c r="AY77" s="10"/>
      <c r="AZ77" s="10"/>
    </row>
    <row r="78" spans="47:52" hidden="1" x14ac:dyDescent="0.7">
      <c r="AU78" s="10"/>
      <c r="AV78" s="10"/>
      <c r="AW78" s="10"/>
      <c r="AX78" s="10"/>
      <c r="AY78" s="10"/>
      <c r="AZ78" s="10"/>
    </row>
    <row r="79" spans="47:52" hidden="1" x14ac:dyDescent="0.7">
      <c r="AU79" s="10"/>
      <c r="AV79" s="10"/>
      <c r="AW79" s="10"/>
      <c r="AX79" s="10"/>
      <c r="AY79" s="10"/>
      <c r="AZ79" s="10"/>
    </row>
    <row r="80" spans="47:52" hidden="1" x14ac:dyDescent="0.7">
      <c r="AU80" s="10"/>
      <c r="AV80" s="10"/>
      <c r="AW80" s="10"/>
      <c r="AX80" s="10"/>
      <c r="AY80" s="10"/>
      <c r="AZ80" s="10"/>
    </row>
    <row r="81" spans="47:52" hidden="1" x14ac:dyDescent="0.7">
      <c r="AU81" s="10"/>
      <c r="AV81" s="10"/>
      <c r="AW81" s="10"/>
      <c r="AX81" s="10"/>
      <c r="AY81" s="10"/>
      <c r="AZ81" s="10"/>
    </row>
    <row r="82" spans="47:52" hidden="1" x14ac:dyDescent="0.7">
      <c r="AU82" s="10"/>
      <c r="AV82" s="10"/>
      <c r="AW82" s="10"/>
      <c r="AX82" s="10"/>
      <c r="AY82" s="10"/>
      <c r="AZ82" s="10"/>
    </row>
    <row r="83" spans="47:52" hidden="1" x14ac:dyDescent="0.7">
      <c r="AU83" s="10"/>
      <c r="AV83" s="10"/>
      <c r="AW83" s="10"/>
      <c r="AX83" s="10"/>
      <c r="AY83" s="10"/>
      <c r="AZ83" s="10"/>
    </row>
    <row r="84" spans="47:52" hidden="1" x14ac:dyDescent="0.7">
      <c r="AU84" s="10"/>
      <c r="AV84" s="10"/>
      <c r="AW84" s="10"/>
      <c r="AX84" s="10"/>
      <c r="AY84" s="10"/>
      <c r="AZ84" s="10"/>
    </row>
    <row r="85" spans="47:52" hidden="1" x14ac:dyDescent="0.7">
      <c r="AU85" s="10"/>
      <c r="AV85" s="10"/>
      <c r="AW85" s="10"/>
      <c r="AX85" s="10"/>
      <c r="AY85" s="10"/>
      <c r="AZ85" s="10"/>
    </row>
    <row r="86" spans="47:52" hidden="1" x14ac:dyDescent="0.7">
      <c r="AU86" s="10"/>
      <c r="AV86" s="10"/>
      <c r="AW86" s="10"/>
      <c r="AX86" s="10"/>
      <c r="AY86" s="10"/>
      <c r="AZ86" s="10"/>
    </row>
    <row r="87" spans="47:52" hidden="1" x14ac:dyDescent="0.7">
      <c r="AU87" s="10"/>
      <c r="AV87" s="10"/>
      <c r="AW87" s="10"/>
      <c r="AX87" s="10"/>
      <c r="AY87" s="10"/>
      <c r="AZ87" s="10"/>
    </row>
    <row r="88" spans="47:52" hidden="1" x14ac:dyDescent="0.7">
      <c r="AU88" s="10"/>
      <c r="AV88" s="10"/>
      <c r="AW88" s="10"/>
      <c r="AX88" s="10"/>
      <c r="AY88" s="10"/>
      <c r="AZ88" s="10"/>
    </row>
    <row r="89" spans="47:52" hidden="1" x14ac:dyDescent="0.7">
      <c r="AU89" s="10"/>
      <c r="AV89" s="10"/>
      <c r="AW89" s="10"/>
      <c r="AX89" s="10"/>
      <c r="AY89" s="10"/>
      <c r="AZ89" s="10"/>
    </row>
    <row r="90" spans="47:52" hidden="1" x14ac:dyDescent="0.7">
      <c r="AU90" s="10"/>
      <c r="AV90" s="10"/>
      <c r="AW90" s="10"/>
      <c r="AX90" s="10"/>
      <c r="AY90" s="10"/>
      <c r="AZ90" s="10"/>
    </row>
    <row r="91" spans="47:52" hidden="1" x14ac:dyDescent="0.7">
      <c r="AU91" s="10"/>
      <c r="AV91" s="10"/>
      <c r="AW91" s="10"/>
      <c r="AX91" s="10"/>
      <c r="AY91" s="10"/>
      <c r="AZ91" s="10"/>
    </row>
    <row r="92" spans="47:52" hidden="1" x14ac:dyDescent="0.7">
      <c r="AU92" s="10"/>
      <c r="AV92" s="10"/>
      <c r="AW92" s="10"/>
      <c r="AX92" s="10"/>
      <c r="AY92" s="10"/>
      <c r="AZ92" s="10"/>
    </row>
    <row r="93" spans="47:52" hidden="1" x14ac:dyDescent="0.7">
      <c r="AU93" s="10"/>
      <c r="AV93" s="10"/>
      <c r="AW93" s="10"/>
      <c r="AX93" s="10"/>
      <c r="AY93" s="10"/>
      <c r="AZ93" s="10"/>
    </row>
    <row r="94" spans="47:52" hidden="1" x14ac:dyDescent="0.7">
      <c r="AU94" s="10"/>
      <c r="AV94" s="10"/>
      <c r="AW94" s="10"/>
      <c r="AX94" s="10"/>
      <c r="AY94" s="10"/>
      <c r="AZ94" s="10"/>
    </row>
    <row r="95" spans="47:52" hidden="1" x14ac:dyDescent="0.7">
      <c r="AU95" s="10"/>
      <c r="AV95" s="10"/>
      <c r="AW95" s="10"/>
      <c r="AX95" s="10"/>
      <c r="AY95" s="10"/>
      <c r="AZ95" s="10"/>
    </row>
    <row r="96" spans="47:52" hidden="1" x14ac:dyDescent="0.7">
      <c r="AU96" s="10"/>
      <c r="AV96" s="10"/>
      <c r="AW96" s="10"/>
      <c r="AX96" s="10"/>
      <c r="AY96" s="10"/>
      <c r="AZ96" s="10"/>
    </row>
    <row r="97" spans="47:47" hidden="1" x14ac:dyDescent="0.7">
      <c r="AU97" s="10"/>
    </row>
    <row r="98" spans="47:47" hidden="1" x14ac:dyDescent="0.7">
      <c r="AU98" s="10"/>
    </row>
    <row r="99" spans="47:47" hidden="1" x14ac:dyDescent="0.7">
      <c r="AU99" s="10"/>
    </row>
    <row r="100" spans="47:47" hidden="1" x14ac:dyDescent="0.7">
      <c r="AU100" s="10"/>
    </row>
    <row r="101" spans="47:47" hidden="1" x14ac:dyDescent="0.7">
      <c r="AU101" s="10"/>
    </row>
    <row r="102" spans="47:47" hidden="1" x14ac:dyDescent="0.7">
      <c r="AU102" s="10"/>
    </row>
    <row r="103" spans="47:47" hidden="1" x14ac:dyDescent="0.7">
      <c r="AU103" s="10"/>
    </row>
    <row r="104" spans="47:47" hidden="1" x14ac:dyDescent="0.7">
      <c r="AU104" s="10"/>
    </row>
    <row r="105" spans="47:47" hidden="1" x14ac:dyDescent="0.7">
      <c r="AU105" s="10"/>
    </row>
    <row r="106" spans="47:47" hidden="1" x14ac:dyDescent="0.7">
      <c r="AU106" s="10"/>
    </row>
    <row r="107" spans="47:47" hidden="1" x14ac:dyDescent="0.7">
      <c r="AU107" s="10"/>
    </row>
    <row r="108" spans="47:47" hidden="1" x14ac:dyDescent="0.7">
      <c r="AU108" s="10"/>
    </row>
    <row r="109" spans="47:47" hidden="1" x14ac:dyDescent="0.7">
      <c r="AU109" s="10"/>
    </row>
    <row r="110" spans="47:47" hidden="1" x14ac:dyDescent="0.7">
      <c r="AU110" s="10"/>
    </row>
    <row r="111" spans="47:47" hidden="1" x14ac:dyDescent="0.7">
      <c r="AU111" s="10"/>
    </row>
    <row r="112" spans="47:47" hidden="1" x14ac:dyDescent="0.7">
      <c r="AU112" s="10"/>
    </row>
    <row r="113" spans="47:47" hidden="1" x14ac:dyDescent="0.7">
      <c r="AU113" s="10"/>
    </row>
    <row r="114" spans="47:47" hidden="1" x14ac:dyDescent="0.7">
      <c r="AU114" s="10"/>
    </row>
    <row r="115" spans="47:47" hidden="1" x14ac:dyDescent="0.7">
      <c r="AU115" s="10"/>
    </row>
    <row r="116" spans="47:47" hidden="1" x14ac:dyDescent="0.7">
      <c r="AU116" s="10"/>
    </row>
    <row r="117" spans="47:47" hidden="1" x14ac:dyDescent="0.7">
      <c r="AU117" s="10"/>
    </row>
    <row r="118" spans="47:47" hidden="1" x14ac:dyDescent="0.7">
      <c r="AU118" s="10"/>
    </row>
    <row r="119" spans="47:47" hidden="1" x14ac:dyDescent="0.7">
      <c r="AU119" s="10"/>
    </row>
    <row r="120" spans="47:47" hidden="1" x14ac:dyDescent="0.7">
      <c r="AU120" s="10"/>
    </row>
    <row r="121" spans="47:47" hidden="1" x14ac:dyDescent="0.7">
      <c r="AU121" s="10"/>
    </row>
    <row r="122" spans="47:47" hidden="1" x14ac:dyDescent="0.7">
      <c r="AU122" s="10"/>
    </row>
    <row r="123" spans="47:47" hidden="1" x14ac:dyDescent="0.7">
      <c r="AU123" s="10"/>
    </row>
    <row r="124" spans="47:47" hidden="1" x14ac:dyDescent="0.7">
      <c r="AU124" s="10"/>
    </row>
    <row r="125" spans="47:47" hidden="1" x14ac:dyDescent="0.7">
      <c r="AU125" s="10"/>
    </row>
    <row r="126" spans="47:47" hidden="1" x14ac:dyDescent="0.7">
      <c r="AU126" s="10"/>
    </row>
    <row r="127" spans="47:47" hidden="1" x14ac:dyDescent="0.7">
      <c r="AU127" s="10"/>
    </row>
    <row r="128" spans="47:47" hidden="1" x14ac:dyDescent="0.7">
      <c r="AU128" s="10"/>
    </row>
    <row r="129" spans="47:47" hidden="1" x14ac:dyDescent="0.7">
      <c r="AU129" s="10"/>
    </row>
    <row r="130" spans="47:47" hidden="1" x14ac:dyDescent="0.7">
      <c r="AU130" s="10"/>
    </row>
    <row r="131" spans="47:47" hidden="1" x14ac:dyDescent="0.7">
      <c r="AU131" s="10"/>
    </row>
    <row r="132" spans="47:47" hidden="1" x14ac:dyDescent="0.7">
      <c r="AU132" s="10"/>
    </row>
    <row r="133" spans="47:47" hidden="1" x14ac:dyDescent="0.7">
      <c r="AU133" s="10"/>
    </row>
    <row r="134" spans="47:47" hidden="1" x14ac:dyDescent="0.7">
      <c r="AU134" s="10"/>
    </row>
    <row r="135" spans="47:47" hidden="1" x14ac:dyDescent="0.7">
      <c r="AU135" s="10"/>
    </row>
    <row r="136" spans="47:47" hidden="1" x14ac:dyDescent="0.7">
      <c r="AU136" s="10"/>
    </row>
    <row r="137" spans="47:47" hidden="1" x14ac:dyDescent="0.7">
      <c r="AU137" s="10"/>
    </row>
    <row r="138" spans="47:47" hidden="1" x14ac:dyDescent="0.7">
      <c r="AU138" s="10"/>
    </row>
    <row r="139" spans="47:47" hidden="1" x14ac:dyDescent="0.7">
      <c r="AU139" s="10"/>
    </row>
    <row r="140" spans="47:47" hidden="1" x14ac:dyDescent="0.7">
      <c r="AU140" s="10"/>
    </row>
    <row r="141" spans="47:47" hidden="1" x14ac:dyDescent="0.7">
      <c r="AU141" s="10"/>
    </row>
    <row r="142" spans="47:47" hidden="1" x14ac:dyDescent="0.7">
      <c r="AU142" s="10"/>
    </row>
    <row r="143" spans="47:47" hidden="1" x14ac:dyDescent="0.7">
      <c r="AU143" s="10"/>
    </row>
    <row r="144" spans="47:47" hidden="1" x14ac:dyDescent="0.7">
      <c r="AU144" s="10"/>
    </row>
    <row r="145" spans="47:47" hidden="1" x14ac:dyDescent="0.7">
      <c r="AU145" s="10"/>
    </row>
    <row r="146" spans="47:47" hidden="1" x14ac:dyDescent="0.7">
      <c r="AU146" s="10"/>
    </row>
    <row r="147" spans="47:47" hidden="1" x14ac:dyDescent="0.7">
      <c r="AU147" s="10"/>
    </row>
    <row r="148" spans="47:47" hidden="1" x14ac:dyDescent="0.7">
      <c r="AU148" s="10"/>
    </row>
    <row r="149" spans="47:47" hidden="1" x14ac:dyDescent="0.7">
      <c r="AU149" s="10"/>
    </row>
    <row r="150" spans="47:47" hidden="1" x14ac:dyDescent="0.7">
      <c r="AU150" s="10"/>
    </row>
    <row r="151" spans="47:47" hidden="1" x14ac:dyDescent="0.7">
      <c r="AU151" s="10"/>
    </row>
    <row r="152" spans="47:47" hidden="1" x14ac:dyDescent="0.7">
      <c r="AU152" s="10"/>
    </row>
    <row r="153" spans="47:47" hidden="1" x14ac:dyDescent="0.7">
      <c r="AU153" s="10"/>
    </row>
    <row r="154" spans="47:47" hidden="1" x14ac:dyDescent="0.7">
      <c r="AU154" s="10"/>
    </row>
    <row r="155" spans="47:47" hidden="1" x14ac:dyDescent="0.7">
      <c r="AU155" s="10"/>
    </row>
    <row r="156" spans="47:47" hidden="1" x14ac:dyDescent="0.7">
      <c r="AU156" s="10"/>
    </row>
    <row r="157" spans="47:47" hidden="1" x14ac:dyDescent="0.7">
      <c r="AU157" s="10"/>
    </row>
    <row r="158" spans="47:47" hidden="1" x14ac:dyDescent="0.7">
      <c r="AU158" s="10"/>
    </row>
    <row r="159" spans="47:47" hidden="1" x14ac:dyDescent="0.7">
      <c r="AU159" s="10"/>
    </row>
    <row r="160" spans="47:47" hidden="1" x14ac:dyDescent="0.7">
      <c r="AU160" s="10"/>
    </row>
    <row r="161" spans="47:47" hidden="1" x14ac:dyDescent="0.7">
      <c r="AU161" s="10"/>
    </row>
    <row r="162" spans="47:47" hidden="1" x14ac:dyDescent="0.7">
      <c r="AU162" s="10"/>
    </row>
    <row r="163" spans="47:47" hidden="1" x14ac:dyDescent="0.7">
      <c r="AU163" s="10"/>
    </row>
    <row r="164" spans="47:47" hidden="1" x14ac:dyDescent="0.7">
      <c r="AU164" s="10"/>
    </row>
    <row r="165" spans="47:47" hidden="1" x14ac:dyDescent="0.7">
      <c r="AU165" s="10"/>
    </row>
    <row r="166" spans="47:47" hidden="1" x14ac:dyDescent="0.7">
      <c r="AU166" s="10"/>
    </row>
    <row r="167" spans="47:47" hidden="1" x14ac:dyDescent="0.7">
      <c r="AU167" s="10"/>
    </row>
    <row r="168" spans="47:47" hidden="1" x14ac:dyDescent="0.7">
      <c r="AU168" s="10"/>
    </row>
    <row r="169" spans="47:47" hidden="1" x14ac:dyDescent="0.7">
      <c r="AU169" s="10"/>
    </row>
    <row r="170" spans="47:47" hidden="1" x14ac:dyDescent="0.7">
      <c r="AU170" s="10"/>
    </row>
    <row r="171" spans="47:47" hidden="1" x14ac:dyDescent="0.7">
      <c r="AU171" s="10"/>
    </row>
    <row r="172" spans="47:47" hidden="1" x14ac:dyDescent="0.7">
      <c r="AU172" s="10"/>
    </row>
    <row r="173" spans="47:47" hidden="1" x14ac:dyDescent="0.7">
      <c r="AU173" s="10"/>
    </row>
    <row r="174" spans="47:47" hidden="1" x14ac:dyDescent="0.7">
      <c r="AU174" s="10"/>
    </row>
    <row r="175" spans="47:47" hidden="1" x14ac:dyDescent="0.7">
      <c r="AU175" s="10"/>
    </row>
    <row r="176" spans="47:47" hidden="1" x14ac:dyDescent="0.7">
      <c r="AU176" s="10"/>
    </row>
    <row r="177" spans="47:47" hidden="1" x14ac:dyDescent="0.7">
      <c r="AU177" s="10"/>
    </row>
    <row r="178" spans="47:47" hidden="1" x14ac:dyDescent="0.7">
      <c r="AU178" s="10"/>
    </row>
    <row r="179" spans="47:47" hidden="1" x14ac:dyDescent="0.7">
      <c r="AU179" s="10"/>
    </row>
    <row r="180" spans="47:47" hidden="1" x14ac:dyDescent="0.7">
      <c r="AU180" s="10"/>
    </row>
    <row r="181" spans="47:47" hidden="1" x14ac:dyDescent="0.7">
      <c r="AU181" s="10"/>
    </row>
    <row r="182" spans="47:47" hidden="1" x14ac:dyDescent="0.7">
      <c r="AU182" s="10"/>
    </row>
    <row r="183" spans="47:47" hidden="1" x14ac:dyDescent="0.7">
      <c r="AU183" s="10"/>
    </row>
    <row r="184" spans="47:47" hidden="1" x14ac:dyDescent="0.7">
      <c r="AU184" s="10"/>
    </row>
    <row r="185" spans="47:47" hidden="1" x14ac:dyDescent="0.7">
      <c r="AU185" s="10"/>
    </row>
    <row r="186" spans="47:47" hidden="1" x14ac:dyDescent="0.7">
      <c r="AU186" s="10"/>
    </row>
    <row r="187" spans="47:47" hidden="1" x14ac:dyDescent="0.7">
      <c r="AU187" s="10"/>
    </row>
    <row r="188" spans="47:47" hidden="1" x14ac:dyDescent="0.7">
      <c r="AU188" s="10"/>
    </row>
    <row r="189" spans="47:47" hidden="1" x14ac:dyDescent="0.7">
      <c r="AU189" s="10"/>
    </row>
    <row r="190" spans="47:47" hidden="1" x14ac:dyDescent="0.7">
      <c r="AU190" s="10"/>
    </row>
    <row r="191" spans="47:47" hidden="1" x14ac:dyDescent="0.7">
      <c r="AU191" s="10"/>
    </row>
    <row r="192" spans="47:47" hidden="1" x14ac:dyDescent="0.7">
      <c r="AU192" s="10"/>
    </row>
    <row r="193" spans="47:47" hidden="1" x14ac:dyDescent="0.7">
      <c r="AU193" s="10"/>
    </row>
    <row r="194" spans="47:47" hidden="1" x14ac:dyDescent="0.7">
      <c r="AU194" s="10"/>
    </row>
    <row r="195" spans="47:47" hidden="1" x14ac:dyDescent="0.7">
      <c r="AU195" s="10"/>
    </row>
    <row r="196" spans="47:47" hidden="1" x14ac:dyDescent="0.7">
      <c r="AU196" s="10"/>
    </row>
    <row r="197" spans="47:47" hidden="1" x14ac:dyDescent="0.7">
      <c r="AU197" s="10"/>
    </row>
    <row r="198" spans="47:47" hidden="1" x14ac:dyDescent="0.7">
      <c r="AU198" s="10"/>
    </row>
    <row r="199" spans="47:47" hidden="1" x14ac:dyDescent="0.7">
      <c r="AU199" s="10"/>
    </row>
    <row r="200" spans="47:47" hidden="1" x14ac:dyDescent="0.7">
      <c r="AU200" s="10"/>
    </row>
    <row r="201" spans="47:47" hidden="1" x14ac:dyDescent="0.7">
      <c r="AU201" s="10"/>
    </row>
    <row r="202" spans="47:47" hidden="1" x14ac:dyDescent="0.7">
      <c r="AU202" s="10"/>
    </row>
    <row r="203" spans="47:47" hidden="1" x14ac:dyDescent="0.7">
      <c r="AU203" s="10"/>
    </row>
    <row r="204" spans="47:47" hidden="1" x14ac:dyDescent="0.7">
      <c r="AU204" s="10"/>
    </row>
    <row r="205" spans="47:47" hidden="1" x14ac:dyDescent="0.7">
      <c r="AU205" s="10"/>
    </row>
    <row r="206" spans="47:47" hidden="1" x14ac:dyDescent="0.7">
      <c r="AU206" s="10"/>
    </row>
    <row r="207" spans="47:47" hidden="1" x14ac:dyDescent="0.7">
      <c r="AU207" s="10"/>
    </row>
    <row r="208" spans="47:47" hidden="1" x14ac:dyDescent="0.7">
      <c r="AU208" s="10"/>
    </row>
    <row r="209" spans="47:47" hidden="1" x14ac:dyDescent="0.7">
      <c r="AU209" s="10"/>
    </row>
    <row r="210" spans="47:47" hidden="1" x14ac:dyDescent="0.7">
      <c r="AU210" s="10"/>
    </row>
    <row r="211" spans="47:47" hidden="1" x14ac:dyDescent="0.7">
      <c r="AU211" s="10"/>
    </row>
    <row r="212" spans="47:47" hidden="1" x14ac:dyDescent="0.7">
      <c r="AU212" s="10"/>
    </row>
    <row r="213" spans="47:47" hidden="1" x14ac:dyDescent="0.7">
      <c r="AU213" s="10"/>
    </row>
    <row r="214" spans="47:47" hidden="1" x14ac:dyDescent="0.7">
      <c r="AU214" s="10"/>
    </row>
    <row r="215" spans="47:47" hidden="1" x14ac:dyDescent="0.7">
      <c r="AU215" s="10"/>
    </row>
    <row r="216" spans="47:47" hidden="1" x14ac:dyDescent="0.7">
      <c r="AU216" s="10"/>
    </row>
  </sheetData>
  <pageMargins left="0.7" right="0.7" top="0.75" bottom="0.75" header="0.3" footer="0.3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9604B3-D2B4-428A-A705-55EADE5B161A}">
  <dimension ref="A1:AT79"/>
  <sheetViews>
    <sheetView showGridLines="0" zoomScale="70" zoomScaleNormal="70" workbookViewId="0"/>
  </sheetViews>
  <sheetFormatPr defaultColWidth="0" defaultRowHeight="14.5" zeroHeight="1" x14ac:dyDescent="0.7"/>
  <cols>
    <col min="1" max="1" width="4.6796875" style="23" customWidth="1"/>
    <col min="2" max="2" width="17.7265625" style="23" customWidth="1"/>
    <col min="3" max="3" width="41.1796875" style="23" bestFit="1" customWidth="1"/>
    <col min="4" max="4" width="53.81640625" style="23" bestFit="1" customWidth="1"/>
    <col min="5" max="12" width="11.58984375" style="23" bestFit="1" customWidth="1"/>
    <col min="13" max="13" width="11.58984375" style="23" customWidth="1"/>
    <col min="14" max="15" width="4.6796875" style="23" customWidth="1"/>
    <col min="16" max="16" width="18.86328125" style="23" customWidth="1"/>
    <col min="17" max="17" width="41.1796875" style="23" bestFit="1" customWidth="1"/>
    <col min="18" max="18" width="53.81640625" style="23" bestFit="1" customWidth="1"/>
    <col min="19" max="26" width="11.58984375" style="23" bestFit="1" customWidth="1"/>
    <col min="27" max="27" width="11.58984375" style="23" customWidth="1"/>
    <col min="28" max="29" width="4.6796875" style="23" customWidth="1"/>
    <col min="30" max="30" width="17.6796875" style="23" bestFit="1" customWidth="1"/>
    <col min="31" max="31" width="41.1796875" style="23" bestFit="1" customWidth="1"/>
    <col min="32" max="32" width="53.81640625" style="23" bestFit="1" customWidth="1"/>
    <col min="33" max="40" width="11.58984375" style="23" bestFit="1" customWidth="1"/>
    <col min="41" max="41" width="11.58984375" style="23" customWidth="1"/>
    <col min="42" max="42" width="4.6796875" style="23" customWidth="1"/>
    <col min="43" max="46" width="0" style="23" hidden="1"/>
    <col min="47" max="16384" width="8.7265625" style="23" hidden="1"/>
  </cols>
  <sheetData>
    <row r="1" spans="1:42" ht="32.75" x14ac:dyDescent="1.35">
      <c r="A1" s="29" t="s">
        <v>75</v>
      </c>
    </row>
    <row r="2" spans="1:42" ht="17" x14ac:dyDescent="0.8">
      <c r="B2" s="22"/>
    </row>
    <row r="3" spans="1:42" ht="35" x14ac:dyDescent="1.4">
      <c r="A3" s="7"/>
      <c r="B3" s="5" t="s">
        <v>69</v>
      </c>
      <c r="C3" s="7"/>
      <c r="D3" s="7"/>
      <c r="E3" s="7"/>
      <c r="F3" s="7"/>
      <c r="G3" s="7"/>
      <c r="H3" s="7"/>
      <c r="I3" s="7"/>
      <c r="J3" s="7"/>
      <c r="K3" s="7"/>
      <c r="L3" s="7"/>
      <c r="M3" s="7"/>
      <c r="N3" s="7"/>
      <c r="O3" s="13"/>
      <c r="P3" s="11" t="s">
        <v>70</v>
      </c>
      <c r="Q3" s="13"/>
      <c r="R3" s="13"/>
      <c r="S3" s="13"/>
      <c r="T3" s="13"/>
      <c r="U3" s="13"/>
      <c r="V3" s="13"/>
      <c r="W3" s="13"/>
      <c r="X3" s="13"/>
      <c r="Y3" s="13"/>
      <c r="Z3" s="13"/>
      <c r="AA3" s="13"/>
      <c r="AB3" s="13"/>
      <c r="AC3" s="16"/>
      <c r="AD3" s="17" t="s">
        <v>71</v>
      </c>
      <c r="AE3" s="18"/>
      <c r="AF3" s="18"/>
      <c r="AG3" s="16"/>
      <c r="AH3" s="16"/>
      <c r="AI3" s="16"/>
      <c r="AJ3" s="16"/>
      <c r="AK3" s="16"/>
      <c r="AL3" s="16"/>
      <c r="AM3" s="16"/>
      <c r="AN3" s="16"/>
      <c r="AO3" s="16"/>
      <c r="AP3" s="16"/>
    </row>
    <row r="4" spans="1:42" s="34" customFormat="1" x14ac:dyDescent="0.7">
      <c r="A4" s="33"/>
      <c r="E4" s="35" t="s">
        <v>11</v>
      </c>
      <c r="F4" s="35" t="s">
        <v>12</v>
      </c>
      <c r="G4" s="35" t="s">
        <v>13</v>
      </c>
      <c r="H4" s="35" t="s">
        <v>14</v>
      </c>
      <c r="I4" s="35" t="s">
        <v>15</v>
      </c>
      <c r="J4" s="35" t="s">
        <v>16</v>
      </c>
      <c r="K4" s="35" t="s">
        <v>17</v>
      </c>
      <c r="L4" s="35" t="s">
        <v>18</v>
      </c>
      <c r="M4" s="35" t="s">
        <v>19</v>
      </c>
      <c r="N4" s="33"/>
      <c r="O4" s="36"/>
      <c r="S4" s="35" t="s">
        <v>11</v>
      </c>
      <c r="T4" s="35" t="s">
        <v>12</v>
      </c>
      <c r="U4" s="35" t="s">
        <v>13</v>
      </c>
      <c r="V4" s="35" t="s">
        <v>14</v>
      </c>
      <c r="W4" s="35" t="s">
        <v>15</v>
      </c>
      <c r="X4" s="35" t="s">
        <v>16</v>
      </c>
      <c r="Y4" s="35" t="s">
        <v>17</v>
      </c>
      <c r="Z4" s="35" t="s">
        <v>18</v>
      </c>
      <c r="AA4" s="35" t="s">
        <v>19</v>
      </c>
      <c r="AB4" s="36"/>
      <c r="AC4" s="37"/>
      <c r="AG4" s="35" t="s">
        <v>11</v>
      </c>
      <c r="AH4" s="35" t="s">
        <v>12</v>
      </c>
      <c r="AI4" s="35" t="s">
        <v>13</v>
      </c>
      <c r="AJ4" s="35" t="s">
        <v>14</v>
      </c>
      <c r="AK4" s="35" t="s">
        <v>15</v>
      </c>
      <c r="AL4" s="35" t="s">
        <v>16</v>
      </c>
      <c r="AM4" s="35" t="s">
        <v>17</v>
      </c>
      <c r="AN4" s="35" t="s">
        <v>18</v>
      </c>
      <c r="AO4" s="35" t="s">
        <v>19</v>
      </c>
      <c r="AP4" s="37"/>
    </row>
    <row r="5" spans="1:42" x14ac:dyDescent="0.7">
      <c r="A5" s="7"/>
      <c r="B5" s="24" t="s">
        <v>25</v>
      </c>
      <c r="C5" s="24" t="s">
        <v>50</v>
      </c>
      <c r="D5" s="24" t="s">
        <v>51</v>
      </c>
      <c r="E5" s="28">
        <v>303647</v>
      </c>
      <c r="F5" s="28">
        <v>296112</v>
      </c>
      <c r="G5" s="28">
        <v>325187</v>
      </c>
      <c r="H5" s="28">
        <v>314813</v>
      </c>
      <c r="I5" s="28">
        <v>325371</v>
      </c>
      <c r="J5" s="28">
        <v>308536</v>
      </c>
      <c r="K5" s="28">
        <v>333162</v>
      </c>
      <c r="L5" s="28">
        <v>318497</v>
      </c>
      <c r="M5" s="28">
        <v>320696</v>
      </c>
      <c r="N5" s="7"/>
      <c r="O5" s="13"/>
      <c r="P5" s="24" t="s">
        <v>25</v>
      </c>
      <c r="Q5" s="24" t="s">
        <v>50</v>
      </c>
      <c r="R5" s="24" t="s">
        <v>51</v>
      </c>
      <c r="S5" s="27">
        <v>290407</v>
      </c>
      <c r="T5" s="27">
        <v>283711</v>
      </c>
      <c r="U5" s="27">
        <v>310263</v>
      </c>
      <c r="V5" s="27">
        <v>300478</v>
      </c>
      <c r="W5" s="27">
        <v>311872</v>
      </c>
      <c r="X5" s="27">
        <v>295227</v>
      </c>
      <c r="Y5" s="27">
        <v>318656</v>
      </c>
      <c r="Z5" s="27">
        <v>316590</v>
      </c>
      <c r="AA5" s="27">
        <v>318749</v>
      </c>
      <c r="AB5" s="13"/>
      <c r="AC5" s="16"/>
      <c r="AD5" s="24" t="s">
        <v>25</v>
      </c>
      <c r="AE5" s="24" t="s">
        <v>50</v>
      </c>
      <c r="AF5" s="24" t="s">
        <v>51</v>
      </c>
      <c r="AG5" s="28">
        <f>S5-E5</f>
        <v>-13240</v>
      </c>
      <c r="AH5" s="28">
        <f t="shared" ref="AH5:AH40" si="0">T5-F5</f>
        <v>-12401</v>
      </c>
      <c r="AI5" s="28">
        <f t="shared" ref="AI5:AI40" si="1">U5-G5</f>
        <v>-14924</v>
      </c>
      <c r="AJ5" s="28">
        <f t="shared" ref="AJ5:AJ23" si="2">V5-H5</f>
        <v>-14335</v>
      </c>
      <c r="AK5" s="28">
        <f t="shared" ref="AK5:AK23" si="3">W5-I5</f>
        <v>-13499</v>
      </c>
      <c r="AL5" s="28">
        <f t="shared" ref="AL5:AL23" si="4">X5-J5</f>
        <v>-13309</v>
      </c>
      <c r="AM5" s="28">
        <f t="shared" ref="AM5:AM23" si="5">Y5-K5</f>
        <v>-14506</v>
      </c>
      <c r="AN5" s="28">
        <f t="shared" ref="AN5:AN23" si="6">Z5-L5</f>
        <v>-1907</v>
      </c>
      <c r="AO5" s="28">
        <f t="shared" ref="AO5:AO23" si="7">AA5-M5</f>
        <v>-1947</v>
      </c>
      <c r="AP5" s="16"/>
    </row>
    <row r="6" spans="1:42" x14ac:dyDescent="0.7">
      <c r="A6" s="7"/>
      <c r="D6" s="24" t="s">
        <v>52</v>
      </c>
      <c r="E6" s="28">
        <v>76180</v>
      </c>
      <c r="F6" s="28">
        <v>77072</v>
      </c>
      <c r="G6" s="28">
        <v>80840</v>
      </c>
      <c r="H6" s="28">
        <v>80186</v>
      </c>
      <c r="I6" s="28">
        <v>83185</v>
      </c>
      <c r="J6" s="28">
        <v>81138</v>
      </c>
      <c r="K6" s="28">
        <v>88157</v>
      </c>
      <c r="L6" s="28">
        <v>87438</v>
      </c>
      <c r="M6" s="28">
        <v>90106</v>
      </c>
      <c r="N6" s="7"/>
      <c r="O6" s="13"/>
      <c r="R6" s="24" t="s">
        <v>52</v>
      </c>
      <c r="S6" s="27">
        <v>76179</v>
      </c>
      <c r="T6" s="27">
        <v>77073</v>
      </c>
      <c r="U6" s="27">
        <v>80840</v>
      </c>
      <c r="V6" s="27">
        <v>80186</v>
      </c>
      <c r="W6" s="27">
        <v>83771</v>
      </c>
      <c r="X6" s="27">
        <v>81138</v>
      </c>
      <c r="Y6" s="27">
        <v>88226</v>
      </c>
      <c r="Z6" s="27">
        <v>87438</v>
      </c>
      <c r="AA6" s="27">
        <v>90106</v>
      </c>
      <c r="AB6" s="13"/>
      <c r="AC6" s="16"/>
      <c r="AF6" s="24" t="s">
        <v>52</v>
      </c>
      <c r="AG6" s="28">
        <f t="shared" ref="AG6:AG40" si="8">S6-E6</f>
        <v>-1</v>
      </c>
      <c r="AH6" s="28">
        <f t="shared" si="0"/>
        <v>1</v>
      </c>
      <c r="AI6" s="28">
        <f t="shared" si="1"/>
        <v>0</v>
      </c>
      <c r="AJ6" s="28">
        <f t="shared" si="2"/>
        <v>0</v>
      </c>
      <c r="AK6" s="28">
        <f t="shared" si="3"/>
        <v>586</v>
      </c>
      <c r="AL6" s="28">
        <f t="shared" si="4"/>
        <v>0</v>
      </c>
      <c r="AM6" s="28">
        <f t="shared" si="5"/>
        <v>69</v>
      </c>
      <c r="AN6" s="28">
        <f t="shared" si="6"/>
        <v>0</v>
      </c>
      <c r="AO6" s="28">
        <f t="shared" si="7"/>
        <v>0</v>
      </c>
      <c r="AP6" s="16"/>
    </row>
    <row r="7" spans="1:42" x14ac:dyDescent="0.7">
      <c r="A7" s="7"/>
      <c r="D7" s="24" t="s">
        <v>53</v>
      </c>
      <c r="E7" s="28">
        <v>144021</v>
      </c>
      <c r="F7" s="28">
        <v>137240</v>
      </c>
      <c r="G7" s="28">
        <v>160185</v>
      </c>
      <c r="H7" s="28">
        <v>155499</v>
      </c>
      <c r="I7" s="28">
        <v>157759</v>
      </c>
      <c r="J7" s="28">
        <v>146672</v>
      </c>
      <c r="K7" s="28">
        <v>158137</v>
      </c>
      <c r="L7" s="28">
        <v>149961</v>
      </c>
      <c r="M7" s="28">
        <v>143869</v>
      </c>
      <c r="N7" s="7"/>
      <c r="O7" s="13"/>
      <c r="R7" s="24" t="s">
        <v>53</v>
      </c>
      <c r="S7" s="27">
        <v>131364</v>
      </c>
      <c r="T7" s="27">
        <v>125447</v>
      </c>
      <c r="U7" s="27">
        <v>145847</v>
      </c>
      <c r="V7" s="27">
        <v>141815</v>
      </c>
      <c r="W7" s="27">
        <v>144242</v>
      </c>
      <c r="X7" s="27">
        <v>134119</v>
      </c>
      <c r="Y7" s="27">
        <v>144313</v>
      </c>
      <c r="Z7" s="27">
        <v>149688</v>
      </c>
      <c r="AA7" s="27">
        <v>143621</v>
      </c>
      <c r="AB7" s="13"/>
      <c r="AC7" s="16"/>
      <c r="AF7" s="24" t="s">
        <v>53</v>
      </c>
      <c r="AG7" s="28">
        <f t="shared" si="8"/>
        <v>-12657</v>
      </c>
      <c r="AH7" s="28">
        <f t="shared" si="0"/>
        <v>-11793</v>
      </c>
      <c r="AI7" s="28">
        <f t="shared" si="1"/>
        <v>-14338</v>
      </c>
      <c r="AJ7" s="28">
        <f t="shared" si="2"/>
        <v>-13684</v>
      </c>
      <c r="AK7" s="28">
        <f t="shared" si="3"/>
        <v>-13517</v>
      </c>
      <c r="AL7" s="28">
        <f t="shared" si="4"/>
        <v>-12553</v>
      </c>
      <c r="AM7" s="28">
        <f t="shared" si="5"/>
        <v>-13824</v>
      </c>
      <c r="AN7" s="28">
        <f t="shared" si="6"/>
        <v>-273</v>
      </c>
      <c r="AO7" s="28">
        <f t="shared" si="7"/>
        <v>-248</v>
      </c>
      <c r="AP7" s="16"/>
    </row>
    <row r="8" spans="1:42" x14ac:dyDescent="0.7">
      <c r="A8" s="7"/>
      <c r="D8" s="24" t="s">
        <v>54</v>
      </c>
      <c r="E8" s="28">
        <v>2817</v>
      </c>
      <c r="F8" s="28">
        <v>2789</v>
      </c>
      <c r="G8" s="28">
        <v>2806</v>
      </c>
      <c r="H8" s="28">
        <v>2840</v>
      </c>
      <c r="I8" s="28">
        <v>2892</v>
      </c>
      <c r="J8" s="28">
        <v>2741</v>
      </c>
      <c r="K8" s="28">
        <v>3194</v>
      </c>
      <c r="L8" s="28">
        <v>3628</v>
      </c>
      <c r="M8" s="28">
        <v>2927</v>
      </c>
      <c r="N8" s="7"/>
      <c r="O8" s="13"/>
      <c r="R8" s="24" t="s">
        <v>54</v>
      </c>
      <c r="S8" s="27">
        <v>2816</v>
      </c>
      <c r="T8" s="27">
        <v>2788</v>
      </c>
      <c r="U8" s="27">
        <v>2806</v>
      </c>
      <c r="V8" s="27">
        <v>2839</v>
      </c>
      <c r="W8" s="27">
        <v>2892</v>
      </c>
      <c r="X8" s="27">
        <v>2741</v>
      </c>
      <c r="Y8" s="27">
        <v>3193</v>
      </c>
      <c r="Z8" s="27">
        <v>3627</v>
      </c>
      <c r="AA8" s="27">
        <v>2926</v>
      </c>
      <c r="AB8" s="13"/>
      <c r="AC8" s="16"/>
      <c r="AF8" s="24" t="s">
        <v>54</v>
      </c>
      <c r="AG8" s="28">
        <f t="shared" si="8"/>
        <v>-1</v>
      </c>
      <c r="AH8" s="28">
        <f t="shared" si="0"/>
        <v>-1</v>
      </c>
      <c r="AI8" s="28">
        <f t="shared" si="1"/>
        <v>0</v>
      </c>
      <c r="AJ8" s="28">
        <f t="shared" si="2"/>
        <v>-1</v>
      </c>
      <c r="AK8" s="28">
        <f t="shared" si="3"/>
        <v>0</v>
      </c>
      <c r="AL8" s="28">
        <f t="shared" si="4"/>
        <v>0</v>
      </c>
      <c r="AM8" s="28">
        <f t="shared" si="5"/>
        <v>-1</v>
      </c>
      <c r="AN8" s="28">
        <f t="shared" si="6"/>
        <v>-1</v>
      </c>
      <c r="AO8" s="28">
        <f t="shared" si="7"/>
        <v>-1</v>
      </c>
      <c r="AP8" s="16"/>
    </row>
    <row r="9" spans="1:42" x14ac:dyDescent="0.7">
      <c r="A9" s="7"/>
      <c r="D9" s="24" t="s">
        <v>55</v>
      </c>
      <c r="E9" s="28">
        <v>56355</v>
      </c>
      <c r="F9" s="28">
        <v>54241</v>
      </c>
      <c r="G9" s="28">
        <v>57981</v>
      </c>
      <c r="H9" s="28">
        <v>53423</v>
      </c>
      <c r="I9" s="28">
        <v>57256</v>
      </c>
      <c r="J9" s="28">
        <v>53479</v>
      </c>
      <c r="K9" s="28">
        <v>59021</v>
      </c>
      <c r="L9" s="28">
        <v>52766</v>
      </c>
      <c r="M9" s="28">
        <v>58176</v>
      </c>
      <c r="N9" s="7"/>
      <c r="O9" s="13"/>
      <c r="R9" s="24" t="s">
        <v>55</v>
      </c>
      <c r="S9" s="27">
        <v>56356</v>
      </c>
      <c r="T9" s="27">
        <v>54241</v>
      </c>
      <c r="U9" s="27">
        <v>57981</v>
      </c>
      <c r="V9" s="27">
        <v>53423</v>
      </c>
      <c r="W9" s="27">
        <v>57256</v>
      </c>
      <c r="X9" s="27">
        <v>53480</v>
      </c>
      <c r="Y9" s="27">
        <v>59022</v>
      </c>
      <c r="Z9" s="27">
        <v>52767</v>
      </c>
      <c r="AA9" s="27">
        <v>58177</v>
      </c>
      <c r="AB9" s="13"/>
      <c r="AC9" s="16"/>
      <c r="AF9" s="24" t="s">
        <v>55</v>
      </c>
      <c r="AG9" s="28">
        <f t="shared" si="8"/>
        <v>1</v>
      </c>
      <c r="AH9" s="28">
        <f t="shared" si="0"/>
        <v>0</v>
      </c>
      <c r="AI9" s="28">
        <f t="shared" si="1"/>
        <v>0</v>
      </c>
      <c r="AJ9" s="28">
        <f t="shared" si="2"/>
        <v>0</v>
      </c>
      <c r="AK9" s="28">
        <f t="shared" si="3"/>
        <v>0</v>
      </c>
      <c r="AL9" s="28">
        <f t="shared" si="4"/>
        <v>1</v>
      </c>
      <c r="AM9" s="28">
        <f t="shared" si="5"/>
        <v>1</v>
      </c>
      <c r="AN9" s="28">
        <f t="shared" si="6"/>
        <v>1</v>
      </c>
      <c r="AO9" s="28">
        <f t="shared" si="7"/>
        <v>1</v>
      </c>
      <c r="AP9" s="16"/>
    </row>
    <row r="10" spans="1:42" x14ac:dyDescent="0.7">
      <c r="A10" s="7"/>
      <c r="D10" s="24" t="s">
        <v>56</v>
      </c>
      <c r="E10" s="28">
        <v>24274</v>
      </c>
      <c r="F10" s="28">
        <v>24770</v>
      </c>
      <c r="G10" s="28">
        <v>23375</v>
      </c>
      <c r="H10" s="28">
        <v>22866</v>
      </c>
      <c r="I10" s="28">
        <v>24279</v>
      </c>
      <c r="J10" s="28">
        <v>24506</v>
      </c>
      <c r="K10" s="28">
        <v>24654</v>
      </c>
      <c r="L10" s="28">
        <v>24704</v>
      </c>
      <c r="M10" s="28">
        <v>25619</v>
      </c>
      <c r="N10" s="7"/>
      <c r="O10" s="13"/>
      <c r="R10" s="24" t="s">
        <v>56</v>
      </c>
      <c r="S10" s="27">
        <v>23692</v>
      </c>
      <c r="T10" s="27">
        <v>24162</v>
      </c>
      <c r="U10" s="27">
        <v>22788</v>
      </c>
      <c r="V10" s="27">
        <v>22214</v>
      </c>
      <c r="W10" s="27">
        <v>23711</v>
      </c>
      <c r="X10" s="27">
        <v>23749</v>
      </c>
      <c r="Y10" s="27">
        <v>23902</v>
      </c>
      <c r="Z10" s="27">
        <v>23070</v>
      </c>
      <c r="AA10" s="27">
        <v>23920</v>
      </c>
      <c r="AB10" s="13"/>
      <c r="AC10" s="16"/>
      <c r="AF10" s="24" t="s">
        <v>56</v>
      </c>
      <c r="AG10" s="28">
        <f t="shared" si="8"/>
        <v>-582</v>
      </c>
      <c r="AH10" s="28">
        <f t="shared" si="0"/>
        <v>-608</v>
      </c>
      <c r="AI10" s="28">
        <f t="shared" si="1"/>
        <v>-587</v>
      </c>
      <c r="AJ10" s="28">
        <f t="shared" si="2"/>
        <v>-652</v>
      </c>
      <c r="AK10" s="28">
        <f t="shared" si="3"/>
        <v>-568</v>
      </c>
      <c r="AL10" s="28">
        <f t="shared" si="4"/>
        <v>-757</v>
      </c>
      <c r="AM10" s="28">
        <f t="shared" si="5"/>
        <v>-752</v>
      </c>
      <c r="AN10" s="28">
        <f t="shared" si="6"/>
        <v>-1634</v>
      </c>
      <c r="AO10" s="28">
        <f t="shared" si="7"/>
        <v>-1699</v>
      </c>
      <c r="AP10" s="16"/>
    </row>
    <row r="11" spans="1:42" x14ac:dyDescent="0.7">
      <c r="A11" s="7"/>
      <c r="C11" s="24" t="s">
        <v>57</v>
      </c>
      <c r="D11" s="24" t="s">
        <v>51</v>
      </c>
      <c r="E11" s="28">
        <v>3265</v>
      </c>
      <c r="F11" s="28">
        <v>3153</v>
      </c>
      <c r="G11" s="28">
        <v>3010</v>
      </c>
      <c r="H11" s="28">
        <v>2957</v>
      </c>
      <c r="I11" s="28">
        <v>3033</v>
      </c>
      <c r="J11" s="28">
        <v>2940</v>
      </c>
      <c r="K11" s="28">
        <v>2947</v>
      </c>
      <c r="L11" s="28">
        <v>2883</v>
      </c>
      <c r="M11" s="28">
        <v>2998</v>
      </c>
      <c r="N11" s="7"/>
      <c r="O11" s="13"/>
      <c r="Q11" s="24" t="s">
        <v>57</v>
      </c>
      <c r="R11" s="24" t="s">
        <v>51</v>
      </c>
      <c r="S11" s="27">
        <v>3253</v>
      </c>
      <c r="T11" s="27">
        <v>3141</v>
      </c>
      <c r="U11" s="27">
        <v>2999</v>
      </c>
      <c r="V11" s="27">
        <v>2946</v>
      </c>
      <c r="W11" s="27">
        <v>3048</v>
      </c>
      <c r="X11" s="27">
        <v>2924</v>
      </c>
      <c r="Y11" s="27">
        <v>2934</v>
      </c>
      <c r="Z11" s="27">
        <v>2845</v>
      </c>
      <c r="AA11" s="27">
        <v>2959</v>
      </c>
      <c r="AB11" s="13"/>
      <c r="AC11" s="16"/>
      <c r="AE11" s="24" t="s">
        <v>57</v>
      </c>
      <c r="AF11" s="24" t="s">
        <v>51</v>
      </c>
      <c r="AG11" s="28">
        <f t="shared" si="8"/>
        <v>-12</v>
      </c>
      <c r="AH11" s="28">
        <f t="shared" si="0"/>
        <v>-12</v>
      </c>
      <c r="AI11" s="28">
        <f t="shared" si="1"/>
        <v>-11</v>
      </c>
      <c r="AJ11" s="28">
        <f t="shared" si="2"/>
        <v>-11</v>
      </c>
      <c r="AK11" s="28">
        <f t="shared" si="3"/>
        <v>15</v>
      </c>
      <c r="AL11" s="28">
        <f t="shared" si="4"/>
        <v>-16</v>
      </c>
      <c r="AM11" s="28">
        <f t="shared" si="5"/>
        <v>-13</v>
      </c>
      <c r="AN11" s="28">
        <f t="shared" si="6"/>
        <v>-38</v>
      </c>
      <c r="AO11" s="28">
        <f t="shared" si="7"/>
        <v>-39</v>
      </c>
      <c r="AP11" s="16"/>
    </row>
    <row r="12" spans="1:42" x14ac:dyDescent="0.7">
      <c r="A12" s="7"/>
      <c r="D12" s="24" t="s">
        <v>52</v>
      </c>
      <c r="E12" s="28">
        <v>2371</v>
      </c>
      <c r="F12" s="28">
        <v>2306</v>
      </c>
      <c r="G12" s="28">
        <v>2201</v>
      </c>
      <c r="H12" s="28">
        <v>2186</v>
      </c>
      <c r="I12" s="28">
        <v>2296</v>
      </c>
      <c r="J12" s="28">
        <v>2251</v>
      </c>
      <c r="K12" s="28">
        <v>2238</v>
      </c>
      <c r="L12" s="28">
        <v>2182</v>
      </c>
      <c r="M12" s="28">
        <v>2259</v>
      </c>
      <c r="N12" s="7"/>
      <c r="O12" s="13"/>
      <c r="R12" s="24" t="s">
        <v>52</v>
      </c>
      <c r="S12" s="27">
        <v>2371</v>
      </c>
      <c r="T12" s="27">
        <v>2306</v>
      </c>
      <c r="U12" s="27">
        <v>2201</v>
      </c>
      <c r="V12" s="27">
        <v>2186</v>
      </c>
      <c r="W12" s="27">
        <v>2299</v>
      </c>
      <c r="X12" s="27">
        <v>2251</v>
      </c>
      <c r="Y12" s="27">
        <v>2240</v>
      </c>
      <c r="Z12" s="27">
        <v>2182</v>
      </c>
      <c r="AA12" s="27">
        <v>2259</v>
      </c>
      <c r="AB12" s="13"/>
      <c r="AC12" s="16"/>
      <c r="AF12" s="24" t="s">
        <v>52</v>
      </c>
      <c r="AG12" s="28">
        <f t="shared" si="8"/>
        <v>0</v>
      </c>
      <c r="AH12" s="28">
        <f t="shared" si="0"/>
        <v>0</v>
      </c>
      <c r="AI12" s="28">
        <f t="shared" si="1"/>
        <v>0</v>
      </c>
      <c r="AJ12" s="28">
        <f t="shared" si="2"/>
        <v>0</v>
      </c>
      <c r="AK12" s="28">
        <f t="shared" si="3"/>
        <v>3</v>
      </c>
      <c r="AL12" s="28">
        <f t="shared" si="4"/>
        <v>0</v>
      </c>
      <c r="AM12" s="28">
        <f t="shared" si="5"/>
        <v>2</v>
      </c>
      <c r="AN12" s="28">
        <f t="shared" si="6"/>
        <v>0</v>
      </c>
      <c r="AO12" s="28">
        <f t="shared" si="7"/>
        <v>0</v>
      </c>
      <c r="AP12" s="16"/>
    </row>
    <row r="13" spans="1:42" x14ac:dyDescent="0.7">
      <c r="A13" s="7"/>
      <c r="D13" s="24" t="s">
        <v>53</v>
      </c>
      <c r="E13" s="28">
        <v>138</v>
      </c>
      <c r="F13" s="28">
        <v>140</v>
      </c>
      <c r="G13" s="28">
        <v>147</v>
      </c>
      <c r="H13" s="28">
        <v>141</v>
      </c>
      <c r="I13" s="28">
        <v>148</v>
      </c>
      <c r="J13" s="28">
        <v>142</v>
      </c>
      <c r="K13" s="28">
        <v>155</v>
      </c>
      <c r="L13" s="28">
        <v>160</v>
      </c>
      <c r="M13" s="28">
        <v>170</v>
      </c>
      <c r="N13" s="7"/>
      <c r="O13" s="13"/>
      <c r="R13" s="24" t="s">
        <v>53</v>
      </c>
      <c r="S13" s="27">
        <v>132</v>
      </c>
      <c r="T13" s="27">
        <v>133</v>
      </c>
      <c r="U13" s="27">
        <v>140</v>
      </c>
      <c r="V13" s="27">
        <v>133</v>
      </c>
      <c r="W13" s="27">
        <v>142</v>
      </c>
      <c r="X13" s="27">
        <v>134</v>
      </c>
      <c r="Y13" s="27">
        <v>146</v>
      </c>
      <c r="Z13" s="27">
        <v>143</v>
      </c>
      <c r="AA13" s="27">
        <v>152</v>
      </c>
      <c r="AB13" s="13"/>
      <c r="AC13" s="16"/>
      <c r="AF13" s="24" t="s">
        <v>53</v>
      </c>
      <c r="AG13" s="28">
        <f t="shared" si="8"/>
        <v>-6</v>
      </c>
      <c r="AH13" s="28">
        <f t="shared" si="0"/>
        <v>-7</v>
      </c>
      <c r="AI13" s="28">
        <f t="shared" si="1"/>
        <v>-7</v>
      </c>
      <c r="AJ13" s="28">
        <f t="shared" si="2"/>
        <v>-8</v>
      </c>
      <c r="AK13" s="28">
        <f t="shared" si="3"/>
        <v>-6</v>
      </c>
      <c r="AL13" s="28">
        <f t="shared" si="4"/>
        <v>-8</v>
      </c>
      <c r="AM13" s="28">
        <f t="shared" si="5"/>
        <v>-9</v>
      </c>
      <c r="AN13" s="28">
        <f t="shared" si="6"/>
        <v>-17</v>
      </c>
      <c r="AO13" s="28">
        <f t="shared" si="7"/>
        <v>-18</v>
      </c>
      <c r="AP13" s="16"/>
    </row>
    <row r="14" spans="1:42" x14ac:dyDescent="0.7">
      <c r="A14" s="7"/>
      <c r="D14" s="24" t="s">
        <v>54</v>
      </c>
      <c r="E14" s="28">
        <v>47</v>
      </c>
      <c r="F14" s="28">
        <v>47</v>
      </c>
      <c r="G14" s="28">
        <v>48</v>
      </c>
      <c r="H14" s="28">
        <v>49</v>
      </c>
      <c r="I14" s="28">
        <v>53</v>
      </c>
      <c r="J14" s="28">
        <v>47</v>
      </c>
      <c r="K14" s="28">
        <v>49</v>
      </c>
      <c r="L14" s="28">
        <v>50</v>
      </c>
      <c r="M14" s="28">
        <v>53</v>
      </c>
      <c r="N14" s="7"/>
      <c r="O14" s="13"/>
      <c r="R14" s="24" t="s">
        <v>54</v>
      </c>
      <c r="S14" s="27">
        <v>47</v>
      </c>
      <c r="T14" s="27">
        <v>46</v>
      </c>
      <c r="U14" s="27">
        <v>48</v>
      </c>
      <c r="V14" s="27">
        <v>49</v>
      </c>
      <c r="W14" s="27">
        <v>53</v>
      </c>
      <c r="X14" s="27">
        <v>47</v>
      </c>
      <c r="Y14" s="27">
        <v>49</v>
      </c>
      <c r="Z14" s="27">
        <v>49</v>
      </c>
      <c r="AA14" s="27">
        <v>53</v>
      </c>
      <c r="AB14" s="13"/>
      <c r="AC14" s="16"/>
      <c r="AF14" s="24" t="s">
        <v>54</v>
      </c>
      <c r="AG14" s="28">
        <f t="shared" si="8"/>
        <v>0</v>
      </c>
      <c r="AH14" s="28">
        <f t="shared" si="0"/>
        <v>-1</v>
      </c>
      <c r="AI14" s="28">
        <f t="shared" si="1"/>
        <v>0</v>
      </c>
      <c r="AJ14" s="28">
        <f t="shared" si="2"/>
        <v>0</v>
      </c>
      <c r="AK14" s="28">
        <f t="shared" si="3"/>
        <v>0</v>
      </c>
      <c r="AL14" s="28">
        <f t="shared" si="4"/>
        <v>0</v>
      </c>
      <c r="AM14" s="28">
        <f t="shared" si="5"/>
        <v>0</v>
      </c>
      <c r="AN14" s="28">
        <f t="shared" si="6"/>
        <v>-1</v>
      </c>
      <c r="AO14" s="28">
        <f t="shared" si="7"/>
        <v>0</v>
      </c>
      <c r="AP14" s="16"/>
    </row>
    <row r="15" spans="1:42" x14ac:dyDescent="0.7">
      <c r="A15" s="7"/>
      <c r="D15" s="24" t="s">
        <v>55</v>
      </c>
      <c r="E15" s="28">
        <v>444</v>
      </c>
      <c r="F15" s="28">
        <v>410</v>
      </c>
      <c r="G15" s="28">
        <v>385</v>
      </c>
      <c r="H15" s="28">
        <v>364</v>
      </c>
      <c r="I15" s="28">
        <v>335</v>
      </c>
      <c r="J15" s="28">
        <v>297</v>
      </c>
      <c r="K15" s="28">
        <v>303</v>
      </c>
      <c r="L15" s="28">
        <v>290</v>
      </c>
      <c r="M15" s="28">
        <v>311</v>
      </c>
      <c r="N15" s="7"/>
      <c r="O15" s="13"/>
      <c r="R15" s="24" t="s">
        <v>55</v>
      </c>
      <c r="S15" s="27">
        <v>448</v>
      </c>
      <c r="T15" s="27">
        <v>414</v>
      </c>
      <c r="U15" s="27">
        <v>389</v>
      </c>
      <c r="V15" s="27">
        <v>369</v>
      </c>
      <c r="W15" s="27">
        <v>355</v>
      </c>
      <c r="X15" s="27">
        <v>299</v>
      </c>
      <c r="Y15" s="27">
        <v>305</v>
      </c>
      <c r="Z15" s="27">
        <v>290</v>
      </c>
      <c r="AA15" s="27">
        <v>311</v>
      </c>
      <c r="AB15" s="13"/>
      <c r="AC15" s="16"/>
      <c r="AF15" s="24" t="s">
        <v>55</v>
      </c>
      <c r="AG15" s="28">
        <f t="shared" si="8"/>
        <v>4</v>
      </c>
      <c r="AH15" s="28">
        <f t="shared" si="0"/>
        <v>4</v>
      </c>
      <c r="AI15" s="28">
        <f t="shared" si="1"/>
        <v>4</v>
      </c>
      <c r="AJ15" s="28">
        <f t="shared" si="2"/>
        <v>5</v>
      </c>
      <c r="AK15" s="28">
        <f t="shared" si="3"/>
        <v>20</v>
      </c>
      <c r="AL15" s="28">
        <f t="shared" si="4"/>
        <v>2</v>
      </c>
      <c r="AM15" s="28">
        <f t="shared" si="5"/>
        <v>2</v>
      </c>
      <c r="AN15" s="28">
        <f t="shared" si="6"/>
        <v>0</v>
      </c>
      <c r="AO15" s="28">
        <f t="shared" si="7"/>
        <v>0</v>
      </c>
      <c r="AP15" s="16"/>
    </row>
    <row r="16" spans="1:42" x14ac:dyDescent="0.7">
      <c r="A16" s="7"/>
      <c r="D16" s="24" t="s">
        <v>56</v>
      </c>
      <c r="E16" s="28">
        <v>265</v>
      </c>
      <c r="F16" s="28">
        <v>250</v>
      </c>
      <c r="G16" s="28">
        <v>229</v>
      </c>
      <c r="H16" s="28">
        <v>218</v>
      </c>
      <c r="I16" s="28">
        <v>201</v>
      </c>
      <c r="J16" s="28">
        <v>204</v>
      </c>
      <c r="K16" s="28">
        <v>203</v>
      </c>
      <c r="L16" s="28">
        <v>201</v>
      </c>
      <c r="M16" s="28">
        <v>205</v>
      </c>
      <c r="N16" s="7"/>
      <c r="O16" s="13"/>
      <c r="R16" s="24" t="s">
        <v>56</v>
      </c>
      <c r="S16" s="32">
        <v>255</v>
      </c>
      <c r="T16" s="32">
        <v>241</v>
      </c>
      <c r="U16" s="32">
        <v>221</v>
      </c>
      <c r="V16" s="32">
        <v>209</v>
      </c>
      <c r="W16" s="32">
        <v>199</v>
      </c>
      <c r="X16" s="32">
        <v>194</v>
      </c>
      <c r="Y16" s="32">
        <v>194</v>
      </c>
      <c r="Z16" s="32">
        <v>180</v>
      </c>
      <c r="AA16" s="32">
        <v>184</v>
      </c>
      <c r="AB16" s="13"/>
      <c r="AC16" s="16"/>
      <c r="AF16" s="24" t="s">
        <v>56</v>
      </c>
      <c r="AG16" s="28">
        <f t="shared" si="8"/>
        <v>-10</v>
      </c>
      <c r="AH16" s="28">
        <f t="shared" si="0"/>
        <v>-9</v>
      </c>
      <c r="AI16" s="28">
        <f t="shared" si="1"/>
        <v>-8</v>
      </c>
      <c r="AJ16" s="28">
        <f t="shared" si="2"/>
        <v>-9</v>
      </c>
      <c r="AK16" s="28">
        <f t="shared" si="3"/>
        <v>-2</v>
      </c>
      <c r="AL16" s="28">
        <f t="shared" si="4"/>
        <v>-10</v>
      </c>
      <c r="AM16" s="28">
        <f t="shared" si="5"/>
        <v>-9</v>
      </c>
      <c r="AN16" s="28">
        <f t="shared" si="6"/>
        <v>-21</v>
      </c>
      <c r="AO16" s="28">
        <f t="shared" si="7"/>
        <v>-21</v>
      </c>
      <c r="AP16" s="16"/>
    </row>
    <row r="17" spans="1:42" x14ac:dyDescent="0.7">
      <c r="A17" s="7"/>
      <c r="C17" s="24" t="s">
        <v>58</v>
      </c>
      <c r="D17" s="24" t="s">
        <v>51</v>
      </c>
      <c r="E17" s="28">
        <v>300382</v>
      </c>
      <c r="F17" s="28">
        <v>292959</v>
      </c>
      <c r="G17" s="28">
        <v>322177</v>
      </c>
      <c r="H17" s="28">
        <v>311856</v>
      </c>
      <c r="I17" s="28">
        <v>322338</v>
      </c>
      <c r="J17" s="28">
        <v>305596</v>
      </c>
      <c r="K17" s="28">
        <v>330215</v>
      </c>
      <c r="L17" s="28">
        <v>315614</v>
      </c>
      <c r="M17" s="28">
        <v>317698</v>
      </c>
      <c r="N17" s="7"/>
      <c r="O17" s="13"/>
      <c r="Q17" s="24" t="s">
        <v>58</v>
      </c>
      <c r="R17" s="24" t="s">
        <v>51</v>
      </c>
      <c r="S17" s="32">
        <v>287154</v>
      </c>
      <c r="T17" s="32">
        <v>280570</v>
      </c>
      <c r="U17" s="32">
        <v>307264</v>
      </c>
      <c r="V17" s="32">
        <v>297532</v>
      </c>
      <c r="W17" s="32">
        <v>308825</v>
      </c>
      <c r="X17" s="32">
        <v>292303</v>
      </c>
      <c r="Y17" s="32">
        <v>315722</v>
      </c>
      <c r="Z17" s="32">
        <v>313745</v>
      </c>
      <c r="AA17" s="32">
        <v>315790</v>
      </c>
      <c r="AB17" s="13"/>
      <c r="AC17" s="16"/>
      <c r="AE17" s="24" t="s">
        <v>58</v>
      </c>
      <c r="AF17" s="24" t="s">
        <v>51</v>
      </c>
      <c r="AG17" s="28">
        <f t="shared" si="8"/>
        <v>-13228</v>
      </c>
      <c r="AH17" s="28">
        <f t="shared" si="0"/>
        <v>-12389</v>
      </c>
      <c r="AI17" s="28">
        <f t="shared" si="1"/>
        <v>-14913</v>
      </c>
      <c r="AJ17" s="28">
        <f t="shared" si="2"/>
        <v>-14324</v>
      </c>
      <c r="AK17" s="28">
        <f t="shared" si="3"/>
        <v>-13513</v>
      </c>
      <c r="AL17" s="28">
        <f t="shared" si="4"/>
        <v>-13293</v>
      </c>
      <c r="AM17" s="28">
        <f t="shared" si="5"/>
        <v>-14493</v>
      </c>
      <c r="AN17" s="28">
        <f t="shared" si="6"/>
        <v>-1869</v>
      </c>
      <c r="AO17" s="28">
        <f t="shared" si="7"/>
        <v>-1908</v>
      </c>
      <c r="AP17" s="16"/>
    </row>
    <row r="18" spans="1:42" x14ac:dyDescent="0.7">
      <c r="A18" s="7"/>
      <c r="D18" s="24" t="s">
        <v>52</v>
      </c>
      <c r="E18" s="28">
        <v>73809</v>
      </c>
      <c r="F18" s="28">
        <v>74766</v>
      </c>
      <c r="G18" s="28">
        <v>78639</v>
      </c>
      <c r="H18" s="28">
        <v>78000</v>
      </c>
      <c r="I18" s="28">
        <v>80889</v>
      </c>
      <c r="J18" s="28">
        <v>78887</v>
      </c>
      <c r="K18" s="28">
        <v>85919</v>
      </c>
      <c r="L18" s="28">
        <v>85255</v>
      </c>
      <c r="M18" s="28">
        <v>87847</v>
      </c>
      <c r="N18" s="7"/>
      <c r="O18" s="13"/>
      <c r="R18" s="24" t="s">
        <v>52</v>
      </c>
      <c r="S18" s="32">
        <v>73809</v>
      </c>
      <c r="T18" s="32">
        <v>74766</v>
      </c>
      <c r="U18" s="32">
        <v>78639</v>
      </c>
      <c r="V18" s="32">
        <v>78000</v>
      </c>
      <c r="W18" s="32">
        <v>81472</v>
      </c>
      <c r="X18" s="32">
        <v>78887</v>
      </c>
      <c r="Y18" s="32">
        <v>85986</v>
      </c>
      <c r="Z18" s="32">
        <v>85255</v>
      </c>
      <c r="AA18" s="32">
        <v>87847</v>
      </c>
      <c r="AB18" s="13"/>
      <c r="AC18" s="16"/>
      <c r="AF18" s="24" t="s">
        <v>52</v>
      </c>
      <c r="AG18" s="28">
        <f t="shared" si="8"/>
        <v>0</v>
      </c>
      <c r="AH18" s="28">
        <f t="shared" si="0"/>
        <v>0</v>
      </c>
      <c r="AI18" s="28">
        <f t="shared" si="1"/>
        <v>0</v>
      </c>
      <c r="AJ18" s="28">
        <f t="shared" si="2"/>
        <v>0</v>
      </c>
      <c r="AK18" s="28">
        <f t="shared" si="3"/>
        <v>583</v>
      </c>
      <c r="AL18" s="28">
        <f t="shared" si="4"/>
        <v>0</v>
      </c>
      <c r="AM18" s="28">
        <f t="shared" si="5"/>
        <v>67</v>
      </c>
      <c r="AN18" s="28">
        <f t="shared" si="6"/>
        <v>0</v>
      </c>
      <c r="AO18" s="28">
        <f t="shared" si="7"/>
        <v>0</v>
      </c>
      <c r="AP18" s="16"/>
    </row>
    <row r="19" spans="1:42" x14ac:dyDescent="0.7">
      <c r="A19" s="7"/>
      <c r="D19" s="24" t="s">
        <v>53</v>
      </c>
      <c r="E19" s="28">
        <v>143883</v>
      </c>
      <c r="F19" s="28">
        <v>137100</v>
      </c>
      <c r="G19" s="28">
        <v>160038</v>
      </c>
      <c r="H19" s="28">
        <v>155358</v>
      </c>
      <c r="I19" s="28">
        <v>157612</v>
      </c>
      <c r="J19" s="28">
        <v>146529</v>
      </c>
      <c r="K19" s="28">
        <v>157982</v>
      </c>
      <c r="L19" s="28">
        <v>149801</v>
      </c>
      <c r="M19" s="28">
        <v>143699</v>
      </c>
      <c r="N19" s="7"/>
      <c r="O19" s="13"/>
      <c r="R19" s="24" t="s">
        <v>53</v>
      </c>
      <c r="S19" s="32">
        <v>131232</v>
      </c>
      <c r="T19" s="32">
        <v>125314</v>
      </c>
      <c r="U19" s="32">
        <v>145707</v>
      </c>
      <c r="V19" s="32">
        <v>141682</v>
      </c>
      <c r="W19" s="32">
        <v>144100</v>
      </c>
      <c r="X19" s="32">
        <v>133985</v>
      </c>
      <c r="Y19" s="32">
        <v>144167</v>
      </c>
      <c r="Z19" s="32">
        <v>149545</v>
      </c>
      <c r="AA19" s="32">
        <v>143469</v>
      </c>
      <c r="AB19" s="13"/>
      <c r="AC19" s="16"/>
      <c r="AF19" s="24" t="s">
        <v>53</v>
      </c>
      <c r="AG19" s="28">
        <f t="shared" si="8"/>
        <v>-12651</v>
      </c>
      <c r="AH19" s="28">
        <f t="shared" si="0"/>
        <v>-11786</v>
      </c>
      <c r="AI19" s="28">
        <f t="shared" si="1"/>
        <v>-14331</v>
      </c>
      <c r="AJ19" s="28">
        <f t="shared" si="2"/>
        <v>-13676</v>
      </c>
      <c r="AK19" s="28">
        <f t="shared" si="3"/>
        <v>-13512</v>
      </c>
      <c r="AL19" s="28">
        <f t="shared" si="4"/>
        <v>-12544</v>
      </c>
      <c r="AM19" s="28">
        <f t="shared" si="5"/>
        <v>-13815</v>
      </c>
      <c r="AN19" s="28">
        <f t="shared" si="6"/>
        <v>-256</v>
      </c>
      <c r="AO19" s="28">
        <f t="shared" si="7"/>
        <v>-230</v>
      </c>
      <c r="AP19" s="16"/>
    </row>
    <row r="20" spans="1:42" x14ac:dyDescent="0.7">
      <c r="A20" s="7"/>
      <c r="D20" s="24" t="s">
        <v>54</v>
      </c>
      <c r="E20" s="28">
        <v>2770</v>
      </c>
      <c r="F20" s="28">
        <v>2742</v>
      </c>
      <c r="G20" s="28">
        <v>2758</v>
      </c>
      <c r="H20" s="28">
        <v>2791</v>
      </c>
      <c r="I20" s="28">
        <v>2839</v>
      </c>
      <c r="J20" s="28">
        <v>2694</v>
      </c>
      <c r="K20" s="28">
        <v>3144</v>
      </c>
      <c r="L20" s="28">
        <v>3578</v>
      </c>
      <c r="M20" s="28">
        <v>2874</v>
      </c>
      <c r="N20" s="7"/>
      <c r="O20" s="13"/>
      <c r="R20" s="24" t="s">
        <v>54</v>
      </c>
      <c r="S20" s="32">
        <v>2770</v>
      </c>
      <c r="T20" s="32">
        <v>2742</v>
      </c>
      <c r="U20" s="32">
        <v>2758</v>
      </c>
      <c r="V20" s="32">
        <v>2791</v>
      </c>
      <c r="W20" s="32">
        <v>2839</v>
      </c>
      <c r="X20" s="32">
        <v>2694</v>
      </c>
      <c r="Y20" s="32">
        <v>3144</v>
      </c>
      <c r="Z20" s="32">
        <v>3578</v>
      </c>
      <c r="AA20" s="32">
        <v>2873</v>
      </c>
      <c r="AB20" s="13"/>
      <c r="AC20" s="16"/>
      <c r="AF20" s="24" t="s">
        <v>54</v>
      </c>
      <c r="AG20" s="28">
        <f t="shared" si="8"/>
        <v>0</v>
      </c>
      <c r="AH20" s="28">
        <f t="shared" si="0"/>
        <v>0</v>
      </c>
      <c r="AI20" s="28">
        <f t="shared" si="1"/>
        <v>0</v>
      </c>
      <c r="AJ20" s="28">
        <f t="shared" si="2"/>
        <v>0</v>
      </c>
      <c r="AK20" s="28">
        <f t="shared" si="3"/>
        <v>0</v>
      </c>
      <c r="AL20" s="28">
        <f t="shared" si="4"/>
        <v>0</v>
      </c>
      <c r="AM20" s="28">
        <f t="shared" si="5"/>
        <v>0</v>
      </c>
      <c r="AN20" s="28">
        <f t="shared" si="6"/>
        <v>0</v>
      </c>
      <c r="AO20" s="28">
        <f t="shared" si="7"/>
        <v>-1</v>
      </c>
      <c r="AP20" s="16"/>
    </row>
    <row r="21" spans="1:42" x14ac:dyDescent="0.7">
      <c r="A21" s="7"/>
      <c r="D21" s="24" t="s">
        <v>55</v>
      </c>
      <c r="E21" s="28">
        <v>55911</v>
      </c>
      <c r="F21" s="28">
        <v>53831</v>
      </c>
      <c r="G21" s="28">
        <v>57596</v>
      </c>
      <c r="H21" s="28">
        <v>53058</v>
      </c>
      <c r="I21" s="28">
        <v>56920</v>
      </c>
      <c r="J21" s="28">
        <v>53182</v>
      </c>
      <c r="K21" s="28">
        <v>58719</v>
      </c>
      <c r="L21" s="28">
        <v>52476</v>
      </c>
      <c r="M21" s="28">
        <v>57864</v>
      </c>
      <c r="N21" s="7"/>
      <c r="O21" s="13"/>
      <c r="R21" s="24" t="s">
        <v>55</v>
      </c>
      <c r="S21" s="32">
        <v>55908</v>
      </c>
      <c r="T21" s="32">
        <v>53828</v>
      </c>
      <c r="U21" s="32">
        <v>57592</v>
      </c>
      <c r="V21" s="32">
        <v>53054</v>
      </c>
      <c r="W21" s="32">
        <v>56901</v>
      </c>
      <c r="X21" s="32">
        <v>53181</v>
      </c>
      <c r="Y21" s="32">
        <v>58717</v>
      </c>
      <c r="Z21" s="32">
        <v>52477</v>
      </c>
      <c r="AA21" s="32">
        <v>57866</v>
      </c>
      <c r="AB21" s="13"/>
      <c r="AC21" s="16"/>
      <c r="AF21" s="24" t="s">
        <v>55</v>
      </c>
      <c r="AG21" s="28">
        <f t="shared" si="8"/>
        <v>-3</v>
      </c>
      <c r="AH21" s="28">
        <f t="shared" si="0"/>
        <v>-3</v>
      </c>
      <c r="AI21" s="28">
        <f t="shared" si="1"/>
        <v>-4</v>
      </c>
      <c r="AJ21" s="28">
        <f t="shared" si="2"/>
        <v>-4</v>
      </c>
      <c r="AK21" s="28">
        <f t="shared" si="3"/>
        <v>-19</v>
      </c>
      <c r="AL21" s="28">
        <f t="shared" si="4"/>
        <v>-1</v>
      </c>
      <c r="AM21" s="28">
        <f t="shared" si="5"/>
        <v>-2</v>
      </c>
      <c r="AN21" s="28">
        <f t="shared" si="6"/>
        <v>1</v>
      </c>
      <c r="AO21" s="28">
        <f t="shared" si="7"/>
        <v>2</v>
      </c>
      <c r="AP21" s="16"/>
    </row>
    <row r="22" spans="1:42" x14ac:dyDescent="0.7">
      <c r="A22" s="7"/>
      <c r="D22" s="24" t="s">
        <v>56</v>
      </c>
      <c r="E22" s="28">
        <v>24009</v>
      </c>
      <c r="F22" s="28">
        <v>24520</v>
      </c>
      <c r="G22" s="28">
        <v>23146</v>
      </c>
      <c r="H22" s="28">
        <v>22648</v>
      </c>
      <c r="I22" s="28">
        <v>24078</v>
      </c>
      <c r="J22" s="28">
        <v>24303</v>
      </c>
      <c r="K22" s="28">
        <v>24451</v>
      </c>
      <c r="L22" s="28">
        <v>24503</v>
      </c>
      <c r="M22" s="28">
        <v>25414</v>
      </c>
      <c r="N22" s="7"/>
      <c r="O22" s="13"/>
      <c r="R22" s="24" t="s">
        <v>56</v>
      </c>
      <c r="S22" s="32">
        <v>23436</v>
      </c>
      <c r="T22" s="32">
        <v>23921</v>
      </c>
      <c r="U22" s="32">
        <v>22567</v>
      </c>
      <c r="V22" s="32">
        <v>22005</v>
      </c>
      <c r="W22" s="32">
        <v>23512</v>
      </c>
      <c r="X22" s="32">
        <v>23555</v>
      </c>
      <c r="Y22" s="32">
        <v>23708</v>
      </c>
      <c r="Z22" s="32">
        <v>22890</v>
      </c>
      <c r="AA22" s="32">
        <v>23736</v>
      </c>
      <c r="AB22" s="13"/>
      <c r="AC22" s="16"/>
      <c r="AF22" s="24" t="s">
        <v>56</v>
      </c>
      <c r="AG22" s="28">
        <f t="shared" si="8"/>
        <v>-573</v>
      </c>
      <c r="AH22" s="28">
        <f t="shared" si="0"/>
        <v>-599</v>
      </c>
      <c r="AI22" s="28">
        <f t="shared" si="1"/>
        <v>-579</v>
      </c>
      <c r="AJ22" s="28">
        <f t="shared" si="2"/>
        <v>-643</v>
      </c>
      <c r="AK22" s="28">
        <f t="shared" si="3"/>
        <v>-566</v>
      </c>
      <c r="AL22" s="28">
        <f t="shared" si="4"/>
        <v>-748</v>
      </c>
      <c r="AM22" s="28">
        <f t="shared" si="5"/>
        <v>-743</v>
      </c>
      <c r="AN22" s="28">
        <f t="shared" si="6"/>
        <v>-1613</v>
      </c>
      <c r="AO22" s="28">
        <f t="shared" si="7"/>
        <v>-1678</v>
      </c>
      <c r="AP22" s="16"/>
    </row>
    <row r="23" spans="1:42" x14ac:dyDescent="0.7">
      <c r="A23" s="7"/>
      <c r="B23" s="24" t="s">
        <v>44</v>
      </c>
      <c r="C23" s="24" t="s">
        <v>50</v>
      </c>
      <c r="D23" s="24" t="s">
        <v>51</v>
      </c>
      <c r="E23" s="28">
        <v>5062457</v>
      </c>
      <c r="F23" s="28">
        <v>4929157</v>
      </c>
      <c r="G23" s="28">
        <v>4517256</v>
      </c>
      <c r="H23" s="28">
        <v>4736450</v>
      </c>
      <c r="I23" s="28">
        <v>4854148</v>
      </c>
      <c r="J23" s="28">
        <v>4592894</v>
      </c>
      <c r="K23" s="28">
        <v>4659462</v>
      </c>
      <c r="L23" s="28">
        <v>4512147</v>
      </c>
      <c r="M23" s="28">
        <v>6016356</v>
      </c>
      <c r="N23" s="7"/>
      <c r="O23" s="13"/>
      <c r="P23" s="24" t="s">
        <v>44</v>
      </c>
      <c r="Q23" s="24" t="s">
        <v>50</v>
      </c>
      <c r="R23" s="24" t="s">
        <v>51</v>
      </c>
      <c r="S23" s="32">
        <v>5051973</v>
      </c>
      <c r="T23" s="32">
        <v>4918622</v>
      </c>
      <c r="U23" s="32">
        <v>4505742</v>
      </c>
      <c r="V23" s="32">
        <v>4724570</v>
      </c>
      <c r="W23" s="32">
        <v>4855881</v>
      </c>
      <c r="X23" s="32">
        <v>4580821</v>
      </c>
      <c r="Y23" s="32">
        <v>4647078</v>
      </c>
      <c r="Z23" s="32">
        <v>4484983</v>
      </c>
      <c r="AA23" s="32">
        <v>5989123</v>
      </c>
      <c r="AB23" s="13"/>
      <c r="AC23" s="16"/>
      <c r="AD23" s="24" t="s">
        <v>44</v>
      </c>
      <c r="AE23" s="24" t="s">
        <v>50</v>
      </c>
      <c r="AF23" s="24" t="s">
        <v>51</v>
      </c>
      <c r="AG23" s="28">
        <f t="shared" si="8"/>
        <v>-10484</v>
      </c>
      <c r="AH23" s="28">
        <f t="shared" si="0"/>
        <v>-10535</v>
      </c>
      <c r="AI23" s="28">
        <f t="shared" si="1"/>
        <v>-11514</v>
      </c>
      <c r="AJ23" s="28">
        <f t="shared" si="2"/>
        <v>-11880</v>
      </c>
      <c r="AK23" s="28">
        <f t="shared" si="3"/>
        <v>1733</v>
      </c>
      <c r="AL23" s="28">
        <f t="shared" si="4"/>
        <v>-12073</v>
      </c>
      <c r="AM23" s="28">
        <f t="shared" si="5"/>
        <v>-12384</v>
      </c>
      <c r="AN23" s="28">
        <f t="shared" si="6"/>
        <v>-27164</v>
      </c>
      <c r="AO23" s="28">
        <f t="shared" si="7"/>
        <v>-27233</v>
      </c>
      <c r="AP23" s="16"/>
    </row>
    <row r="24" spans="1:42" x14ac:dyDescent="0.7">
      <c r="A24" s="7"/>
      <c r="D24" s="24" t="s">
        <v>52</v>
      </c>
      <c r="E24" s="28">
        <v>2958873</v>
      </c>
      <c r="F24" s="28">
        <v>2932436</v>
      </c>
      <c r="G24" s="28">
        <v>2549286</v>
      </c>
      <c r="H24" s="28">
        <v>2852892</v>
      </c>
      <c r="I24" s="28">
        <v>2694832</v>
      </c>
      <c r="J24" s="28">
        <v>2550866</v>
      </c>
      <c r="K24" s="28">
        <v>2591458</v>
      </c>
      <c r="L24" s="28">
        <v>2521209</v>
      </c>
      <c r="M24" s="28">
        <v>3750285</v>
      </c>
      <c r="N24" s="7"/>
      <c r="O24" s="13"/>
      <c r="R24" s="24" t="s">
        <v>52</v>
      </c>
      <c r="S24" s="32">
        <v>2958873</v>
      </c>
      <c r="T24" s="32">
        <v>2932436</v>
      </c>
      <c r="U24" s="32">
        <v>2549286</v>
      </c>
      <c r="V24" s="32">
        <v>2852892</v>
      </c>
      <c r="W24" s="32">
        <v>2707053</v>
      </c>
      <c r="X24" s="32">
        <v>2550866</v>
      </c>
      <c r="Y24" s="32">
        <v>2592015</v>
      </c>
      <c r="Z24" s="32">
        <v>2521209</v>
      </c>
      <c r="AA24" s="32">
        <v>3750285</v>
      </c>
      <c r="AB24" s="13"/>
      <c r="AC24" s="16"/>
      <c r="AF24" s="24" t="s">
        <v>52</v>
      </c>
      <c r="AG24" s="28">
        <f t="shared" si="8"/>
        <v>0</v>
      </c>
      <c r="AH24" s="28">
        <f t="shared" si="0"/>
        <v>0</v>
      </c>
      <c r="AI24" s="28">
        <f t="shared" si="1"/>
        <v>0</v>
      </c>
      <c r="AJ24" s="28">
        <f>V24-H24</f>
        <v>0</v>
      </c>
      <c r="AK24" s="28">
        <f>W24-I24</f>
        <v>12221</v>
      </c>
      <c r="AL24" s="28">
        <f>X24-J24</f>
        <v>0</v>
      </c>
      <c r="AM24" s="28">
        <f>Y24-K24</f>
        <v>557</v>
      </c>
      <c r="AN24" s="28">
        <f>Z24-L24</f>
        <v>0</v>
      </c>
      <c r="AO24" s="28">
        <f>AA24-M24</f>
        <v>0</v>
      </c>
      <c r="AP24" s="16"/>
    </row>
    <row r="25" spans="1:42" x14ac:dyDescent="0.7">
      <c r="A25" s="7"/>
      <c r="D25" s="24" t="s">
        <v>53</v>
      </c>
      <c r="E25" s="28">
        <v>117534</v>
      </c>
      <c r="F25" s="28">
        <v>125841</v>
      </c>
      <c r="G25" s="28">
        <v>136386</v>
      </c>
      <c r="H25" s="28">
        <v>131755</v>
      </c>
      <c r="I25" s="28">
        <v>138516</v>
      </c>
      <c r="J25" s="28">
        <v>131652</v>
      </c>
      <c r="K25" s="28">
        <v>141064</v>
      </c>
      <c r="L25" s="28">
        <v>134945</v>
      </c>
      <c r="M25" s="28">
        <v>144717</v>
      </c>
      <c r="N25" s="7"/>
      <c r="O25" s="13"/>
      <c r="R25" s="24" t="s">
        <v>53</v>
      </c>
      <c r="S25" s="32">
        <v>111684</v>
      </c>
      <c r="T25" s="32">
        <v>120070</v>
      </c>
      <c r="U25" s="32">
        <v>129834</v>
      </c>
      <c r="V25" s="32">
        <v>125188</v>
      </c>
      <c r="W25" s="32">
        <v>131844</v>
      </c>
      <c r="X25" s="32">
        <v>125517</v>
      </c>
      <c r="Y25" s="32">
        <v>134198</v>
      </c>
      <c r="Z25" s="32">
        <v>130694</v>
      </c>
      <c r="AA25" s="32">
        <v>140530</v>
      </c>
      <c r="AB25" s="13"/>
      <c r="AC25" s="16"/>
      <c r="AF25" s="24" t="s">
        <v>53</v>
      </c>
      <c r="AG25" s="28">
        <f t="shared" si="8"/>
        <v>-5850</v>
      </c>
      <c r="AH25" s="28">
        <f t="shared" si="0"/>
        <v>-5771</v>
      </c>
      <c r="AI25" s="28">
        <f t="shared" si="1"/>
        <v>-6552</v>
      </c>
      <c r="AJ25" s="28">
        <f>V25-H25</f>
        <v>-6567</v>
      </c>
      <c r="AK25" s="28">
        <f>W25-I25</f>
        <v>-6672</v>
      </c>
      <c r="AL25" s="28">
        <f>X25-J25</f>
        <v>-6135</v>
      </c>
      <c r="AM25" s="28">
        <f>Y25-K25</f>
        <v>-6866</v>
      </c>
      <c r="AN25" s="28">
        <f>Z25-L25</f>
        <v>-4251</v>
      </c>
      <c r="AO25" s="28">
        <f>AA25-M25</f>
        <v>-4187</v>
      </c>
      <c r="AP25" s="16"/>
    </row>
    <row r="26" spans="1:42" x14ac:dyDescent="0.7">
      <c r="A26" s="7"/>
      <c r="D26" s="24" t="s">
        <v>54</v>
      </c>
      <c r="E26" s="28">
        <v>245202</v>
      </c>
      <c r="F26" s="28">
        <v>216076</v>
      </c>
      <c r="G26" s="28">
        <v>227840</v>
      </c>
      <c r="H26" s="28">
        <v>226185</v>
      </c>
      <c r="I26" s="28">
        <v>257534</v>
      </c>
      <c r="J26" s="28">
        <v>224209</v>
      </c>
      <c r="K26" s="28">
        <v>237575</v>
      </c>
      <c r="L26" s="28">
        <v>238822</v>
      </c>
      <c r="M26" s="28">
        <v>311860</v>
      </c>
      <c r="N26" s="7"/>
      <c r="O26" s="13"/>
      <c r="R26" s="24" t="s">
        <v>54</v>
      </c>
      <c r="S26" s="32">
        <v>245274</v>
      </c>
      <c r="T26" s="32">
        <v>216041</v>
      </c>
      <c r="U26" s="32">
        <v>228005</v>
      </c>
      <c r="V26" s="32">
        <v>226101</v>
      </c>
      <c r="W26" s="32">
        <v>256625</v>
      </c>
      <c r="X26" s="32">
        <v>224073</v>
      </c>
      <c r="Y26" s="32">
        <v>237418</v>
      </c>
      <c r="Z26" s="32">
        <v>238176</v>
      </c>
      <c r="AA26" s="32">
        <v>311267</v>
      </c>
      <c r="AB26" s="13"/>
      <c r="AC26" s="16"/>
      <c r="AF26" s="24" t="s">
        <v>54</v>
      </c>
      <c r="AG26" s="28">
        <f t="shared" si="8"/>
        <v>72</v>
      </c>
      <c r="AH26" s="28">
        <f t="shared" si="0"/>
        <v>-35</v>
      </c>
      <c r="AI26" s="28">
        <f t="shared" si="1"/>
        <v>165</v>
      </c>
      <c r="AJ26" s="28">
        <f>V26-H26</f>
        <v>-84</v>
      </c>
      <c r="AK26" s="28">
        <f>W26-I26</f>
        <v>-909</v>
      </c>
      <c r="AL26" s="28">
        <f>X26-J26</f>
        <v>-136</v>
      </c>
      <c r="AM26" s="28">
        <f>Y26-K26</f>
        <v>-157</v>
      </c>
      <c r="AN26" s="28">
        <f>Z26-L26</f>
        <v>-646</v>
      </c>
      <c r="AO26" s="28">
        <f>AA26-M26</f>
        <v>-593</v>
      </c>
      <c r="AP26" s="16"/>
    </row>
    <row r="27" spans="1:42" x14ac:dyDescent="0.7">
      <c r="A27" s="7"/>
      <c r="D27" s="24" t="s">
        <v>55</v>
      </c>
      <c r="E27" s="28">
        <v>1234540</v>
      </c>
      <c r="F27" s="28">
        <v>1164143</v>
      </c>
      <c r="G27" s="28">
        <v>1172554</v>
      </c>
      <c r="H27" s="28">
        <v>1106651</v>
      </c>
      <c r="I27" s="28">
        <v>1247409</v>
      </c>
      <c r="J27" s="28">
        <v>1174855</v>
      </c>
      <c r="K27" s="28">
        <v>1235692</v>
      </c>
      <c r="L27" s="28">
        <v>1153549</v>
      </c>
      <c r="M27" s="28">
        <v>1266672</v>
      </c>
      <c r="N27" s="7"/>
      <c r="O27" s="13"/>
      <c r="R27" s="24" t="s">
        <v>55</v>
      </c>
      <c r="S27" s="32">
        <v>1234468</v>
      </c>
      <c r="T27" s="32">
        <v>1164178</v>
      </c>
      <c r="U27" s="32">
        <v>1172390</v>
      </c>
      <c r="V27" s="32">
        <v>1106735</v>
      </c>
      <c r="W27" s="32">
        <v>1248319</v>
      </c>
      <c r="X27" s="32">
        <v>1174991</v>
      </c>
      <c r="Y27" s="32">
        <v>1235849</v>
      </c>
      <c r="Z27" s="32">
        <v>1149429</v>
      </c>
      <c r="AA27" s="32">
        <v>1264742</v>
      </c>
      <c r="AB27" s="13"/>
      <c r="AC27" s="16"/>
      <c r="AF27" s="24" t="s">
        <v>55</v>
      </c>
      <c r="AG27" s="28">
        <f t="shared" si="8"/>
        <v>-72</v>
      </c>
      <c r="AH27" s="28">
        <f t="shared" si="0"/>
        <v>35</v>
      </c>
      <c r="AI27" s="28">
        <f t="shared" si="1"/>
        <v>-164</v>
      </c>
      <c r="AJ27" s="28">
        <f>V27-H27</f>
        <v>84</v>
      </c>
      <c r="AK27" s="28">
        <f>W27-I27</f>
        <v>910</v>
      </c>
      <c r="AL27" s="28">
        <f>X27-J27</f>
        <v>136</v>
      </c>
      <c r="AM27" s="28">
        <f>Y27-K27</f>
        <v>157</v>
      </c>
      <c r="AN27" s="28">
        <f>Z27-L27</f>
        <v>-4120</v>
      </c>
      <c r="AO27" s="28">
        <f>AA27-M27</f>
        <v>-1930</v>
      </c>
      <c r="AP27" s="16"/>
    </row>
    <row r="28" spans="1:42" x14ac:dyDescent="0.7">
      <c r="A28" s="7"/>
      <c r="D28" s="24" t="s">
        <v>56</v>
      </c>
      <c r="E28" s="28">
        <v>506308</v>
      </c>
      <c r="F28" s="28">
        <v>490661</v>
      </c>
      <c r="G28" s="28">
        <v>431190</v>
      </c>
      <c r="H28" s="28">
        <v>418967</v>
      </c>
      <c r="I28" s="28">
        <v>515857</v>
      </c>
      <c r="J28" s="28">
        <v>511312</v>
      </c>
      <c r="K28" s="28">
        <v>453673</v>
      </c>
      <c r="L28" s="28">
        <v>463622</v>
      </c>
      <c r="M28" s="28">
        <v>542823</v>
      </c>
      <c r="N28" s="7"/>
      <c r="O28" s="13"/>
      <c r="R28" s="24" t="s">
        <v>56</v>
      </c>
      <c r="S28" s="32">
        <v>501674</v>
      </c>
      <c r="T28" s="32">
        <v>485897</v>
      </c>
      <c r="U28" s="32">
        <v>426228</v>
      </c>
      <c r="V28" s="32">
        <v>413654</v>
      </c>
      <c r="W28" s="32">
        <v>512040</v>
      </c>
      <c r="X28" s="32">
        <v>505374</v>
      </c>
      <c r="Y28" s="32">
        <v>447598</v>
      </c>
      <c r="Z28" s="32">
        <v>445474</v>
      </c>
      <c r="AA28" s="32">
        <v>522298</v>
      </c>
      <c r="AB28" s="13"/>
      <c r="AC28" s="16"/>
      <c r="AF28" s="24" t="s">
        <v>56</v>
      </c>
      <c r="AG28" s="28">
        <f t="shared" si="8"/>
        <v>-4634</v>
      </c>
      <c r="AH28" s="28">
        <f t="shared" si="0"/>
        <v>-4764</v>
      </c>
      <c r="AI28" s="28">
        <f t="shared" si="1"/>
        <v>-4962</v>
      </c>
      <c r="AJ28" s="28">
        <f>V28-H28</f>
        <v>-5313</v>
      </c>
      <c r="AK28" s="28">
        <f>W28-I28</f>
        <v>-3817</v>
      </c>
      <c r="AL28" s="28">
        <f>X28-J28</f>
        <v>-5938</v>
      </c>
      <c r="AM28" s="28">
        <f>Y28-K28</f>
        <v>-6075</v>
      </c>
      <c r="AN28" s="28">
        <f>Z28-L28</f>
        <v>-18148</v>
      </c>
      <c r="AO28" s="28">
        <f>AA28-M28</f>
        <v>-20525</v>
      </c>
      <c r="AP28" s="16"/>
    </row>
    <row r="29" spans="1:42" x14ac:dyDescent="0.7">
      <c r="A29" s="7"/>
      <c r="C29" s="24" t="s">
        <v>57</v>
      </c>
      <c r="D29" s="24" t="s">
        <v>51</v>
      </c>
      <c r="E29" s="28">
        <v>682621</v>
      </c>
      <c r="F29" s="28">
        <v>508254</v>
      </c>
      <c r="G29" s="28">
        <v>462279</v>
      </c>
      <c r="H29" s="28">
        <v>492269</v>
      </c>
      <c r="I29" s="28">
        <v>598521</v>
      </c>
      <c r="J29" s="28">
        <v>525396</v>
      </c>
      <c r="K29" s="28">
        <v>499895</v>
      </c>
      <c r="L29" s="28">
        <v>534207</v>
      </c>
      <c r="M29" s="28">
        <v>596257</v>
      </c>
      <c r="N29" s="7"/>
      <c r="O29" s="13"/>
      <c r="Q29" s="24" t="s">
        <v>57</v>
      </c>
      <c r="R29" s="24" t="s">
        <v>51</v>
      </c>
      <c r="S29" s="32">
        <v>681656</v>
      </c>
      <c r="T29" s="32">
        <v>507307</v>
      </c>
      <c r="U29" s="32">
        <v>461401</v>
      </c>
      <c r="V29" s="32">
        <v>491140</v>
      </c>
      <c r="W29" s="32">
        <v>602106</v>
      </c>
      <c r="X29" s="32">
        <v>523940</v>
      </c>
      <c r="Y29" s="32">
        <v>499158</v>
      </c>
      <c r="Z29" s="32">
        <v>530136</v>
      </c>
      <c r="AA29" s="32">
        <v>592449</v>
      </c>
      <c r="AB29" s="13"/>
      <c r="AC29" s="16"/>
      <c r="AE29" s="24" t="s">
        <v>57</v>
      </c>
      <c r="AF29" s="24" t="s">
        <v>51</v>
      </c>
      <c r="AG29" s="28">
        <f t="shared" si="8"/>
        <v>-965</v>
      </c>
      <c r="AH29" s="28">
        <f t="shared" si="0"/>
        <v>-947</v>
      </c>
      <c r="AI29" s="28">
        <f t="shared" si="1"/>
        <v>-878</v>
      </c>
      <c r="AJ29" s="28">
        <f>V29-H29</f>
        <v>-1129</v>
      </c>
      <c r="AK29" s="28">
        <f>W29-I29</f>
        <v>3585</v>
      </c>
      <c r="AL29" s="28">
        <f>X29-J29</f>
        <v>-1456</v>
      </c>
      <c r="AM29" s="28">
        <f>Y29-K29</f>
        <v>-737</v>
      </c>
      <c r="AN29" s="28">
        <f>Z29-L29</f>
        <v>-4071</v>
      </c>
      <c r="AO29" s="28">
        <f>AA29-M29</f>
        <v>-3808</v>
      </c>
      <c r="AP29" s="16"/>
    </row>
    <row r="30" spans="1:42" x14ac:dyDescent="0.7">
      <c r="A30" s="7"/>
      <c r="D30" s="24" t="s">
        <v>52</v>
      </c>
      <c r="E30" s="28">
        <v>559225</v>
      </c>
      <c r="F30" s="28">
        <v>400106</v>
      </c>
      <c r="G30" s="28">
        <v>353497</v>
      </c>
      <c r="H30" s="28">
        <v>379866</v>
      </c>
      <c r="I30" s="28">
        <v>448585</v>
      </c>
      <c r="J30" s="28">
        <v>414522</v>
      </c>
      <c r="K30" s="28">
        <v>384836</v>
      </c>
      <c r="L30" s="28">
        <v>413157</v>
      </c>
      <c r="M30" s="28">
        <v>451422</v>
      </c>
      <c r="N30" s="7"/>
      <c r="O30" s="13"/>
      <c r="R30" s="24" t="s">
        <v>52</v>
      </c>
      <c r="S30" s="32">
        <v>559225</v>
      </c>
      <c r="T30" s="32">
        <v>400106</v>
      </c>
      <c r="U30" s="32">
        <v>353497</v>
      </c>
      <c r="V30" s="32">
        <v>379866</v>
      </c>
      <c r="W30" s="32">
        <v>451843</v>
      </c>
      <c r="X30" s="32">
        <v>414522</v>
      </c>
      <c r="Y30" s="32">
        <v>385003</v>
      </c>
      <c r="Z30" s="32">
        <v>413157</v>
      </c>
      <c r="AA30" s="32">
        <v>451422</v>
      </c>
      <c r="AB30" s="13"/>
      <c r="AC30" s="16"/>
      <c r="AF30" s="24" t="s">
        <v>52</v>
      </c>
      <c r="AG30" s="28">
        <f t="shared" si="8"/>
        <v>0</v>
      </c>
      <c r="AH30" s="28">
        <f t="shared" si="0"/>
        <v>0</v>
      </c>
      <c r="AI30" s="28">
        <f t="shared" si="1"/>
        <v>0</v>
      </c>
      <c r="AJ30" s="28">
        <f>V30-H30</f>
        <v>0</v>
      </c>
      <c r="AK30" s="28">
        <f>W30-I30</f>
        <v>3258</v>
      </c>
      <c r="AL30" s="28">
        <f>X30-J30</f>
        <v>0</v>
      </c>
      <c r="AM30" s="28">
        <f>Y30-K30</f>
        <v>167</v>
      </c>
      <c r="AN30" s="28">
        <f>Z30-L30</f>
        <v>0</v>
      </c>
      <c r="AO30" s="28">
        <f>AA30-M30</f>
        <v>0</v>
      </c>
      <c r="AP30" s="16"/>
    </row>
    <row r="31" spans="1:42" x14ac:dyDescent="0.7">
      <c r="A31" s="7"/>
      <c r="D31" s="24" t="s">
        <v>53</v>
      </c>
      <c r="E31" s="28">
        <v>8511</v>
      </c>
      <c r="F31" s="28">
        <v>8338</v>
      </c>
      <c r="G31" s="28">
        <v>9579</v>
      </c>
      <c r="H31" s="28">
        <v>8917</v>
      </c>
      <c r="I31" s="28">
        <v>9685</v>
      </c>
      <c r="J31" s="28">
        <v>8349</v>
      </c>
      <c r="K31" s="28">
        <v>9499</v>
      </c>
      <c r="L31" s="28">
        <v>9676</v>
      </c>
      <c r="M31" s="28">
        <v>10829</v>
      </c>
      <c r="N31" s="7"/>
      <c r="O31" s="13"/>
      <c r="R31" s="24" t="s">
        <v>53</v>
      </c>
      <c r="S31" s="32">
        <v>8111</v>
      </c>
      <c r="T31" s="32">
        <v>7968</v>
      </c>
      <c r="U31" s="32">
        <v>9176</v>
      </c>
      <c r="V31" s="32">
        <v>8468</v>
      </c>
      <c r="W31" s="32">
        <v>9358</v>
      </c>
      <c r="X31" s="32">
        <v>7917</v>
      </c>
      <c r="Y31" s="32">
        <v>9015</v>
      </c>
      <c r="Z31" s="32">
        <v>8735</v>
      </c>
      <c r="AA31" s="32">
        <v>9849</v>
      </c>
      <c r="AB31" s="13"/>
      <c r="AC31" s="16"/>
      <c r="AF31" s="24" t="s">
        <v>53</v>
      </c>
      <c r="AG31" s="28">
        <f t="shared" si="8"/>
        <v>-400</v>
      </c>
      <c r="AH31" s="28">
        <f t="shared" si="0"/>
        <v>-370</v>
      </c>
      <c r="AI31" s="28">
        <f t="shared" si="1"/>
        <v>-403</v>
      </c>
      <c r="AJ31" s="28">
        <f>V31-H31</f>
        <v>-449</v>
      </c>
      <c r="AK31" s="28">
        <f>W31-I31</f>
        <v>-327</v>
      </c>
      <c r="AL31" s="28">
        <f>X31-J31</f>
        <v>-432</v>
      </c>
      <c r="AM31" s="28">
        <f>Y31-K31</f>
        <v>-484</v>
      </c>
      <c r="AN31" s="28">
        <f>Z31-L31</f>
        <v>-941</v>
      </c>
      <c r="AO31" s="28">
        <f>AA31-M31</f>
        <v>-980</v>
      </c>
      <c r="AP31" s="16"/>
    </row>
    <row r="32" spans="1:42" x14ac:dyDescent="0.7">
      <c r="A32" s="7"/>
      <c r="D32" s="24" t="s">
        <v>54</v>
      </c>
      <c r="E32" s="28">
        <v>48246</v>
      </c>
      <c r="F32" s="28">
        <v>41563</v>
      </c>
      <c r="G32" s="28">
        <v>45158</v>
      </c>
      <c r="H32" s="28">
        <v>51757</v>
      </c>
      <c r="I32" s="28">
        <v>66424</v>
      </c>
      <c r="J32" s="28">
        <v>46891</v>
      </c>
      <c r="K32" s="28">
        <v>50580</v>
      </c>
      <c r="L32" s="28">
        <v>54334</v>
      </c>
      <c r="M32" s="28">
        <v>59669</v>
      </c>
      <c r="N32" s="7"/>
      <c r="O32" s="13"/>
      <c r="R32" s="24" t="s">
        <v>54</v>
      </c>
      <c r="S32" s="32">
        <v>48144</v>
      </c>
      <c r="T32" s="32">
        <v>41426</v>
      </c>
      <c r="U32" s="32">
        <v>45189</v>
      </c>
      <c r="V32" s="32">
        <v>51550</v>
      </c>
      <c r="W32" s="32">
        <v>66203</v>
      </c>
      <c r="X32" s="32">
        <v>46492</v>
      </c>
      <c r="Y32" s="32">
        <v>50433</v>
      </c>
      <c r="Z32" s="32">
        <v>53705</v>
      </c>
      <c r="AA32" s="32">
        <v>58942</v>
      </c>
      <c r="AB32" s="13"/>
      <c r="AC32" s="16"/>
      <c r="AF32" s="24" t="s">
        <v>54</v>
      </c>
      <c r="AG32" s="28">
        <f t="shared" si="8"/>
        <v>-102</v>
      </c>
      <c r="AH32" s="28">
        <f t="shared" si="0"/>
        <v>-137</v>
      </c>
      <c r="AI32" s="28">
        <f t="shared" si="1"/>
        <v>31</v>
      </c>
      <c r="AJ32" s="28">
        <f>V32-H32</f>
        <v>-207</v>
      </c>
      <c r="AK32" s="28">
        <f>W32-I32</f>
        <v>-221</v>
      </c>
      <c r="AL32" s="28">
        <f>X32-J32</f>
        <v>-399</v>
      </c>
      <c r="AM32" s="28">
        <f>Y32-K32</f>
        <v>-147</v>
      </c>
      <c r="AN32" s="28">
        <f>Z32-L32</f>
        <v>-629</v>
      </c>
      <c r="AO32" s="28">
        <f>AA32-M32</f>
        <v>-727</v>
      </c>
      <c r="AP32" s="16"/>
    </row>
    <row r="33" spans="1:42" x14ac:dyDescent="0.7">
      <c r="A33" s="7"/>
      <c r="D33" s="24" t="s">
        <v>55</v>
      </c>
      <c r="E33" s="28">
        <v>46400</v>
      </c>
      <c r="F33" s="28">
        <v>41932</v>
      </c>
      <c r="G33" s="28">
        <v>41544</v>
      </c>
      <c r="H33" s="28">
        <v>39888</v>
      </c>
      <c r="I33" s="28">
        <v>51194</v>
      </c>
      <c r="J33" s="28">
        <v>39077</v>
      </c>
      <c r="K33" s="28">
        <v>42770</v>
      </c>
      <c r="L33" s="28">
        <v>44458</v>
      </c>
      <c r="M33" s="28">
        <v>46420</v>
      </c>
      <c r="N33" s="7"/>
      <c r="O33" s="13"/>
      <c r="R33" s="24" t="s">
        <v>55</v>
      </c>
      <c r="S33" s="32">
        <v>46198</v>
      </c>
      <c r="T33" s="32">
        <v>41786</v>
      </c>
      <c r="U33" s="32">
        <v>41383</v>
      </c>
      <c r="V33" s="32">
        <v>39739</v>
      </c>
      <c r="W33" s="32">
        <v>52208</v>
      </c>
      <c r="X33" s="32">
        <v>38809</v>
      </c>
      <c r="Y33" s="32">
        <v>42852</v>
      </c>
      <c r="Z33" s="32">
        <v>42832</v>
      </c>
      <c r="AA33" s="32">
        <v>45468</v>
      </c>
      <c r="AB33" s="13"/>
      <c r="AC33" s="16"/>
      <c r="AF33" s="24" t="s">
        <v>55</v>
      </c>
      <c r="AG33" s="28">
        <f t="shared" si="8"/>
        <v>-202</v>
      </c>
      <c r="AH33" s="28">
        <f t="shared" si="0"/>
        <v>-146</v>
      </c>
      <c r="AI33" s="28">
        <f t="shared" si="1"/>
        <v>-161</v>
      </c>
      <c r="AJ33" s="28">
        <f>V33-H33</f>
        <v>-149</v>
      </c>
      <c r="AK33" s="28">
        <f>W33-I33</f>
        <v>1014</v>
      </c>
      <c r="AL33" s="28">
        <f>X33-J33</f>
        <v>-268</v>
      </c>
      <c r="AM33" s="28">
        <f>Y33-K33</f>
        <v>82</v>
      </c>
      <c r="AN33" s="28">
        <f>Z33-L33</f>
        <v>-1626</v>
      </c>
      <c r="AO33" s="28">
        <f>AA33-M33</f>
        <v>-952</v>
      </c>
      <c r="AP33" s="16"/>
    </row>
    <row r="34" spans="1:42" x14ac:dyDescent="0.7">
      <c r="A34" s="7"/>
      <c r="D34" s="24" t="s">
        <v>56</v>
      </c>
      <c r="E34" s="28">
        <v>20239</v>
      </c>
      <c r="F34" s="28">
        <v>16315</v>
      </c>
      <c r="G34" s="28">
        <v>12501</v>
      </c>
      <c r="H34" s="28">
        <v>11841</v>
      </c>
      <c r="I34" s="28">
        <v>22633</v>
      </c>
      <c r="J34" s="28">
        <v>16558</v>
      </c>
      <c r="K34" s="28">
        <v>12210</v>
      </c>
      <c r="L34" s="28">
        <v>12581</v>
      </c>
      <c r="M34" s="28">
        <v>27916</v>
      </c>
      <c r="N34" s="7"/>
      <c r="O34" s="13"/>
      <c r="R34" s="24" t="s">
        <v>56</v>
      </c>
      <c r="S34" s="32">
        <v>19978</v>
      </c>
      <c r="T34" s="32">
        <v>16020</v>
      </c>
      <c r="U34" s="32">
        <v>12155</v>
      </c>
      <c r="V34" s="32">
        <v>11517</v>
      </c>
      <c r="W34" s="32">
        <v>22494</v>
      </c>
      <c r="X34" s="32">
        <v>16201</v>
      </c>
      <c r="Y34" s="32">
        <v>11855</v>
      </c>
      <c r="Z34" s="32">
        <v>11708</v>
      </c>
      <c r="AA34" s="32">
        <v>26768</v>
      </c>
      <c r="AB34" s="13"/>
      <c r="AC34" s="16"/>
      <c r="AF34" s="24" t="s">
        <v>56</v>
      </c>
      <c r="AG34" s="28">
        <f t="shared" si="8"/>
        <v>-261</v>
      </c>
      <c r="AH34" s="28">
        <f t="shared" si="0"/>
        <v>-295</v>
      </c>
      <c r="AI34" s="28">
        <f t="shared" si="1"/>
        <v>-346</v>
      </c>
      <c r="AJ34" s="28">
        <f>V34-H34</f>
        <v>-324</v>
      </c>
      <c r="AK34" s="28">
        <f>W34-I34</f>
        <v>-139</v>
      </c>
      <c r="AL34" s="28">
        <f>X34-J34</f>
        <v>-357</v>
      </c>
      <c r="AM34" s="28">
        <f>Y34-K34</f>
        <v>-355</v>
      </c>
      <c r="AN34" s="28">
        <f>Z34-L34</f>
        <v>-873</v>
      </c>
      <c r="AO34" s="28">
        <f>AA34-M34</f>
        <v>-1148</v>
      </c>
      <c r="AP34" s="16"/>
    </row>
    <row r="35" spans="1:42" x14ac:dyDescent="0.7">
      <c r="A35" s="7"/>
      <c r="C35" s="24" t="s">
        <v>58</v>
      </c>
      <c r="D35" s="24" t="s">
        <v>51</v>
      </c>
      <c r="E35" s="28">
        <v>4379836</v>
      </c>
      <c r="F35" s="28">
        <v>4420903</v>
      </c>
      <c r="G35" s="28">
        <v>4054977</v>
      </c>
      <c r="H35" s="28">
        <v>4244181</v>
      </c>
      <c r="I35" s="28">
        <v>4255627</v>
      </c>
      <c r="J35" s="28">
        <v>4067498</v>
      </c>
      <c r="K35" s="28">
        <v>4159567</v>
      </c>
      <c r="L35" s="28">
        <v>3977940</v>
      </c>
      <c r="M35" s="28">
        <v>5420099</v>
      </c>
      <c r="N35" s="7"/>
      <c r="O35" s="13"/>
      <c r="Q35" s="24" t="s">
        <v>58</v>
      </c>
      <c r="R35" s="24" t="s">
        <v>51</v>
      </c>
      <c r="S35" s="32">
        <v>4370317</v>
      </c>
      <c r="T35" s="32">
        <v>4411315</v>
      </c>
      <c r="U35" s="32">
        <v>4044342</v>
      </c>
      <c r="V35" s="32">
        <v>4233431</v>
      </c>
      <c r="W35" s="32">
        <v>4253774</v>
      </c>
      <c r="X35" s="32">
        <v>4056881</v>
      </c>
      <c r="Y35" s="32">
        <v>4147920</v>
      </c>
      <c r="Z35" s="32">
        <v>3954846</v>
      </c>
      <c r="AA35" s="32">
        <v>5396674</v>
      </c>
      <c r="AB35" s="13"/>
      <c r="AC35" s="16"/>
      <c r="AE35" s="24" t="s">
        <v>58</v>
      </c>
      <c r="AF35" s="24" t="s">
        <v>51</v>
      </c>
      <c r="AG35" s="28">
        <f t="shared" si="8"/>
        <v>-9519</v>
      </c>
      <c r="AH35" s="28">
        <f t="shared" si="0"/>
        <v>-9588</v>
      </c>
      <c r="AI35" s="28">
        <f t="shared" si="1"/>
        <v>-10635</v>
      </c>
      <c r="AJ35" s="28">
        <f>V35-H35</f>
        <v>-10750</v>
      </c>
      <c r="AK35" s="28">
        <f>W35-I35</f>
        <v>-1853</v>
      </c>
      <c r="AL35" s="28">
        <f>X35-J35</f>
        <v>-10617</v>
      </c>
      <c r="AM35" s="28">
        <f>Y35-K35</f>
        <v>-11647</v>
      </c>
      <c r="AN35" s="28">
        <f>Z35-L35</f>
        <v>-23094</v>
      </c>
      <c r="AO35" s="28">
        <f>AA35-M35</f>
        <v>-23425</v>
      </c>
      <c r="AP35" s="16"/>
    </row>
    <row r="36" spans="1:42" x14ac:dyDescent="0.7">
      <c r="A36" s="7"/>
      <c r="D36" s="24" t="s">
        <v>52</v>
      </c>
      <c r="E36" s="28">
        <v>2399648</v>
      </c>
      <c r="F36" s="28">
        <v>2532330</v>
      </c>
      <c r="G36" s="28">
        <v>2195789</v>
      </c>
      <c r="H36" s="28">
        <v>2473026</v>
      </c>
      <c r="I36" s="28">
        <v>2246247</v>
      </c>
      <c r="J36" s="28">
        <v>2136345</v>
      </c>
      <c r="K36" s="28">
        <v>2206622</v>
      </c>
      <c r="L36" s="28">
        <v>2108052</v>
      </c>
      <c r="M36" s="28">
        <v>3298863</v>
      </c>
      <c r="N36" s="7"/>
      <c r="O36" s="13"/>
      <c r="R36" s="24" t="s">
        <v>52</v>
      </c>
      <c r="S36" s="32">
        <v>2399648</v>
      </c>
      <c r="T36" s="32">
        <v>2532330</v>
      </c>
      <c r="U36" s="32">
        <v>2195789</v>
      </c>
      <c r="V36" s="32">
        <v>2473026</v>
      </c>
      <c r="W36" s="32">
        <v>2255210</v>
      </c>
      <c r="X36" s="32">
        <v>2136345</v>
      </c>
      <c r="Y36" s="32">
        <v>2207012</v>
      </c>
      <c r="Z36" s="32">
        <v>2108052</v>
      </c>
      <c r="AA36" s="32">
        <v>3298863</v>
      </c>
      <c r="AB36" s="13"/>
      <c r="AC36" s="16"/>
      <c r="AF36" s="24" t="s">
        <v>52</v>
      </c>
      <c r="AG36" s="28">
        <f t="shared" si="8"/>
        <v>0</v>
      </c>
      <c r="AH36" s="28">
        <f t="shared" si="0"/>
        <v>0</v>
      </c>
      <c r="AI36" s="28">
        <f t="shared" si="1"/>
        <v>0</v>
      </c>
      <c r="AJ36" s="28">
        <f>V36-H36</f>
        <v>0</v>
      </c>
      <c r="AK36" s="28">
        <f>W36-I36</f>
        <v>8963</v>
      </c>
      <c r="AL36" s="28">
        <f>X36-J36</f>
        <v>0</v>
      </c>
      <c r="AM36" s="28">
        <f>Y36-K36</f>
        <v>390</v>
      </c>
      <c r="AN36" s="28">
        <f>Z36-L36</f>
        <v>0</v>
      </c>
      <c r="AO36" s="28">
        <f>AA36-M36</f>
        <v>0</v>
      </c>
      <c r="AP36" s="16"/>
    </row>
    <row r="37" spans="1:42" x14ac:dyDescent="0.7">
      <c r="A37" s="7"/>
      <c r="D37" s="24" t="s">
        <v>53</v>
      </c>
      <c r="E37" s="28">
        <v>109023</v>
      </c>
      <c r="F37" s="28">
        <v>117503</v>
      </c>
      <c r="G37" s="28">
        <v>126807</v>
      </c>
      <c r="H37" s="28">
        <v>122838</v>
      </c>
      <c r="I37" s="28">
        <v>128831</v>
      </c>
      <c r="J37" s="28">
        <v>123303</v>
      </c>
      <c r="K37" s="28">
        <v>131565</v>
      </c>
      <c r="L37" s="28">
        <v>125268</v>
      </c>
      <c r="M37" s="28">
        <v>133888</v>
      </c>
      <c r="N37" s="7"/>
      <c r="O37" s="13"/>
      <c r="R37" s="24" t="s">
        <v>53</v>
      </c>
      <c r="S37" s="32">
        <v>103573</v>
      </c>
      <c r="T37" s="32">
        <v>112102</v>
      </c>
      <c r="U37" s="32">
        <v>120658</v>
      </c>
      <c r="V37" s="32">
        <v>116720</v>
      </c>
      <c r="W37" s="32">
        <v>122486</v>
      </c>
      <c r="X37" s="32">
        <v>117599</v>
      </c>
      <c r="Y37" s="32">
        <v>125182</v>
      </c>
      <c r="Z37" s="32">
        <v>121959</v>
      </c>
      <c r="AA37" s="32">
        <v>130681</v>
      </c>
      <c r="AB37" s="13"/>
      <c r="AC37" s="16"/>
      <c r="AF37" s="24" t="s">
        <v>53</v>
      </c>
      <c r="AG37" s="28">
        <f t="shared" si="8"/>
        <v>-5450</v>
      </c>
      <c r="AH37" s="28">
        <f t="shared" si="0"/>
        <v>-5401</v>
      </c>
      <c r="AI37" s="28">
        <f t="shared" si="1"/>
        <v>-6149</v>
      </c>
      <c r="AJ37" s="28">
        <f>V37-H37</f>
        <v>-6118</v>
      </c>
      <c r="AK37" s="28">
        <f>W37-I37</f>
        <v>-6345</v>
      </c>
      <c r="AL37" s="28">
        <f>X37-J37</f>
        <v>-5704</v>
      </c>
      <c r="AM37" s="28">
        <f>Y37-K37</f>
        <v>-6383</v>
      </c>
      <c r="AN37" s="28">
        <f>Z37-L37</f>
        <v>-3309</v>
      </c>
      <c r="AO37" s="28">
        <f>AA37-M37</f>
        <v>-3207</v>
      </c>
      <c r="AP37" s="16"/>
    </row>
    <row r="38" spans="1:42" x14ac:dyDescent="0.7">
      <c r="A38" s="7"/>
      <c r="D38" s="24" t="s">
        <v>54</v>
      </c>
      <c r="E38" s="28">
        <v>196956</v>
      </c>
      <c r="F38" s="28">
        <v>174513</v>
      </c>
      <c r="G38" s="28">
        <v>182682</v>
      </c>
      <c r="H38" s="28">
        <v>174428</v>
      </c>
      <c r="I38" s="28">
        <v>191110</v>
      </c>
      <c r="J38" s="28">
        <v>177318</v>
      </c>
      <c r="K38" s="28">
        <v>186995</v>
      </c>
      <c r="L38" s="28">
        <v>184488</v>
      </c>
      <c r="M38" s="28">
        <v>252191</v>
      </c>
      <c r="N38" s="7"/>
      <c r="O38" s="13"/>
      <c r="R38" s="24" t="s">
        <v>54</v>
      </c>
      <c r="S38" s="32">
        <v>197130</v>
      </c>
      <c r="T38" s="32">
        <v>174614</v>
      </c>
      <c r="U38" s="32">
        <v>182816</v>
      </c>
      <c r="V38" s="32">
        <v>174551</v>
      </c>
      <c r="W38" s="32">
        <v>190422</v>
      </c>
      <c r="X38" s="32">
        <v>177581</v>
      </c>
      <c r="Y38" s="32">
        <v>186985</v>
      </c>
      <c r="Z38" s="32">
        <v>184472</v>
      </c>
      <c r="AA38" s="32">
        <v>252326</v>
      </c>
      <c r="AB38" s="13"/>
      <c r="AC38" s="16"/>
      <c r="AF38" s="24" t="s">
        <v>54</v>
      </c>
      <c r="AG38" s="28">
        <f t="shared" si="8"/>
        <v>174</v>
      </c>
      <c r="AH38" s="28">
        <f t="shared" si="0"/>
        <v>101</v>
      </c>
      <c r="AI38" s="28">
        <f t="shared" si="1"/>
        <v>134</v>
      </c>
      <c r="AJ38" s="28">
        <f>V38-H38</f>
        <v>123</v>
      </c>
      <c r="AK38" s="28">
        <f>W38-I38</f>
        <v>-688</v>
      </c>
      <c r="AL38" s="28">
        <f>X38-J38</f>
        <v>263</v>
      </c>
      <c r="AM38" s="28">
        <f>Y38-K38</f>
        <v>-10</v>
      </c>
      <c r="AN38" s="28">
        <f>Z38-L38</f>
        <v>-16</v>
      </c>
      <c r="AO38" s="28">
        <f>AA38-M38</f>
        <v>135</v>
      </c>
      <c r="AP38" s="16"/>
    </row>
    <row r="39" spans="1:42" x14ac:dyDescent="0.7">
      <c r="A39" s="7"/>
      <c r="D39" s="24" t="s">
        <v>55</v>
      </c>
      <c r="E39" s="28">
        <v>1188140</v>
      </c>
      <c r="F39" s="28">
        <v>1122211</v>
      </c>
      <c r="G39" s="28">
        <v>1131010</v>
      </c>
      <c r="H39" s="28">
        <v>1066763</v>
      </c>
      <c r="I39" s="28">
        <v>1196216</v>
      </c>
      <c r="J39" s="28">
        <v>1135778</v>
      </c>
      <c r="K39" s="28">
        <v>1192922</v>
      </c>
      <c r="L39" s="28">
        <v>1109091</v>
      </c>
      <c r="M39" s="28">
        <v>1220251</v>
      </c>
      <c r="N39" s="7"/>
      <c r="O39" s="13"/>
      <c r="R39" s="24" t="s">
        <v>55</v>
      </c>
      <c r="S39" s="32">
        <v>1188270</v>
      </c>
      <c r="T39" s="32">
        <v>1122392</v>
      </c>
      <c r="U39" s="32">
        <v>1131006</v>
      </c>
      <c r="V39" s="32">
        <v>1066996</v>
      </c>
      <c r="W39" s="32">
        <v>1196110</v>
      </c>
      <c r="X39" s="32">
        <v>1136183</v>
      </c>
      <c r="Y39" s="32">
        <v>1192997</v>
      </c>
      <c r="Z39" s="32">
        <v>1106597</v>
      </c>
      <c r="AA39" s="32">
        <v>1219274</v>
      </c>
      <c r="AB39" s="13"/>
      <c r="AC39" s="16"/>
      <c r="AF39" s="24" t="s">
        <v>55</v>
      </c>
      <c r="AG39" s="28">
        <f t="shared" si="8"/>
        <v>130</v>
      </c>
      <c r="AH39" s="28">
        <f t="shared" si="0"/>
        <v>181</v>
      </c>
      <c r="AI39" s="28">
        <f t="shared" si="1"/>
        <v>-4</v>
      </c>
      <c r="AJ39" s="28">
        <f>V39-H39</f>
        <v>233</v>
      </c>
      <c r="AK39" s="28">
        <f>W39-I39</f>
        <v>-106</v>
      </c>
      <c r="AL39" s="28">
        <f>X39-J39</f>
        <v>405</v>
      </c>
      <c r="AM39" s="28">
        <f>Y39-K39</f>
        <v>75</v>
      </c>
      <c r="AN39" s="28">
        <f>Z39-L39</f>
        <v>-2494</v>
      </c>
      <c r="AO39" s="28">
        <f>AA39-M39</f>
        <v>-977</v>
      </c>
      <c r="AP39" s="16"/>
    </row>
    <row r="40" spans="1:42" x14ac:dyDescent="0.7">
      <c r="A40" s="7"/>
      <c r="D40" s="24" t="s">
        <v>56</v>
      </c>
      <c r="E40" s="28">
        <v>486069</v>
      </c>
      <c r="F40" s="28">
        <v>474346</v>
      </c>
      <c r="G40" s="28">
        <v>418689</v>
      </c>
      <c r="H40" s="28">
        <v>407126</v>
      </c>
      <c r="I40" s="28">
        <v>493224</v>
      </c>
      <c r="J40" s="28">
        <v>494754</v>
      </c>
      <c r="K40" s="28">
        <v>441463</v>
      </c>
      <c r="L40" s="28">
        <v>451041</v>
      </c>
      <c r="M40" s="28">
        <v>514906</v>
      </c>
      <c r="N40" s="7"/>
      <c r="O40" s="13"/>
      <c r="R40" s="24" t="s">
        <v>56</v>
      </c>
      <c r="S40" s="32">
        <v>481695</v>
      </c>
      <c r="T40" s="32">
        <v>469877</v>
      </c>
      <c r="U40" s="32">
        <v>414072</v>
      </c>
      <c r="V40" s="32">
        <v>402138</v>
      </c>
      <c r="W40" s="32">
        <v>489546</v>
      </c>
      <c r="X40" s="32">
        <v>489173</v>
      </c>
      <c r="Y40" s="32">
        <v>435743</v>
      </c>
      <c r="Z40" s="32">
        <v>433766</v>
      </c>
      <c r="AA40" s="32">
        <v>495530</v>
      </c>
      <c r="AB40" s="13"/>
      <c r="AC40" s="16"/>
      <c r="AF40" s="24" t="s">
        <v>56</v>
      </c>
      <c r="AG40" s="28">
        <f t="shared" si="8"/>
        <v>-4374</v>
      </c>
      <c r="AH40" s="28">
        <f t="shared" si="0"/>
        <v>-4469</v>
      </c>
      <c r="AI40" s="28">
        <f t="shared" si="1"/>
        <v>-4617</v>
      </c>
      <c r="AJ40" s="28">
        <f>V40-H40</f>
        <v>-4988</v>
      </c>
      <c r="AK40" s="28">
        <f>W40-I40</f>
        <v>-3678</v>
      </c>
      <c r="AL40" s="28">
        <f>X40-J40</f>
        <v>-5581</v>
      </c>
      <c r="AM40" s="28">
        <f>Y40-K40</f>
        <v>-5720</v>
      </c>
      <c r="AN40" s="28">
        <f>Z40-L40</f>
        <v>-17275</v>
      </c>
      <c r="AO40" s="28">
        <f>AA40-M40</f>
        <v>-19376</v>
      </c>
      <c r="AP40" s="16"/>
    </row>
    <row r="41" spans="1:42" x14ac:dyDescent="0.7">
      <c r="A41" s="7"/>
      <c r="B41" s="7"/>
      <c r="C41" s="7"/>
      <c r="D41" s="7"/>
      <c r="E41" s="7"/>
      <c r="F41" s="7"/>
      <c r="G41" s="7"/>
      <c r="H41" s="7"/>
      <c r="I41" s="7"/>
      <c r="J41" s="7"/>
      <c r="K41" s="7"/>
      <c r="L41" s="7"/>
      <c r="M41" s="7"/>
      <c r="N41" s="7"/>
      <c r="O41" s="13"/>
      <c r="P41" s="13"/>
      <c r="Q41" s="13"/>
      <c r="R41" s="13"/>
      <c r="S41" s="13"/>
      <c r="T41" s="13"/>
      <c r="U41" s="13"/>
      <c r="V41" s="13"/>
      <c r="W41" s="13"/>
      <c r="X41" s="13"/>
      <c r="Y41" s="13"/>
      <c r="Z41" s="13"/>
      <c r="AA41" s="13"/>
      <c r="AB41" s="13"/>
      <c r="AC41" s="16"/>
      <c r="AD41" s="16"/>
      <c r="AE41" s="16"/>
      <c r="AF41" s="16"/>
      <c r="AG41" s="16"/>
      <c r="AH41" s="16"/>
      <c r="AI41" s="16"/>
      <c r="AJ41" s="16"/>
      <c r="AK41" s="16"/>
      <c r="AL41" s="16"/>
      <c r="AM41" s="16"/>
      <c r="AN41" s="16"/>
      <c r="AO41" s="16"/>
      <c r="AP41" s="16"/>
    </row>
    <row r="46" spans="1:42" hidden="1" x14ac:dyDescent="0.7">
      <c r="E46" s="24"/>
      <c r="F46" s="24"/>
      <c r="G46" s="24"/>
      <c r="H46" s="24"/>
      <c r="I46" s="24"/>
      <c r="J46" s="24"/>
      <c r="K46" s="24"/>
      <c r="L46" s="24"/>
      <c r="M46" s="24"/>
    </row>
    <row r="47" spans="1:42" hidden="1" x14ac:dyDescent="0.7">
      <c r="E47" s="25"/>
      <c r="F47" s="25"/>
      <c r="G47" s="25"/>
      <c r="H47" s="25"/>
      <c r="I47" s="25"/>
      <c r="J47" s="25"/>
      <c r="K47" s="25"/>
      <c r="L47" s="25"/>
      <c r="M47" s="25"/>
    </row>
    <row r="49" spans="5:13" hidden="1" x14ac:dyDescent="0.7">
      <c r="E49" s="25"/>
      <c r="F49" s="25"/>
      <c r="G49" s="25"/>
      <c r="H49" s="25"/>
      <c r="I49" s="25"/>
      <c r="J49" s="25"/>
      <c r="K49" s="25"/>
      <c r="L49" s="25"/>
      <c r="M49" s="25"/>
    </row>
    <row r="51" spans="5:13" hidden="1" x14ac:dyDescent="0.7">
      <c r="E51" s="25"/>
      <c r="F51" s="25"/>
      <c r="G51" s="25"/>
      <c r="H51" s="25"/>
      <c r="I51" s="25"/>
      <c r="J51" s="25"/>
      <c r="K51" s="25"/>
      <c r="L51" s="25"/>
      <c r="M51" s="25"/>
    </row>
    <row r="53" spans="5:13" hidden="1" x14ac:dyDescent="0.7">
      <c r="E53" s="25"/>
      <c r="F53" s="25"/>
      <c r="G53" s="25"/>
      <c r="H53" s="25"/>
      <c r="I53" s="25"/>
      <c r="J53" s="25"/>
      <c r="K53" s="25"/>
      <c r="L53" s="25"/>
      <c r="M53" s="25"/>
    </row>
    <row r="55" spans="5:13" hidden="1" x14ac:dyDescent="0.7">
      <c r="E55" s="25"/>
      <c r="F55" s="25"/>
      <c r="G55" s="25"/>
      <c r="H55" s="25"/>
      <c r="I55" s="25"/>
      <c r="J55" s="25"/>
      <c r="K55" s="25"/>
      <c r="L55" s="25"/>
      <c r="M55" s="25"/>
    </row>
    <row r="57" spans="5:13" hidden="1" x14ac:dyDescent="0.7">
      <c r="E57" s="25"/>
      <c r="F57" s="25"/>
      <c r="G57" s="25"/>
      <c r="H57" s="25"/>
      <c r="I57" s="25"/>
      <c r="J57" s="25"/>
      <c r="K57" s="25"/>
      <c r="L57" s="25"/>
      <c r="M57" s="25"/>
    </row>
    <row r="66" spans="5:13" hidden="1" x14ac:dyDescent="0.7">
      <c r="E66" s="24"/>
      <c r="F66" s="24"/>
      <c r="G66" s="24"/>
      <c r="H66" s="24"/>
      <c r="I66" s="24"/>
      <c r="J66" s="24"/>
      <c r="K66" s="24"/>
      <c r="L66" s="24"/>
      <c r="M66" s="24"/>
    </row>
    <row r="67" spans="5:13" hidden="1" x14ac:dyDescent="0.7">
      <c r="E67" s="31"/>
      <c r="F67" s="31"/>
      <c r="G67" s="31"/>
      <c r="H67" s="31"/>
      <c r="I67" s="31"/>
      <c r="J67" s="31"/>
      <c r="K67" s="31"/>
      <c r="L67" s="31"/>
      <c r="M67" s="31"/>
    </row>
    <row r="68" spans="5:13" hidden="1" x14ac:dyDescent="0.7">
      <c r="E68" s="30"/>
      <c r="F68" s="30"/>
      <c r="G68" s="30"/>
      <c r="H68" s="30"/>
      <c r="I68" s="30"/>
      <c r="J68" s="30"/>
      <c r="K68" s="30"/>
      <c r="L68" s="30"/>
      <c r="M68" s="30"/>
    </row>
    <row r="69" spans="5:13" hidden="1" x14ac:dyDescent="0.7">
      <c r="E69" s="31"/>
      <c r="F69" s="31"/>
      <c r="G69" s="31"/>
      <c r="H69" s="31"/>
      <c r="I69" s="31"/>
      <c r="J69" s="31"/>
      <c r="K69" s="31"/>
      <c r="L69" s="31"/>
      <c r="M69" s="31"/>
    </row>
    <row r="70" spans="5:13" hidden="1" x14ac:dyDescent="0.7">
      <c r="E70" s="30"/>
      <c r="F70" s="30"/>
      <c r="G70" s="30"/>
      <c r="H70" s="30"/>
      <c r="I70" s="30"/>
      <c r="J70" s="30"/>
      <c r="K70" s="30"/>
      <c r="L70" s="30"/>
      <c r="M70" s="30"/>
    </row>
    <row r="71" spans="5:13" hidden="1" x14ac:dyDescent="0.7">
      <c r="E71" s="31"/>
      <c r="F71" s="31"/>
      <c r="G71" s="31"/>
      <c r="H71" s="31"/>
      <c r="I71" s="31"/>
      <c r="J71" s="31"/>
      <c r="K71" s="31"/>
      <c r="L71" s="31"/>
      <c r="M71" s="31"/>
    </row>
    <row r="72" spans="5:13" hidden="1" x14ac:dyDescent="0.7">
      <c r="E72" s="30"/>
      <c r="F72" s="30"/>
      <c r="G72" s="30"/>
      <c r="H72" s="30"/>
      <c r="I72" s="30"/>
      <c r="J72" s="30"/>
      <c r="K72" s="30"/>
      <c r="L72" s="30"/>
      <c r="M72" s="30"/>
    </row>
    <row r="73" spans="5:13" hidden="1" x14ac:dyDescent="0.7">
      <c r="E73" s="31"/>
      <c r="F73" s="31"/>
      <c r="G73" s="31"/>
      <c r="H73" s="31"/>
      <c r="I73" s="31"/>
      <c r="J73" s="31"/>
      <c r="K73" s="31"/>
      <c r="L73" s="31"/>
      <c r="M73" s="31"/>
    </row>
    <row r="74" spans="5:13" hidden="1" x14ac:dyDescent="0.7">
      <c r="E74" s="30"/>
      <c r="F74" s="30"/>
      <c r="G74" s="30"/>
      <c r="H74" s="30"/>
      <c r="I74" s="30"/>
      <c r="J74" s="30"/>
      <c r="K74" s="30"/>
      <c r="L74" s="30"/>
      <c r="M74" s="30"/>
    </row>
    <row r="75" spans="5:13" hidden="1" x14ac:dyDescent="0.7">
      <c r="E75" s="31"/>
      <c r="F75" s="31"/>
      <c r="G75" s="31"/>
      <c r="H75" s="31"/>
      <c r="I75" s="31"/>
      <c r="J75" s="31"/>
      <c r="K75" s="31"/>
      <c r="L75" s="31"/>
      <c r="M75" s="31"/>
    </row>
    <row r="76" spans="5:13" hidden="1" x14ac:dyDescent="0.7">
      <c r="E76" s="30"/>
      <c r="F76" s="30"/>
      <c r="G76" s="30"/>
      <c r="H76" s="30"/>
      <c r="I76" s="30"/>
      <c r="J76" s="30"/>
      <c r="K76" s="30"/>
      <c r="L76" s="30"/>
      <c r="M76" s="30"/>
    </row>
    <row r="77" spans="5:13" hidden="1" x14ac:dyDescent="0.7">
      <c r="E77" s="31"/>
      <c r="F77" s="31"/>
      <c r="G77" s="31"/>
      <c r="H77" s="31"/>
      <c r="I77" s="31"/>
      <c r="J77" s="31"/>
      <c r="K77" s="31"/>
      <c r="L77" s="31"/>
      <c r="M77" s="31"/>
    </row>
    <row r="78" spans="5:13" hidden="1" x14ac:dyDescent="0.7">
      <c r="E78" s="30"/>
      <c r="F78" s="30"/>
      <c r="G78" s="30"/>
      <c r="H78" s="30"/>
      <c r="I78" s="30"/>
      <c r="J78" s="30"/>
      <c r="K78" s="30"/>
      <c r="L78" s="30"/>
      <c r="M78" s="30"/>
    </row>
    <row r="79" spans="5:13" hidden="1" x14ac:dyDescent="0.7">
      <c r="E79" s="30"/>
      <c r="F79" s="30"/>
      <c r="G79" s="30"/>
      <c r="H79" s="30"/>
      <c r="I79" s="30"/>
      <c r="J79" s="30"/>
      <c r="K79" s="30"/>
      <c r="L79" s="30"/>
      <c r="M79" s="30"/>
    </row>
  </sheetData>
  <pageMargins left="0.75" right="0.75" top="0.75" bottom="0.5" header="0.5" footer="0.75"/>
  <drawing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31D5F75-0815-451C-BF3C-B8B4841F04F1}">
  <dimension ref="A1:AS127"/>
  <sheetViews>
    <sheetView showGridLines="0" zoomScale="70" zoomScaleNormal="70" workbookViewId="0"/>
  </sheetViews>
  <sheetFormatPr defaultColWidth="0" defaultRowHeight="14.5" zeroHeight="1" x14ac:dyDescent="0.7"/>
  <cols>
    <col min="1" max="1" width="4.6796875" style="23" customWidth="1"/>
    <col min="2" max="2" width="17.7265625" style="23" customWidth="1"/>
    <col min="3" max="3" width="22.86328125" style="23" customWidth="1"/>
    <col min="4" max="4" width="11.7265625" style="23" customWidth="1"/>
    <col min="5" max="5" width="40.7265625" style="23" customWidth="1"/>
    <col min="6" max="14" width="11.58984375" style="23" bestFit="1" customWidth="1"/>
    <col min="15" max="16" width="4.6796875" style="23" customWidth="1"/>
    <col min="17" max="17" width="18.6796875" style="23" customWidth="1"/>
    <col min="18" max="18" width="22.6328125" style="23" bestFit="1" customWidth="1"/>
    <col min="19" max="19" width="10.31640625" style="23" bestFit="1" customWidth="1"/>
    <col min="20" max="20" width="58.81640625" style="23" bestFit="1" customWidth="1"/>
    <col min="21" max="29" width="13.36328125" style="23" customWidth="1"/>
    <col min="30" max="31" width="4.6796875" style="23" customWidth="1"/>
    <col min="32" max="32" width="18.1328125" style="23" customWidth="1"/>
    <col min="33" max="33" width="22.6328125" style="23" bestFit="1" customWidth="1"/>
    <col min="34" max="34" width="10.31640625" style="23" bestFit="1" customWidth="1"/>
    <col min="35" max="35" width="58.81640625" style="23" bestFit="1" customWidth="1"/>
    <col min="36" max="44" width="11" style="23" customWidth="1"/>
    <col min="45" max="45" width="4.6796875" style="23" customWidth="1"/>
    <col min="46" max="16384" width="8.7265625" style="23" hidden="1"/>
  </cols>
  <sheetData>
    <row r="1" spans="1:45" ht="32.75" x14ac:dyDescent="1.35">
      <c r="A1" s="29" t="s">
        <v>74</v>
      </c>
    </row>
    <row r="2" spans="1:45" ht="17" x14ac:dyDescent="0.8">
      <c r="B2" s="22"/>
    </row>
    <row r="3" spans="1:45" ht="35" x14ac:dyDescent="1.4">
      <c r="A3" s="7"/>
      <c r="B3" s="5" t="s">
        <v>69</v>
      </c>
      <c r="C3" s="7"/>
      <c r="D3" s="7"/>
      <c r="E3" s="7"/>
      <c r="F3" s="7"/>
      <c r="G3" s="7"/>
      <c r="H3" s="7"/>
      <c r="I3" s="7"/>
      <c r="J3" s="7"/>
      <c r="K3" s="7"/>
      <c r="L3" s="7"/>
      <c r="M3" s="7"/>
      <c r="N3" s="7"/>
      <c r="O3" s="7"/>
      <c r="P3" s="13"/>
      <c r="Q3" s="11" t="s">
        <v>70</v>
      </c>
      <c r="R3" s="13"/>
      <c r="S3" s="13"/>
      <c r="T3" s="13"/>
      <c r="U3" s="13"/>
      <c r="V3" s="13"/>
      <c r="W3" s="13"/>
      <c r="X3" s="13"/>
      <c r="Y3" s="13"/>
      <c r="Z3" s="13"/>
      <c r="AA3" s="13"/>
      <c r="AB3" s="13"/>
      <c r="AC3" s="13"/>
      <c r="AD3" s="13"/>
      <c r="AE3" s="16"/>
      <c r="AF3" s="17" t="s">
        <v>71</v>
      </c>
      <c r="AG3" s="18"/>
      <c r="AH3" s="18"/>
      <c r="AI3" s="16"/>
      <c r="AJ3" s="16"/>
      <c r="AK3" s="16"/>
      <c r="AL3" s="16"/>
      <c r="AM3" s="16"/>
      <c r="AN3" s="16"/>
      <c r="AO3" s="16"/>
      <c r="AP3" s="16"/>
      <c r="AQ3" s="16"/>
      <c r="AR3" s="16"/>
      <c r="AS3" s="16"/>
    </row>
    <row r="4" spans="1:45" s="34" customFormat="1" x14ac:dyDescent="0.7">
      <c r="A4" s="33"/>
      <c r="F4" s="35" t="s">
        <v>11</v>
      </c>
      <c r="G4" s="35" t="s">
        <v>12</v>
      </c>
      <c r="H4" s="35" t="s">
        <v>13</v>
      </c>
      <c r="I4" s="35" t="s">
        <v>14</v>
      </c>
      <c r="J4" s="35" t="s">
        <v>15</v>
      </c>
      <c r="K4" s="35" t="s">
        <v>16</v>
      </c>
      <c r="L4" s="35" t="s">
        <v>17</v>
      </c>
      <c r="M4" s="35" t="s">
        <v>18</v>
      </c>
      <c r="N4" s="35" t="s">
        <v>19</v>
      </c>
      <c r="O4" s="33"/>
      <c r="P4" s="36"/>
      <c r="U4" s="35" t="s">
        <v>11</v>
      </c>
      <c r="V4" s="35" t="s">
        <v>12</v>
      </c>
      <c r="W4" s="35" t="s">
        <v>13</v>
      </c>
      <c r="X4" s="35" t="s">
        <v>14</v>
      </c>
      <c r="Y4" s="35" t="s">
        <v>15</v>
      </c>
      <c r="Z4" s="35" t="s">
        <v>16</v>
      </c>
      <c r="AA4" s="35" t="s">
        <v>17</v>
      </c>
      <c r="AB4" s="35" t="s">
        <v>18</v>
      </c>
      <c r="AC4" s="35" t="s">
        <v>19</v>
      </c>
      <c r="AD4" s="36"/>
      <c r="AE4" s="37"/>
      <c r="AJ4" s="35" t="s">
        <v>11</v>
      </c>
      <c r="AK4" s="35" t="s">
        <v>12</v>
      </c>
      <c r="AL4" s="35" t="s">
        <v>13</v>
      </c>
      <c r="AM4" s="35" t="s">
        <v>14</v>
      </c>
      <c r="AN4" s="35" t="s">
        <v>15</v>
      </c>
      <c r="AO4" s="35" t="s">
        <v>16</v>
      </c>
      <c r="AP4" s="35" t="s">
        <v>17</v>
      </c>
      <c r="AQ4" s="35" t="s">
        <v>18</v>
      </c>
      <c r="AR4" s="35" t="s">
        <v>19</v>
      </c>
      <c r="AS4" s="37"/>
    </row>
    <row r="5" spans="1:45" x14ac:dyDescent="0.7">
      <c r="A5" s="7"/>
      <c r="B5" s="24" t="s">
        <v>25</v>
      </c>
      <c r="C5" s="24" t="s">
        <v>50</v>
      </c>
      <c r="D5" s="24" t="s">
        <v>59</v>
      </c>
      <c r="E5" s="24" t="s">
        <v>60</v>
      </c>
      <c r="F5" s="28">
        <v>12171</v>
      </c>
      <c r="G5" s="28">
        <v>11877</v>
      </c>
      <c r="H5" s="28">
        <v>12664</v>
      </c>
      <c r="I5" s="28">
        <v>13250</v>
      </c>
      <c r="J5" s="28">
        <v>13856</v>
      </c>
      <c r="K5" s="28">
        <v>13693</v>
      </c>
      <c r="L5" s="28">
        <v>14822</v>
      </c>
      <c r="M5" s="28">
        <v>13179</v>
      </c>
      <c r="N5" s="28">
        <v>14192</v>
      </c>
      <c r="O5" s="7"/>
      <c r="P5" s="13"/>
      <c r="Q5" s="24" t="s">
        <v>25</v>
      </c>
      <c r="R5" s="24" t="s">
        <v>50</v>
      </c>
      <c r="S5" s="24" t="s">
        <v>59</v>
      </c>
      <c r="T5" s="24" t="s">
        <v>60</v>
      </c>
      <c r="U5" s="27">
        <v>12171</v>
      </c>
      <c r="V5" s="27">
        <v>11877</v>
      </c>
      <c r="W5" s="27">
        <v>12666</v>
      </c>
      <c r="X5" s="27">
        <v>13254</v>
      </c>
      <c r="Y5" s="27">
        <v>13885</v>
      </c>
      <c r="Z5" s="27">
        <v>13824</v>
      </c>
      <c r="AA5" s="27">
        <v>14827</v>
      </c>
      <c r="AB5" s="27">
        <v>13186</v>
      </c>
      <c r="AC5" s="27">
        <v>14199</v>
      </c>
      <c r="AD5" s="13"/>
      <c r="AE5" s="16"/>
      <c r="AF5" s="24" t="s">
        <v>25</v>
      </c>
      <c r="AG5" s="24" t="s">
        <v>50</v>
      </c>
      <c r="AH5" s="24" t="s">
        <v>59</v>
      </c>
      <c r="AI5" s="24" t="s">
        <v>60</v>
      </c>
      <c r="AJ5" s="27">
        <f>U5-F5</f>
        <v>0</v>
      </c>
      <c r="AK5" s="27">
        <f t="shared" ref="AK5:AK15" si="0">V5-G5</f>
        <v>0</v>
      </c>
      <c r="AL5" s="27">
        <f t="shared" ref="AL5:AL15" si="1">W5-H5</f>
        <v>2</v>
      </c>
      <c r="AM5" s="27">
        <f t="shared" ref="AM5:AM15" si="2">X5-I5</f>
        <v>4</v>
      </c>
      <c r="AN5" s="27">
        <f t="shared" ref="AN5:AN15" si="3">Y5-J5</f>
        <v>29</v>
      </c>
      <c r="AO5" s="27">
        <f t="shared" ref="AO5:AO15" si="4">Z5-K5</f>
        <v>131</v>
      </c>
      <c r="AP5" s="27">
        <f t="shared" ref="AP5:AP15" si="5">AA5-L5</f>
        <v>5</v>
      </c>
      <c r="AQ5" s="27">
        <f t="shared" ref="AQ5:AQ15" si="6">AB5-M5</f>
        <v>7</v>
      </c>
      <c r="AR5" s="27">
        <f t="shared" ref="AR5:AR15" si="7">AC5-N5</f>
        <v>7</v>
      </c>
      <c r="AS5" s="16"/>
    </row>
    <row r="6" spans="1:45" x14ac:dyDescent="0.7">
      <c r="A6" s="7"/>
      <c r="E6" s="24" t="s">
        <v>61</v>
      </c>
      <c r="F6" s="28">
        <v>411</v>
      </c>
      <c r="G6" s="28">
        <v>407</v>
      </c>
      <c r="H6" s="28">
        <v>429</v>
      </c>
      <c r="I6" s="28">
        <v>432</v>
      </c>
      <c r="J6" s="28">
        <v>448</v>
      </c>
      <c r="K6" s="28">
        <v>405</v>
      </c>
      <c r="L6" s="28">
        <v>477</v>
      </c>
      <c r="M6" s="28">
        <v>471</v>
      </c>
      <c r="N6" s="28">
        <v>484</v>
      </c>
      <c r="O6" s="7"/>
      <c r="P6" s="13"/>
      <c r="T6" s="24" t="s">
        <v>61</v>
      </c>
      <c r="U6" s="27">
        <v>411</v>
      </c>
      <c r="V6" s="27">
        <v>407</v>
      </c>
      <c r="W6" s="27">
        <v>429</v>
      </c>
      <c r="X6" s="27">
        <v>433</v>
      </c>
      <c r="Y6" s="27">
        <v>455</v>
      </c>
      <c r="Z6" s="27">
        <v>427</v>
      </c>
      <c r="AA6" s="27">
        <v>479</v>
      </c>
      <c r="AB6" s="27">
        <v>472</v>
      </c>
      <c r="AC6" s="27">
        <v>485</v>
      </c>
      <c r="AD6" s="13"/>
      <c r="AE6" s="16"/>
      <c r="AI6" s="24" t="s">
        <v>61</v>
      </c>
      <c r="AJ6" s="27">
        <f t="shared" ref="AJ6:AJ15" si="8">U6-F6</f>
        <v>0</v>
      </c>
      <c r="AK6" s="27">
        <f t="shared" si="0"/>
        <v>0</v>
      </c>
      <c r="AL6" s="27">
        <f t="shared" si="1"/>
        <v>0</v>
      </c>
      <c r="AM6" s="27">
        <f t="shared" si="2"/>
        <v>1</v>
      </c>
      <c r="AN6" s="27">
        <f t="shared" si="3"/>
        <v>7</v>
      </c>
      <c r="AO6" s="27">
        <f t="shared" si="4"/>
        <v>22</v>
      </c>
      <c r="AP6" s="27">
        <f t="shared" si="5"/>
        <v>2</v>
      </c>
      <c r="AQ6" s="27">
        <f t="shared" si="6"/>
        <v>1</v>
      </c>
      <c r="AR6" s="27">
        <f t="shared" si="7"/>
        <v>1</v>
      </c>
      <c r="AS6" s="16"/>
    </row>
    <row r="7" spans="1:45" x14ac:dyDescent="0.7">
      <c r="A7" s="7"/>
      <c r="E7" s="24" t="s">
        <v>62</v>
      </c>
      <c r="F7" s="28">
        <v>8395</v>
      </c>
      <c r="G7" s="28">
        <v>7978</v>
      </c>
      <c r="H7" s="28">
        <v>8495</v>
      </c>
      <c r="I7" s="28">
        <v>8856</v>
      </c>
      <c r="J7" s="28">
        <v>9427</v>
      </c>
      <c r="K7" s="28">
        <v>9421</v>
      </c>
      <c r="L7" s="28">
        <v>9935</v>
      </c>
      <c r="M7" s="28">
        <v>8081</v>
      </c>
      <c r="N7" s="28">
        <v>9648</v>
      </c>
      <c r="O7" s="7"/>
      <c r="P7" s="13"/>
      <c r="T7" s="24" t="s">
        <v>62</v>
      </c>
      <c r="U7" s="27">
        <v>8396</v>
      </c>
      <c r="V7" s="27">
        <v>7979</v>
      </c>
      <c r="W7" s="27">
        <v>8495</v>
      </c>
      <c r="X7" s="27">
        <v>8856</v>
      </c>
      <c r="Y7" s="27">
        <v>9438</v>
      </c>
      <c r="Z7" s="27">
        <v>9448</v>
      </c>
      <c r="AA7" s="27">
        <v>9935</v>
      </c>
      <c r="AB7" s="27">
        <v>8081</v>
      </c>
      <c r="AC7" s="27">
        <v>9648</v>
      </c>
      <c r="AD7" s="13"/>
      <c r="AE7" s="16"/>
      <c r="AI7" s="24" t="s">
        <v>62</v>
      </c>
      <c r="AJ7" s="27">
        <f t="shared" si="8"/>
        <v>1</v>
      </c>
      <c r="AK7" s="27">
        <f t="shared" si="0"/>
        <v>1</v>
      </c>
      <c r="AL7" s="27">
        <f t="shared" si="1"/>
        <v>0</v>
      </c>
      <c r="AM7" s="27">
        <f t="shared" si="2"/>
        <v>0</v>
      </c>
      <c r="AN7" s="27">
        <f t="shared" si="3"/>
        <v>11</v>
      </c>
      <c r="AO7" s="27">
        <f t="shared" si="4"/>
        <v>27</v>
      </c>
      <c r="AP7" s="27">
        <f t="shared" si="5"/>
        <v>0</v>
      </c>
      <c r="AQ7" s="27">
        <f t="shared" si="6"/>
        <v>0</v>
      </c>
      <c r="AR7" s="27">
        <f t="shared" si="7"/>
        <v>0</v>
      </c>
      <c r="AS7" s="16"/>
    </row>
    <row r="8" spans="1:45" x14ac:dyDescent="0.7">
      <c r="A8" s="7"/>
      <c r="E8" s="24" t="s">
        <v>63</v>
      </c>
      <c r="F8" s="28">
        <v>865</v>
      </c>
      <c r="G8" s="28">
        <v>883</v>
      </c>
      <c r="H8" s="28">
        <v>995</v>
      </c>
      <c r="I8" s="28">
        <v>995</v>
      </c>
      <c r="J8" s="28">
        <v>1022</v>
      </c>
      <c r="K8" s="28">
        <v>951</v>
      </c>
      <c r="L8" s="28">
        <v>1096</v>
      </c>
      <c r="M8" s="28">
        <v>1106</v>
      </c>
      <c r="N8" s="28">
        <v>1090</v>
      </c>
      <c r="O8" s="7"/>
      <c r="P8" s="13"/>
      <c r="T8" s="24" t="s">
        <v>63</v>
      </c>
      <c r="U8" s="27">
        <v>865</v>
      </c>
      <c r="V8" s="27">
        <v>883</v>
      </c>
      <c r="W8" s="27">
        <v>997</v>
      </c>
      <c r="X8" s="27">
        <v>997</v>
      </c>
      <c r="Y8" s="27">
        <v>1026</v>
      </c>
      <c r="Z8" s="27">
        <v>1009</v>
      </c>
      <c r="AA8" s="27">
        <v>1099</v>
      </c>
      <c r="AB8" s="27">
        <v>1110</v>
      </c>
      <c r="AC8" s="27">
        <v>1094</v>
      </c>
      <c r="AD8" s="13"/>
      <c r="AE8" s="16"/>
      <c r="AI8" s="24" t="s">
        <v>63</v>
      </c>
      <c r="AJ8" s="27">
        <f t="shared" si="8"/>
        <v>0</v>
      </c>
      <c r="AK8" s="27">
        <f t="shared" si="0"/>
        <v>0</v>
      </c>
      <c r="AL8" s="27">
        <f t="shared" si="1"/>
        <v>2</v>
      </c>
      <c r="AM8" s="27">
        <f t="shared" si="2"/>
        <v>2</v>
      </c>
      <c r="AN8" s="27">
        <f t="shared" si="3"/>
        <v>4</v>
      </c>
      <c r="AO8" s="27">
        <f t="shared" si="4"/>
        <v>58</v>
      </c>
      <c r="AP8" s="27">
        <f t="shared" si="5"/>
        <v>3</v>
      </c>
      <c r="AQ8" s="27">
        <f t="shared" si="6"/>
        <v>4</v>
      </c>
      <c r="AR8" s="27">
        <f t="shared" si="7"/>
        <v>4</v>
      </c>
      <c r="AS8" s="16"/>
    </row>
    <row r="9" spans="1:45" x14ac:dyDescent="0.7">
      <c r="A9" s="7"/>
      <c r="E9" s="24" t="s">
        <v>64</v>
      </c>
      <c r="F9" s="28">
        <v>2500</v>
      </c>
      <c r="G9" s="28">
        <v>2609</v>
      </c>
      <c r="H9" s="28">
        <v>2744</v>
      </c>
      <c r="I9" s="28">
        <v>2967</v>
      </c>
      <c r="J9" s="28">
        <v>2959</v>
      </c>
      <c r="K9" s="28">
        <v>2917</v>
      </c>
      <c r="L9" s="28">
        <v>3314</v>
      </c>
      <c r="M9" s="28">
        <v>3521</v>
      </c>
      <c r="N9" s="28">
        <v>2970</v>
      </c>
      <c r="O9" s="7"/>
      <c r="P9" s="13"/>
      <c r="T9" s="24" t="s">
        <v>64</v>
      </c>
      <c r="U9" s="27">
        <v>2500</v>
      </c>
      <c r="V9" s="27">
        <v>2608</v>
      </c>
      <c r="W9" s="27">
        <v>2745</v>
      </c>
      <c r="X9" s="27">
        <v>2968</v>
      </c>
      <c r="Y9" s="27">
        <v>2966</v>
      </c>
      <c r="Z9" s="27">
        <v>2940</v>
      </c>
      <c r="AA9" s="27">
        <v>3315</v>
      </c>
      <c r="AB9" s="27">
        <v>3522</v>
      </c>
      <c r="AC9" s="27">
        <v>2972</v>
      </c>
      <c r="AD9" s="13"/>
      <c r="AE9" s="16"/>
      <c r="AI9" s="24" t="s">
        <v>64</v>
      </c>
      <c r="AJ9" s="27">
        <f t="shared" si="8"/>
        <v>0</v>
      </c>
      <c r="AK9" s="27">
        <f t="shared" si="0"/>
        <v>-1</v>
      </c>
      <c r="AL9" s="27">
        <f t="shared" si="1"/>
        <v>1</v>
      </c>
      <c r="AM9" s="27">
        <f t="shared" si="2"/>
        <v>1</v>
      </c>
      <c r="AN9" s="27">
        <f t="shared" si="3"/>
        <v>7</v>
      </c>
      <c r="AO9" s="27">
        <f t="shared" si="4"/>
        <v>23</v>
      </c>
      <c r="AP9" s="27">
        <f t="shared" si="5"/>
        <v>1</v>
      </c>
      <c r="AQ9" s="27">
        <f t="shared" si="6"/>
        <v>1</v>
      </c>
      <c r="AR9" s="27">
        <f t="shared" si="7"/>
        <v>2</v>
      </c>
      <c r="AS9" s="16"/>
    </row>
    <row r="10" spans="1:45" x14ac:dyDescent="0.7">
      <c r="A10" s="7"/>
      <c r="D10" s="24" t="s">
        <v>65</v>
      </c>
      <c r="E10" s="24" t="s">
        <v>60</v>
      </c>
      <c r="F10" s="28">
        <v>2912</v>
      </c>
      <c r="G10" s="28">
        <v>2711</v>
      </c>
      <c r="H10" s="28">
        <v>3406</v>
      </c>
      <c r="I10" s="28">
        <v>3432</v>
      </c>
      <c r="J10" s="28">
        <v>3903</v>
      </c>
      <c r="K10" s="28">
        <v>3532</v>
      </c>
      <c r="L10" s="28">
        <v>3957</v>
      </c>
      <c r="M10" s="28">
        <v>4304</v>
      </c>
      <c r="N10" s="28">
        <v>6008</v>
      </c>
      <c r="O10" s="7"/>
      <c r="P10" s="13"/>
      <c r="S10" s="24" t="s">
        <v>65</v>
      </c>
      <c r="T10" s="24" t="s">
        <v>60</v>
      </c>
      <c r="U10" s="27">
        <v>2913</v>
      </c>
      <c r="V10" s="27">
        <v>2711</v>
      </c>
      <c r="W10" s="27">
        <v>3410</v>
      </c>
      <c r="X10" s="27">
        <v>3436</v>
      </c>
      <c r="Y10" s="27">
        <v>3928</v>
      </c>
      <c r="Z10" s="27">
        <v>3650</v>
      </c>
      <c r="AA10" s="27">
        <v>3963</v>
      </c>
      <c r="AB10" s="27">
        <v>4311</v>
      </c>
      <c r="AC10" s="27">
        <v>6015</v>
      </c>
      <c r="AD10" s="13"/>
      <c r="AE10" s="16"/>
      <c r="AH10" s="24" t="s">
        <v>65</v>
      </c>
      <c r="AI10" s="24" t="s">
        <v>60</v>
      </c>
      <c r="AJ10" s="27">
        <f t="shared" si="8"/>
        <v>1</v>
      </c>
      <c r="AK10" s="27">
        <f t="shared" si="0"/>
        <v>0</v>
      </c>
      <c r="AL10" s="27">
        <f t="shared" si="1"/>
        <v>4</v>
      </c>
      <c r="AM10" s="27">
        <f t="shared" si="2"/>
        <v>4</v>
      </c>
      <c r="AN10" s="27">
        <f t="shared" si="3"/>
        <v>25</v>
      </c>
      <c r="AO10" s="27">
        <f t="shared" si="4"/>
        <v>118</v>
      </c>
      <c r="AP10" s="27">
        <f t="shared" si="5"/>
        <v>6</v>
      </c>
      <c r="AQ10" s="27">
        <f t="shared" si="6"/>
        <v>7</v>
      </c>
      <c r="AR10" s="27">
        <f t="shared" si="7"/>
        <v>7</v>
      </c>
      <c r="AS10" s="16"/>
    </row>
    <row r="11" spans="1:45" x14ac:dyDescent="0.7">
      <c r="A11" s="7"/>
      <c r="E11" s="24" t="s">
        <v>61</v>
      </c>
      <c r="F11" s="28">
        <v>524</v>
      </c>
      <c r="G11" s="28">
        <v>513</v>
      </c>
      <c r="H11" s="28">
        <v>562</v>
      </c>
      <c r="I11" s="28">
        <v>577</v>
      </c>
      <c r="J11" s="28">
        <v>582</v>
      </c>
      <c r="K11" s="28">
        <v>534</v>
      </c>
      <c r="L11" s="28">
        <v>598</v>
      </c>
      <c r="M11" s="28">
        <v>591</v>
      </c>
      <c r="N11" s="28">
        <v>594</v>
      </c>
      <c r="O11" s="7"/>
      <c r="P11" s="13"/>
      <c r="T11" s="24" t="s">
        <v>61</v>
      </c>
      <c r="U11" s="27">
        <v>524</v>
      </c>
      <c r="V11" s="27">
        <v>513</v>
      </c>
      <c r="W11" s="27">
        <v>565</v>
      </c>
      <c r="X11" s="27">
        <v>580</v>
      </c>
      <c r="Y11" s="27">
        <v>592</v>
      </c>
      <c r="Z11" s="27">
        <v>568</v>
      </c>
      <c r="AA11" s="27">
        <v>603</v>
      </c>
      <c r="AB11" s="27">
        <v>596</v>
      </c>
      <c r="AC11" s="27">
        <v>599</v>
      </c>
      <c r="AD11" s="13"/>
      <c r="AE11" s="16"/>
      <c r="AI11" s="24" t="s">
        <v>61</v>
      </c>
      <c r="AJ11" s="27">
        <f t="shared" si="8"/>
        <v>0</v>
      </c>
      <c r="AK11" s="27">
        <f t="shared" si="0"/>
        <v>0</v>
      </c>
      <c r="AL11" s="27">
        <f t="shared" si="1"/>
        <v>3</v>
      </c>
      <c r="AM11" s="27">
        <f t="shared" si="2"/>
        <v>3</v>
      </c>
      <c r="AN11" s="27">
        <f t="shared" si="3"/>
        <v>10</v>
      </c>
      <c r="AO11" s="27">
        <f t="shared" si="4"/>
        <v>34</v>
      </c>
      <c r="AP11" s="27">
        <f t="shared" si="5"/>
        <v>5</v>
      </c>
      <c r="AQ11" s="27">
        <f t="shared" si="6"/>
        <v>5</v>
      </c>
      <c r="AR11" s="27">
        <f t="shared" si="7"/>
        <v>5</v>
      </c>
      <c r="AS11" s="16"/>
    </row>
    <row r="12" spans="1:45" x14ac:dyDescent="0.7">
      <c r="A12" s="7"/>
      <c r="E12" s="24" t="s">
        <v>62</v>
      </c>
      <c r="F12" s="28">
        <v>1664</v>
      </c>
      <c r="G12" s="28">
        <v>1469</v>
      </c>
      <c r="H12" s="28">
        <v>2084</v>
      </c>
      <c r="I12" s="28">
        <v>2088</v>
      </c>
      <c r="J12" s="28">
        <v>2472</v>
      </c>
      <c r="K12" s="28">
        <v>2067</v>
      </c>
      <c r="L12" s="28">
        <v>2276</v>
      </c>
      <c r="M12" s="28">
        <v>2504</v>
      </c>
      <c r="N12" s="28">
        <v>4059</v>
      </c>
      <c r="O12" s="7"/>
      <c r="P12" s="13"/>
      <c r="T12" s="24" t="s">
        <v>62</v>
      </c>
      <c r="U12" s="27">
        <v>1665</v>
      </c>
      <c r="V12" s="27">
        <v>1469</v>
      </c>
      <c r="W12" s="27">
        <v>2084</v>
      </c>
      <c r="X12" s="27">
        <v>2088</v>
      </c>
      <c r="Y12" s="27">
        <v>2483</v>
      </c>
      <c r="Z12" s="27">
        <v>2133</v>
      </c>
      <c r="AA12" s="27">
        <v>2276</v>
      </c>
      <c r="AB12" s="27">
        <v>2504</v>
      </c>
      <c r="AC12" s="27">
        <v>4059</v>
      </c>
      <c r="AD12" s="13"/>
      <c r="AE12" s="16"/>
      <c r="AI12" s="24" t="s">
        <v>62</v>
      </c>
      <c r="AJ12" s="27">
        <f t="shared" si="8"/>
        <v>1</v>
      </c>
      <c r="AK12" s="27">
        <f t="shared" si="0"/>
        <v>0</v>
      </c>
      <c r="AL12" s="27">
        <f t="shared" si="1"/>
        <v>0</v>
      </c>
      <c r="AM12" s="27">
        <f t="shared" si="2"/>
        <v>0</v>
      </c>
      <c r="AN12" s="27">
        <f t="shared" si="3"/>
        <v>11</v>
      </c>
      <c r="AO12" s="27">
        <f t="shared" si="4"/>
        <v>66</v>
      </c>
      <c r="AP12" s="27">
        <f t="shared" si="5"/>
        <v>0</v>
      </c>
      <c r="AQ12" s="27">
        <f t="shared" si="6"/>
        <v>0</v>
      </c>
      <c r="AR12" s="27">
        <f t="shared" si="7"/>
        <v>0</v>
      </c>
      <c r="AS12" s="16"/>
    </row>
    <row r="13" spans="1:45" x14ac:dyDescent="0.7">
      <c r="A13" s="7"/>
      <c r="E13" s="24" t="s">
        <v>63</v>
      </c>
      <c r="F13" s="28">
        <v>250</v>
      </c>
      <c r="G13" s="28">
        <v>245</v>
      </c>
      <c r="H13" s="28">
        <v>255</v>
      </c>
      <c r="I13" s="28">
        <v>233</v>
      </c>
      <c r="J13" s="28">
        <v>240</v>
      </c>
      <c r="K13" s="28">
        <v>236</v>
      </c>
      <c r="L13" s="28">
        <v>255</v>
      </c>
      <c r="M13" s="28">
        <v>254</v>
      </c>
      <c r="N13" s="28">
        <v>262</v>
      </c>
      <c r="O13" s="7"/>
      <c r="P13" s="13"/>
      <c r="T13" s="24" t="s">
        <v>63</v>
      </c>
      <c r="U13" s="27">
        <v>249</v>
      </c>
      <c r="V13" s="27">
        <v>246</v>
      </c>
      <c r="W13" s="27">
        <v>256</v>
      </c>
      <c r="X13" s="27">
        <v>234</v>
      </c>
      <c r="Y13" s="27">
        <v>242</v>
      </c>
      <c r="Z13" s="27">
        <v>239</v>
      </c>
      <c r="AA13" s="27">
        <v>256</v>
      </c>
      <c r="AB13" s="27">
        <v>256</v>
      </c>
      <c r="AC13" s="27">
        <v>264</v>
      </c>
      <c r="AD13" s="13"/>
      <c r="AE13" s="16"/>
      <c r="AI13" s="24" t="s">
        <v>63</v>
      </c>
      <c r="AJ13" s="27">
        <f t="shared" si="8"/>
        <v>-1</v>
      </c>
      <c r="AK13" s="27">
        <f t="shared" si="0"/>
        <v>1</v>
      </c>
      <c r="AL13" s="27">
        <f t="shared" si="1"/>
        <v>1</v>
      </c>
      <c r="AM13" s="27">
        <f t="shared" si="2"/>
        <v>1</v>
      </c>
      <c r="AN13" s="27">
        <f t="shared" si="3"/>
        <v>2</v>
      </c>
      <c r="AO13" s="27">
        <f t="shared" si="4"/>
        <v>3</v>
      </c>
      <c r="AP13" s="27">
        <f t="shared" si="5"/>
        <v>1</v>
      </c>
      <c r="AQ13" s="27">
        <f t="shared" si="6"/>
        <v>2</v>
      </c>
      <c r="AR13" s="27">
        <f t="shared" si="7"/>
        <v>2</v>
      </c>
      <c r="AS13" s="16"/>
    </row>
    <row r="14" spans="1:45" x14ac:dyDescent="0.7">
      <c r="A14" s="7"/>
      <c r="E14" s="24" t="s">
        <v>64</v>
      </c>
      <c r="F14" s="28">
        <v>474</v>
      </c>
      <c r="G14" s="28">
        <v>484</v>
      </c>
      <c r="H14" s="28">
        <v>505</v>
      </c>
      <c r="I14" s="28">
        <v>534</v>
      </c>
      <c r="J14" s="28">
        <v>608</v>
      </c>
      <c r="K14" s="28">
        <v>695</v>
      </c>
      <c r="L14" s="28">
        <v>828</v>
      </c>
      <c r="M14" s="28">
        <v>955</v>
      </c>
      <c r="N14" s="28">
        <v>1092</v>
      </c>
      <c r="O14" s="7"/>
      <c r="P14" s="13"/>
      <c r="T14" s="24" t="s">
        <v>64</v>
      </c>
      <c r="U14" s="27">
        <v>474</v>
      </c>
      <c r="V14" s="27">
        <v>483</v>
      </c>
      <c r="W14" s="27">
        <v>505</v>
      </c>
      <c r="X14" s="27">
        <v>534</v>
      </c>
      <c r="Y14" s="27">
        <v>611</v>
      </c>
      <c r="Z14" s="27">
        <v>710</v>
      </c>
      <c r="AA14" s="27">
        <v>827</v>
      </c>
      <c r="AB14" s="27">
        <v>955</v>
      </c>
      <c r="AC14" s="27">
        <v>1093</v>
      </c>
      <c r="AD14" s="13"/>
      <c r="AE14" s="16"/>
      <c r="AI14" s="24" t="s">
        <v>64</v>
      </c>
      <c r="AJ14" s="27">
        <f t="shared" si="8"/>
        <v>0</v>
      </c>
      <c r="AK14" s="27">
        <f t="shared" si="0"/>
        <v>-1</v>
      </c>
      <c r="AL14" s="27">
        <f t="shared" si="1"/>
        <v>0</v>
      </c>
      <c r="AM14" s="27">
        <f t="shared" si="2"/>
        <v>0</v>
      </c>
      <c r="AN14" s="27">
        <f t="shared" si="3"/>
        <v>3</v>
      </c>
      <c r="AO14" s="27">
        <f t="shared" si="4"/>
        <v>15</v>
      </c>
      <c r="AP14" s="27">
        <f t="shared" si="5"/>
        <v>-1</v>
      </c>
      <c r="AQ14" s="27">
        <f t="shared" si="6"/>
        <v>0</v>
      </c>
      <c r="AR14" s="27">
        <f t="shared" si="7"/>
        <v>1</v>
      </c>
      <c r="AS14" s="16"/>
    </row>
    <row r="15" spans="1:45" x14ac:dyDescent="0.7">
      <c r="A15" s="7"/>
      <c r="C15" s="24" t="s">
        <v>66</v>
      </c>
      <c r="D15" s="24" t="s">
        <v>59</v>
      </c>
      <c r="E15" s="24" t="s">
        <v>60</v>
      </c>
      <c r="F15" s="28">
        <v>218</v>
      </c>
      <c r="G15" s="28">
        <v>219</v>
      </c>
      <c r="H15" s="28">
        <v>217</v>
      </c>
      <c r="I15" s="28">
        <v>195</v>
      </c>
      <c r="J15" s="28">
        <v>205</v>
      </c>
      <c r="K15" s="28">
        <v>202</v>
      </c>
      <c r="L15" s="28">
        <v>215</v>
      </c>
      <c r="M15" s="28">
        <v>213</v>
      </c>
      <c r="N15" s="28">
        <v>217</v>
      </c>
      <c r="O15" s="7"/>
      <c r="P15" s="13"/>
      <c r="R15" s="24" t="s">
        <v>66</v>
      </c>
      <c r="S15" s="24" t="s">
        <v>59</v>
      </c>
      <c r="T15" s="24" t="s">
        <v>60</v>
      </c>
      <c r="U15" s="27">
        <v>218</v>
      </c>
      <c r="V15" s="27">
        <v>219</v>
      </c>
      <c r="W15" s="27">
        <v>217</v>
      </c>
      <c r="X15" s="27">
        <v>195</v>
      </c>
      <c r="Y15" s="27">
        <v>205</v>
      </c>
      <c r="Z15" s="27">
        <v>202</v>
      </c>
      <c r="AA15" s="27">
        <v>213</v>
      </c>
      <c r="AB15" s="27">
        <v>213</v>
      </c>
      <c r="AC15" s="27">
        <v>217</v>
      </c>
      <c r="AD15" s="13"/>
      <c r="AE15" s="16"/>
      <c r="AG15" s="24" t="s">
        <v>66</v>
      </c>
      <c r="AH15" s="24" t="s">
        <v>59</v>
      </c>
      <c r="AI15" s="24" t="s">
        <v>60</v>
      </c>
      <c r="AJ15" s="27">
        <f t="shared" si="8"/>
        <v>0</v>
      </c>
      <c r="AK15" s="27">
        <f t="shared" si="0"/>
        <v>0</v>
      </c>
      <c r="AL15" s="27">
        <f t="shared" si="1"/>
        <v>0</v>
      </c>
      <c r="AM15" s="27">
        <f t="shared" si="2"/>
        <v>0</v>
      </c>
      <c r="AN15" s="27">
        <f t="shared" si="3"/>
        <v>0</v>
      </c>
      <c r="AO15" s="27">
        <f t="shared" si="4"/>
        <v>0</v>
      </c>
      <c r="AP15" s="27">
        <f t="shared" si="5"/>
        <v>-2</v>
      </c>
      <c r="AQ15" s="27">
        <f t="shared" si="6"/>
        <v>0</v>
      </c>
      <c r="AR15" s="27">
        <f t="shared" si="7"/>
        <v>0</v>
      </c>
      <c r="AS15" s="16"/>
    </row>
    <row r="16" spans="1:45" x14ac:dyDescent="0.7">
      <c r="A16" s="7"/>
      <c r="E16" s="24" t="s">
        <v>61</v>
      </c>
      <c r="F16" s="43" t="s">
        <v>40</v>
      </c>
      <c r="G16" s="43" t="s">
        <v>40</v>
      </c>
      <c r="H16" s="43" t="s">
        <v>40</v>
      </c>
      <c r="I16" s="43" t="s">
        <v>40</v>
      </c>
      <c r="J16" s="43" t="s">
        <v>40</v>
      </c>
      <c r="K16" s="43" t="s">
        <v>40</v>
      </c>
      <c r="L16" s="43" t="s">
        <v>40</v>
      </c>
      <c r="M16" s="43" t="s">
        <v>40</v>
      </c>
      <c r="N16" s="43" t="s">
        <v>40</v>
      </c>
      <c r="O16" s="7"/>
      <c r="P16" s="13"/>
      <c r="T16" s="24" t="s">
        <v>61</v>
      </c>
      <c r="U16" s="43" t="s">
        <v>40</v>
      </c>
      <c r="V16" s="43" t="s">
        <v>40</v>
      </c>
      <c r="W16" s="43" t="s">
        <v>40</v>
      </c>
      <c r="X16" s="43" t="s">
        <v>40</v>
      </c>
      <c r="Y16" s="43" t="s">
        <v>40</v>
      </c>
      <c r="Z16" s="43" t="s">
        <v>40</v>
      </c>
      <c r="AA16" s="43" t="s">
        <v>40</v>
      </c>
      <c r="AB16" s="43" t="s">
        <v>40</v>
      </c>
      <c r="AC16" s="43" t="s">
        <v>40</v>
      </c>
      <c r="AD16" s="13"/>
      <c r="AE16" s="16"/>
      <c r="AI16" s="24" t="s">
        <v>61</v>
      </c>
      <c r="AJ16" s="43" t="s">
        <v>40</v>
      </c>
      <c r="AK16" s="43" t="s">
        <v>40</v>
      </c>
      <c r="AL16" s="43" t="s">
        <v>40</v>
      </c>
      <c r="AM16" s="43" t="s">
        <v>40</v>
      </c>
      <c r="AN16" s="43" t="s">
        <v>40</v>
      </c>
      <c r="AO16" s="43" t="s">
        <v>40</v>
      </c>
      <c r="AP16" s="43" t="s">
        <v>40</v>
      </c>
      <c r="AQ16" s="43" t="s">
        <v>40</v>
      </c>
      <c r="AR16" s="43" t="s">
        <v>40</v>
      </c>
      <c r="AS16" s="16"/>
    </row>
    <row r="17" spans="1:45" x14ac:dyDescent="0.7">
      <c r="A17" s="7"/>
      <c r="E17" s="24" t="s">
        <v>62</v>
      </c>
      <c r="F17" s="28">
        <v>35</v>
      </c>
      <c r="G17" s="28">
        <v>35</v>
      </c>
      <c r="H17" s="28">
        <v>35</v>
      </c>
      <c r="I17" s="28">
        <v>34</v>
      </c>
      <c r="J17" s="28">
        <v>37</v>
      </c>
      <c r="K17" s="28">
        <v>36</v>
      </c>
      <c r="L17" s="28">
        <v>38</v>
      </c>
      <c r="M17" s="28">
        <v>38</v>
      </c>
      <c r="N17" s="28">
        <v>39</v>
      </c>
      <c r="O17" s="7"/>
      <c r="P17" s="13"/>
      <c r="T17" s="24" t="s">
        <v>62</v>
      </c>
      <c r="U17" s="27">
        <v>35</v>
      </c>
      <c r="V17" s="27">
        <v>35</v>
      </c>
      <c r="W17" s="27">
        <v>35</v>
      </c>
      <c r="X17" s="27">
        <v>34</v>
      </c>
      <c r="Y17" s="27">
        <v>37</v>
      </c>
      <c r="Z17" s="27">
        <v>36</v>
      </c>
      <c r="AA17" s="27">
        <v>38</v>
      </c>
      <c r="AB17" s="27">
        <v>38</v>
      </c>
      <c r="AC17" s="27">
        <v>39</v>
      </c>
      <c r="AD17" s="13"/>
      <c r="AE17" s="16"/>
      <c r="AI17" s="24" t="s">
        <v>62</v>
      </c>
      <c r="AJ17" s="27">
        <f t="shared" ref="AJ17:AJ20" si="9">U17-F17</f>
        <v>0</v>
      </c>
      <c r="AK17" s="27">
        <f t="shared" ref="AK17:AK20" si="10">V17-G17</f>
        <v>0</v>
      </c>
      <c r="AL17" s="27">
        <f t="shared" ref="AL17:AL20" si="11">W17-H17</f>
        <v>0</v>
      </c>
      <c r="AM17" s="27">
        <f t="shared" ref="AM17:AM20" si="12">X17-I17</f>
        <v>0</v>
      </c>
      <c r="AN17" s="27">
        <f t="shared" ref="AN17:AN20" si="13">Y17-J17</f>
        <v>0</v>
      </c>
      <c r="AO17" s="27">
        <f t="shared" ref="AO17:AO20" si="14">Z17-K17</f>
        <v>0</v>
      </c>
      <c r="AP17" s="27">
        <f t="shared" ref="AP17:AP20" si="15">AA17-L17</f>
        <v>0</v>
      </c>
      <c r="AQ17" s="27">
        <f t="shared" ref="AQ17:AQ20" si="16">AB17-M17</f>
        <v>0</v>
      </c>
      <c r="AR17" s="27">
        <f t="shared" ref="AR17:AR20" si="17">AC17-N17</f>
        <v>0</v>
      </c>
      <c r="AS17" s="16"/>
    </row>
    <row r="18" spans="1:45" x14ac:dyDescent="0.7">
      <c r="A18" s="7"/>
      <c r="E18" s="24" t="s">
        <v>63</v>
      </c>
      <c r="F18" s="28">
        <v>128</v>
      </c>
      <c r="G18" s="28">
        <v>131</v>
      </c>
      <c r="H18" s="28">
        <v>131</v>
      </c>
      <c r="I18" s="28">
        <v>109</v>
      </c>
      <c r="J18" s="28">
        <v>111</v>
      </c>
      <c r="K18" s="28">
        <v>111</v>
      </c>
      <c r="L18" s="28">
        <v>121</v>
      </c>
      <c r="M18" s="28">
        <v>120</v>
      </c>
      <c r="N18" s="28">
        <v>121</v>
      </c>
      <c r="O18" s="7"/>
      <c r="P18" s="13"/>
      <c r="T18" s="24" t="s">
        <v>63</v>
      </c>
      <c r="U18" s="27">
        <v>128</v>
      </c>
      <c r="V18" s="27">
        <v>131</v>
      </c>
      <c r="W18" s="27">
        <v>131</v>
      </c>
      <c r="X18" s="27">
        <v>109</v>
      </c>
      <c r="Y18" s="27">
        <v>111</v>
      </c>
      <c r="Z18" s="27">
        <v>111</v>
      </c>
      <c r="AA18" s="27">
        <v>120</v>
      </c>
      <c r="AB18" s="27">
        <v>120</v>
      </c>
      <c r="AC18" s="27">
        <v>121</v>
      </c>
      <c r="AD18" s="13"/>
      <c r="AE18" s="16"/>
      <c r="AI18" s="24" t="s">
        <v>63</v>
      </c>
      <c r="AJ18" s="27">
        <f t="shared" si="9"/>
        <v>0</v>
      </c>
      <c r="AK18" s="27">
        <f t="shared" si="10"/>
        <v>0</v>
      </c>
      <c r="AL18" s="27">
        <f t="shared" si="11"/>
        <v>0</v>
      </c>
      <c r="AM18" s="27">
        <f t="shared" si="12"/>
        <v>0</v>
      </c>
      <c r="AN18" s="27">
        <f t="shared" si="13"/>
        <v>0</v>
      </c>
      <c r="AO18" s="27">
        <f t="shared" si="14"/>
        <v>0</v>
      </c>
      <c r="AP18" s="27">
        <f t="shared" si="15"/>
        <v>-1</v>
      </c>
      <c r="AQ18" s="27">
        <f t="shared" si="16"/>
        <v>0</v>
      </c>
      <c r="AR18" s="27">
        <f t="shared" si="17"/>
        <v>0</v>
      </c>
      <c r="AS18" s="16"/>
    </row>
    <row r="19" spans="1:45" x14ac:dyDescent="0.7">
      <c r="A19" s="7"/>
      <c r="E19" s="24" t="s">
        <v>64</v>
      </c>
      <c r="F19" s="28">
        <v>55</v>
      </c>
      <c r="G19" s="28">
        <v>53</v>
      </c>
      <c r="H19" s="28">
        <v>52</v>
      </c>
      <c r="I19" s="28">
        <v>52</v>
      </c>
      <c r="J19" s="28">
        <v>57</v>
      </c>
      <c r="K19" s="28">
        <v>55</v>
      </c>
      <c r="L19" s="28">
        <v>56</v>
      </c>
      <c r="M19" s="28">
        <v>56</v>
      </c>
      <c r="N19" s="28">
        <v>57</v>
      </c>
      <c r="O19" s="7"/>
      <c r="P19" s="13"/>
      <c r="T19" s="24" t="s">
        <v>64</v>
      </c>
      <c r="U19" s="27">
        <v>55</v>
      </c>
      <c r="V19" s="27">
        <v>53</v>
      </c>
      <c r="W19" s="27">
        <v>52</v>
      </c>
      <c r="X19" s="27">
        <v>52</v>
      </c>
      <c r="Y19" s="27">
        <v>57</v>
      </c>
      <c r="Z19" s="27">
        <v>55</v>
      </c>
      <c r="AA19" s="27">
        <v>55</v>
      </c>
      <c r="AB19" s="27">
        <v>56</v>
      </c>
      <c r="AC19" s="27">
        <v>57</v>
      </c>
      <c r="AD19" s="13"/>
      <c r="AE19" s="16"/>
      <c r="AI19" s="24" t="s">
        <v>64</v>
      </c>
      <c r="AJ19" s="27">
        <f t="shared" si="9"/>
        <v>0</v>
      </c>
      <c r="AK19" s="27">
        <f t="shared" si="10"/>
        <v>0</v>
      </c>
      <c r="AL19" s="27">
        <f t="shared" si="11"/>
        <v>0</v>
      </c>
      <c r="AM19" s="27">
        <f t="shared" si="12"/>
        <v>0</v>
      </c>
      <c r="AN19" s="27">
        <f t="shared" si="13"/>
        <v>0</v>
      </c>
      <c r="AO19" s="27">
        <f t="shared" si="14"/>
        <v>0</v>
      </c>
      <c r="AP19" s="27">
        <f t="shared" si="15"/>
        <v>-1</v>
      </c>
      <c r="AQ19" s="27">
        <f t="shared" si="16"/>
        <v>0</v>
      </c>
      <c r="AR19" s="27">
        <f t="shared" si="17"/>
        <v>0</v>
      </c>
      <c r="AS19" s="16"/>
    </row>
    <row r="20" spans="1:45" x14ac:dyDescent="0.7">
      <c r="A20" s="7"/>
      <c r="D20" s="24" t="s">
        <v>65</v>
      </c>
      <c r="E20" s="24" t="s">
        <v>60</v>
      </c>
      <c r="F20" s="28">
        <v>218</v>
      </c>
      <c r="G20" s="28">
        <v>219</v>
      </c>
      <c r="H20" s="28">
        <v>217</v>
      </c>
      <c r="I20" s="28">
        <v>195</v>
      </c>
      <c r="J20" s="28">
        <v>205</v>
      </c>
      <c r="K20" s="28">
        <v>202</v>
      </c>
      <c r="L20" s="28">
        <v>215</v>
      </c>
      <c r="M20" s="28">
        <v>213</v>
      </c>
      <c r="N20" s="28">
        <v>217</v>
      </c>
      <c r="O20" s="7"/>
      <c r="P20" s="13"/>
      <c r="S20" s="24" t="s">
        <v>65</v>
      </c>
      <c r="T20" s="24" t="s">
        <v>60</v>
      </c>
      <c r="U20" s="27">
        <v>218</v>
      </c>
      <c r="V20" s="27">
        <v>219</v>
      </c>
      <c r="W20" s="27">
        <v>217</v>
      </c>
      <c r="X20" s="27">
        <v>195</v>
      </c>
      <c r="Y20" s="27">
        <v>205</v>
      </c>
      <c r="Z20" s="27">
        <v>202</v>
      </c>
      <c r="AA20" s="27">
        <v>213</v>
      </c>
      <c r="AB20" s="27">
        <v>213</v>
      </c>
      <c r="AC20" s="27">
        <v>217</v>
      </c>
      <c r="AD20" s="13"/>
      <c r="AE20" s="16"/>
      <c r="AH20" s="24" t="s">
        <v>65</v>
      </c>
      <c r="AI20" s="24" t="s">
        <v>60</v>
      </c>
      <c r="AJ20" s="27">
        <f t="shared" si="9"/>
        <v>0</v>
      </c>
      <c r="AK20" s="27">
        <f t="shared" si="10"/>
        <v>0</v>
      </c>
      <c r="AL20" s="27">
        <f t="shared" si="11"/>
        <v>0</v>
      </c>
      <c r="AM20" s="27">
        <f t="shared" si="12"/>
        <v>0</v>
      </c>
      <c r="AN20" s="27">
        <f t="shared" si="13"/>
        <v>0</v>
      </c>
      <c r="AO20" s="27">
        <f t="shared" si="14"/>
        <v>0</v>
      </c>
      <c r="AP20" s="27">
        <f t="shared" si="15"/>
        <v>-2</v>
      </c>
      <c r="AQ20" s="27">
        <f t="shared" si="16"/>
        <v>0</v>
      </c>
      <c r="AR20" s="27">
        <f t="shared" si="17"/>
        <v>0</v>
      </c>
      <c r="AS20" s="16"/>
    </row>
    <row r="21" spans="1:45" x14ac:dyDescent="0.7">
      <c r="A21" s="7"/>
      <c r="E21" s="24" t="s">
        <v>61</v>
      </c>
      <c r="F21" s="43" t="s">
        <v>40</v>
      </c>
      <c r="G21" s="43" t="s">
        <v>40</v>
      </c>
      <c r="H21" s="43" t="s">
        <v>40</v>
      </c>
      <c r="I21" s="43" t="s">
        <v>40</v>
      </c>
      <c r="J21" s="43" t="s">
        <v>40</v>
      </c>
      <c r="K21" s="43" t="s">
        <v>40</v>
      </c>
      <c r="L21" s="43" t="s">
        <v>40</v>
      </c>
      <c r="M21" s="43" t="s">
        <v>40</v>
      </c>
      <c r="N21" s="43" t="s">
        <v>40</v>
      </c>
      <c r="O21" s="7"/>
      <c r="P21" s="13"/>
      <c r="T21" s="24" t="s">
        <v>61</v>
      </c>
      <c r="U21" s="43" t="s">
        <v>40</v>
      </c>
      <c r="V21" s="43" t="s">
        <v>40</v>
      </c>
      <c r="W21" s="43" t="s">
        <v>40</v>
      </c>
      <c r="X21" s="43" t="s">
        <v>40</v>
      </c>
      <c r="Y21" s="43" t="s">
        <v>40</v>
      </c>
      <c r="Z21" s="43" t="s">
        <v>40</v>
      </c>
      <c r="AA21" s="43" t="s">
        <v>40</v>
      </c>
      <c r="AB21" s="43" t="s">
        <v>40</v>
      </c>
      <c r="AC21" s="43" t="s">
        <v>40</v>
      </c>
      <c r="AD21" s="13"/>
      <c r="AE21" s="16"/>
      <c r="AI21" s="24" t="s">
        <v>61</v>
      </c>
      <c r="AJ21" s="43" t="s">
        <v>40</v>
      </c>
      <c r="AK21" s="43" t="s">
        <v>40</v>
      </c>
      <c r="AL21" s="43" t="s">
        <v>40</v>
      </c>
      <c r="AM21" s="43" t="s">
        <v>40</v>
      </c>
      <c r="AN21" s="43" t="s">
        <v>40</v>
      </c>
      <c r="AO21" s="43" t="s">
        <v>40</v>
      </c>
      <c r="AP21" s="43" t="s">
        <v>40</v>
      </c>
      <c r="AQ21" s="43" t="s">
        <v>40</v>
      </c>
      <c r="AR21" s="43" t="s">
        <v>40</v>
      </c>
      <c r="AS21" s="16"/>
    </row>
    <row r="22" spans="1:45" x14ac:dyDescent="0.7">
      <c r="A22" s="7"/>
      <c r="E22" s="24" t="s">
        <v>62</v>
      </c>
      <c r="F22" s="28">
        <v>35</v>
      </c>
      <c r="G22" s="28">
        <v>35</v>
      </c>
      <c r="H22" s="28">
        <v>35</v>
      </c>
      <c r="I22" s="28">
        <v>34</v>
      </c>
      <c r="J22" s="28">
        <v>37</v>
      </c>
      <c r="K22" s="28">
        <v>36</v>
      </c>
      <c r="L22" s="28">
        <v>38</v>
      </c>
      <c r="M22" s="28">
        <v>38</v>
      </c>
      <c r="N22" s="28">
        <v>39</v>
      </c>
      <c r="O22" s="7"/>
      <c r="P22" s="13"/>
      <c r="T22" s="24" t="s">
        <v>62</v>
      </c>
      <c r="U22" s="27">
        <v>35</v>
      </c>
      <c r="V22" s="27">
        <v>35</v>
      </c>
      <c r="W22" s="27">
        <v>35</v>
      </c>
      <c r="X22" s="27">
        <v>34</v>
      </c>
      <c r="Y22" s="27">
        <v>37</v>
      </c>
      <c r="Z22" s="27">
        <v>36</v>
      </c>
      <c r="AA22" s="27">
        <v>38</v>
      </c>
      <c r="AB22" s="27">
        <v>38</v>
      </c>
      <c r="AC22" s="27">
        <v>39</v>
      </c>
      <c r="AD22" s="13"/>
      <c r="AE22" s="16"/>
      <c r="AI22" s="24" t="s">
        <v>62</v>
      </c>
      <c r="AJ22" s="27">
        <f t="shared" ref="AJ22:AJ45" si="18">U22-F22</f>
        <v>0</v>
      </c>
      <c r="AK22" s="27">
        <f t="shared" ref="AK22:AK45" si="19">V22-G22</f>
        <v>0</v>
      </c>
      <c r="AL22" s="27">
        <f t="shared" ref="AL22:AL45" si="20">W22-H22</f>
        <v>0</v>
      </c>
      <c r="AM22" s="27">
        <f t="shared" ref="AM22:AM45" si="21">X22-I22</f>
        <v>0</v>
      </c>
      <c r="AN22" s="27">
        <f t="shared" ref="AN22:AN45" si="22">Y22-J22</f>
        <v>0</v>
      </c>
      <c r="AO22" s="27">
        <f t="shared" ref="AO22:AO45" si="23">Z22-K22</f>
        <v>0</v>
      </c>
      <c r="AP22" s="27">
        <f t="shared" ref="AP22:AP45" si="24">AA22-L22</f>
        <v>0</v>
      </c>
      <c r="AQ22" s="27">
        <f t="shared" ref="AQ22:AQ45" si="25">AB22-M22</f>
        <v>0</v>
      </c>
      <c r="AR22" s="27">
        <f t="shared" ref="AR22:AR45" si="26">AC22-N22</f>
        <v>0</v>
      </c>
      <c r="AS22" s="16"/>
    </row>
    <row r="23" spans="1:45" x14ac:dyDescent="0.7">
      <c r="A23" s="7"/>
      <c r="E23" s="24" t="s">
        <v>63</v>
      </c>
      <c r="F23" s="28">
        <v>128</v>
      </c>
      <c r="G23" s="28">
        <v>131</v>
      </c>
      <c r="H23" s="28">
        <v>131</v>
      </c>
      <c r="I23" s="28">
        <v>109</v>
      </c>
      <c r="J23" s="28">
        <v>111</v>
      </c>
      <c r="K23" s="28">
        <v>111</v>
      </c>
      <c r="L23" s="28">
        <v>121</v>
      </c>
      <c r="M23" s="28">
        <v>120</v>
      </c>
      <c r="N23" s="28">
        <v>121</v>
      </c>
      <c r="O23" s="7"/>
      <c r="P23" s="13"/>
      <c r="T23" s="24" t="s">
        <v>63</v>
      </c>
      <c r="U23" s="27">
        <v>128</v>
      </c>
      <c r="V23" s="27">
        <v>131</v>
      </c>
      <c r="W23" s="27">
        <v>131</v>
      </c>
      <c r="X23" s="27">
        <v>109</v>
      </c>
      <c r="Y23" s="27">
        <v>111</v>
      </c>
      <c r="Z23" s="27">
        <v>111</v>
      </c>
      <c r="AA23" s="27">
        <v>120</v>
      </c>
      <c r="AB23" s="27">
        <v>120</v>
      </c>
      <c r="AC23" s="27">
        <v>121</v>
      </c>
      <c r="AD23" s="13"/>
      <c r="AE23" s="16"/>
      <c r="AI23" s="24" t="s">
        <v>63</v>
      </c>
      <c r="AJ23" s="27">
        <f t="shared" si="18"/>
        <v>0</v>
      </c>
      <c r="AK23" s="27">
        <f t="shared" si="19"/>
        <v>0</v>
      </c>
      <c r="AL23" s="27">
        <f t="shared" si="20"/>
        <v>0</v>
      </c>
      <c r="AM23" s="27">
        <f t="shared" si="21"/>
        <v>0</v>
      </c>
      <c r="AN23" s="27">
        <f t="shared" si="22"/>
        <v>0</v>
      </c>
      <c r="AO23" s="27">
        <f t="shared" si="23"/>
        <v>0</v>
      </c>
      <c r="AP23" s="27">
        <f t="shared" si="24"/>
        <v>-1</v>
      </c>
      <c r="AQ23" s="27">
        <f t="shared" si="25"/>
        <v>0</v>
      </c>
      <c r="AR23" s="27">
        <f t="shared" si="26"/>
        <v>0</v>
      </c>
      <c r="AS23" s="16"/>
    </row>
    <row r="24" spans="1:45" x14ac:dyDescent="0.7">
      <c r="A24" s="7"/>
      <c r="E24" s="24" t="s">
        <v>64</v>
      </c>
      <c r="F24" s="28">
        <v>55</v>
      </c>
      <c r="G24" s="28">
        <v>53</v>
      </c>
      <c r="H24" s="28">
        <v>52</v>
      </c>
      <c r="I24" s="28">
        <v>52</v>
      </c>
      <c r="J24" s="28">
        <v>57</v>
      </c>
      <c r="K24" s="28">
        <v>55</v>
      </c>
      <c r="L24" s="28">
        <v>56</v>
      </c>
      <c r="M24" s="28">
        <v>56</v>
      </c>
      <c r="N24" s="28">
        <v>57</v>
      </c>
      <c r="O24" s="7"/>
      <c r="P24" s="13"/>
      <c r="T24" s="24" t="s">
        <v>64</v>
      </c>
      <c r="U24" s="27">
        <v>55</v>
      </c>
      <c r="V24" s="27">
        <v>53</v>
      </c>
      <c r="W24" s="27">
        <v>52</v>
      </c>
      <c r="X24" s="27">
        <v>52</v>
      </c>
      <c r="Y24" s="27">
        <v>57</v>
      </c>
      <c r="Z24" s="27">
        <v>55</v>
      </c>
      <c r="AA24" s="27">
        <v>55</v>
      </c>
      <c r="AB24" s="27">
        <v>56</v>
      </c>
      <c r="AC24" s="27">
        <v>57</v>
      </c>
      <c r="AD24" s="13"/>
      <c r="AE24" s="16"/>
      <c r="AI24" s="24" t="s">
        <v>64</v>
      </c>
      <c r="AJ24" s="27">
        <f t="shared" si="18"/>
        <v>0</v>
      </c>
      <c r="AK24" s="27">
        <f t="shared" si="19"/>
        <v>0</v>
      </c>
      <c r="AL24" s="27">
        <f t="shared" si="20"/>
        <v>0</v>
      </c>
      <c r="AM24" s="27">
        <f t="shared" si="21"/>
        <v>0</v>
      </c>
      <c r="AN24" s="27">
        <f t="shared" si="22"/>
        <v>0</v>
      </c>
      <c r="AO24" s="27">
        <f t="shared" si="23"/>
        <v>0</v>
      </c>
      <c r="AP24" s="27">
        <f t="shared" si="24"/>
        <v>-1</v>
      </c>
      <c r="AQ24" s="27">
        <f t="shared" si="25"/>
        <v>0</v>
      </c>
      <c r="AR24" s="27">
        <f t="shared" si="26"/>
        <v>0</v>
      </c>
      <c r="AS24" s="16"/>
    </row>
    <row r="25" spans="1:45" x14ac:dyDescent="0.7">
      <c r="A25" s="7"/>
      <c r="C25" s="24" t="s">
        <v>67</v>
      </c>
      <c r="D25" s="24" t="s">
        <v>59</v>
      </c>
      <c r="E25" s="24" t="s">
        <v>60</v>
      </c>
      <c r="F25" s="28">
        <v>11953</v>
      </c>
      <c r="G25" s="28">
        <v>11658</v>
      </c>
      <c r="H25" s="28">
        <v>12446</v>
      </c>
      <c r="I25" s="28">
        <v>13055</v>
      </c>
      <c r="J25" s="28">
        <v>13652</v>
      </c>
      <c r="K25" s="28">
        <v>13491</v>
      </c>
      <c r="L25" s="28">
        <v>14607</v>
      </c>
      <c r="M25" s="28">
        <v>12966</v>
      </c>
      <c r="N25" s="28">
        <v>13975</v>
      </c>
      <c r="O25" s="7"/>
      <c r="P25" s="13"/>
      <c r="R25" s="24" t="s">
        <v>67</v>
      </c>
      <c r="S25" s="24" t="s">
        <v>59</v>
      </c>
      <c r="T25" s="24" t="s">
        <v>60</v>
      </c>
      <c r="U25" s="27">
        <v>11953</v>
      </c>
      <c r="V25" s="27">
        <v>11658</v>
      </c>
      <c r="W25" s="27">
        <v>12449</v>
      </c>
      <c r="X25" s="27">
        <v>13059</v>
      </c>
      <c r="Y25" s="27">
        <v>13680</v>
      </c>
      <c r="Z25" s="27">
        <v>13622</v>
      </c>
      <c r="AA25" s="27">
        <v>14614</v>
      </c>
      <c r="AB25" s="27">
        <v>12973</v>
      </c>
      <c r="AC25" s="27">
        <v>13982</v>
      </c>
      <c r="AD25" s="13"/>
      <c r="AE25" s="16"/>
      <c r="AG25" s="24" t="s">
        <v>67</v>
      </c>
      <c r="AH25" s="24" t="s">
        <v>59</v>
      </c>
      <c r="AI25" s="24" t="s">
        <v>60</v>
      </c>
      <c r="AJ25" s="27">
        <f t="shared" si="18"/>
        <v>0</v>
      </c>
      <c r="AK25" s="27">
        <f t="shared" si="19"/>
        <v>0</v>
      </c>
      <c r="AL25" s="27">
        <f t="shared" si="20"/>
        <v>3</v>
      </c>
      <c r="AM25" s="27">
        <f t="shared" si="21"/>
        <v>4</v>
      </c>
      <c r="AN25" s="27">
        <f t="shared" si="22"/>
        <v>28</v>
      </c>
      <c r="AO25" s="27">
        <f t="shared" si="23"/>
        <v>131</v>
      </c>
      <c r="AP25" s="27">
        <f t="shared" si="24"/>
        <v>7</v>
      </c>
      <c r="AQ25" s="27">
        <f t="shared" si="25"/>
        <v>7</v>
      </c>
      <c r="AR25" s="27">
        <f t="shared" si="26"/>
        <v>7</v>
      </c>
      <c r="AS25" s="16"/>
    </row>
    <row r="26" spans="1:45" x14ac:dyDescent="0.7">
      <c r="A26" s="7"/>
      <c r="E26" s="24" t="s">
        <v>61</v>
      </c>
      <c r="F26" s="28">
        <v>411</v>
      </c>
      <c r="G26" s="28">
        <v>407</v>
      </c>
      <c r="H26" s="28">
        <v>429</v>
      </c>
      <c r="I26" s="28">
        <v>432</v>
      </c>
      <c r="J26" s="28">
        <v>448</v>
      </c>
      <c r="K26" s="28">
        <v>405</v>
      </c>
      <c r="L26" s="28">
        <v>477</v>
      </c>
      <c r="M26" s="28">
        <v>471</v>
      </c>
      <c r="N26" s="28">
        <v>484</v>
      </c>
      <c r="O26" s="7"/>
      <c r="P26" s="13"/>
      <c r="T26" s="24" t="s">
        <v>61</v>
      </c>
      <c r="U26" s="27">
        <v>411</v>
      </c>
      <c r="V26" s="27">
        <v>407</v>
      </c>
      <c r="W26" s="27">
        <v>429</v>
      </c>
      <c r="X26" s="27">
        <v>433</v>
      </c>
      <c r="Y26" s="27">
        <v>455</v>
      </c>
      <c r="Z26" s="27">
        <v>427</v>
      </c>
      <c r="AA26" s="27">
        <v>479</v>
      </c>
      <c r="AB26" s="27">
        <v>472</v>
      </c>
      <c r="AC26" s="27">
        <v>485</v>
      </c>
      <c r="AD26" s="13"/>
      <c r="AE26" s="16"/>
      <c r="AI26" s="24" t="s">
        <v>61</v>
      </c>
      <c r="AJ26" s="27">
        <f t="shared" si="18"/>
        <v>0</v>
      </c>
      <c r="AK26" s="27">
        <f t="shared" si="19"/>
        <v>0</v>
      </c>
      <c r="AL26" s="27">
        <f t="shared" si="20"/>
        <v>0</v>
      </c>
      <c r="AM26" s="27">
        <f t="shared" si="21"/>
        <v>1</v>
      </c>
      <c r="AN26" s="27">
        <f t="shared" si="22"/>
        <v>7</v>
      </c>
      <c r="AO26" s="27">
        <f t="shared" si="23"/>
        <v>22</v>
      </c>
      <c r="AP26" s="27">
        <f t="shared" si="24"/>
        <v>2</v>
      </c>
      <c r="AQ26" s="27">
        <f t="shared" si="25"/>
        <v>1</v>
      </c>
      <c r="AR26" s="27">
        <f t="shared" si="26"/>
        <v>1</v>
      </c>
      <c r="AS26" s="16"/>
    </row>
    <row r="27" spans="1:45" x14ac:dyDescent="0.7">
      <c r="A27" s="7"/>
      <c r="E27" s="24" t="s">
        <v>62</v>
      </c>
      <c r="F27" s="28">
        <v>8360</v>
      </c>
      <c r="G27" s="28">
        <v>7943</v>
      </c>
      <c r="H27" s="28">
        <v>8461</v>
      </c>
      <c r="I27" s="28">
        <v>8822</v>
      </c>
      <c r="J27" s="28">
        <v>9390</v>
      </c>
      <c r="K27" s="28">
        <v>9385</v>
      </c>
      <c r="L27" s="28">
        <v>9897</v>
      </c>
      <c r="M27" s="28">
        <v>8044</v>
      </c>
      <c r="N27" s="28">
        <v>9609</v>
      </c>
      <c r="O27" s="7"/>
      <c r="P27" s="13"/>
      <c r="T27" s="24" t="s">
        <v>62</v>
      </c>
      <c r="U27" s="27">
        <v>8360</v>
      </c>
      <c r="V27" s="27">
        <v>7943</v>
      </c>
      <c r="W27" s="27">
        <v>8461</v>
      </c>
      <c r="X27" s="27">
        <v>8822</v>
      </c>
      <c r="Y27" s="27">
        <v>9401</v>
      </c>
      <c r="Z27" s="27">
        <v>9412</v>
      </c>
      <c r="AA27" s="27">
        <v>9897</v>
      </c>
      <c r="AB27" s="27">
        <v>8044</v>
      </c>
      <c r="AC27" s="27">
        <v>9609</v>
      </c>
      <c r="AD27" s="13"/>
      <c r="AE27" s="16"/>
      <c r="AI27" s="24" t="s">
        <v>62</v>
      </c>
      <c r="AJ27" s="27">
        <f t="shared" si="18"/>
        <v>0</v>
      </c>
      <c r="AK27" s="27">
        <f t="shared" si="19"/>
        <v>0</v>
      </c>
      <c r="AL27" s="27">
        <f t="shared" si="20"/>
        <v>0</v>
      </c>
      <c r="AM27" s="27">
        <f t="shared" si="21"/>
        <v>0</v>
      </c>
      <c r="AN27" s="27">
        <f t="shared" si="22"/>
        <v>11</v>
      </c>
      <c r="AO27" s="27">
        <f t="shared" si="23"/>
        <v>27</v>
      </c>
      <c r="AP27" s="27">
        <f t="shared" si="24"/>
        <v>0</v>
      </c>
      <c r="AQ27" s="27">
        <f t="shared" si="25"/>
        <v>0</v>
      </c>
      <c r="AR27" s="27">
        <f t="shared" si="26"/>
        <v>0</v>
      </c>
      <c r="AS27" s="16"/>
    </row>
    <row r="28" spans="1:45" x14ac:dyDescent="0.7">
      <c r="A28" s="7"/>
      <c r="E28" s="24" t="s">
        <v>63</v>
      </c>
      <c r="F28" s="28">
        <v>737</v>
      </c>
      <c r="G28" s="28">
        <v>752</v>
      </c>
      <c r="H28" s="28">
        <v>864</v>
      </c>
      <c r="I28" s="28">
        <v>887</v>
      </c>
      <c r="J28" s="28">
        <v>911</v>
      </c>
      <c r="K28" s="28">
        <v>840</v>
      </c>
      <c r="L28" s="28">
        <v>974</v>
      </c>
      <c r="M28" s="28">
        <v>986</v>
      </c>
      <c r="N28" s="28">
        <v>970</v>
      </c>
      <c r="O28" s="7"/>
      <c r="P28" s="13"/>
      <c r="T28" s="24" t="s">
        <v>63</v>
      </c>
      <c r="U28" s="27">
        <v>737</v>
      </c>
      <c r="V28" s="27">
        <v>752</v>
      </c>
      <c r="W28" s="27">
        <v>866</v>
      </c>
      <c r="X28" s="27">
        <v>889</v>
      </c>
      <c r="Y28" s="27">
        <v>915</v>
      </c>
      <c r="Z28" s="27">
        <v>897</v>
      </c>
      <c r="AA28" s="27">
        <v>978</v>
      </c>
      <c r="AB28" s="27">
        <v>991</v>
      </c>
      <c r="AC28" s="27">
        <v>974</v>
      </c>
      <c r="AD28" s="13"/>
      <c r="AE28" s="16"/>
      <c r="AI28" s="24" t="s">
        <v>63</v>
      </c>
      <c r="AJ28" s="27">
        <f t="shared" si="18"/>
        <v>0</v>
      </c>
      <c r="AK28" s="27">
        <f t="shared" si="19"/>
        <v>0</v>
      </c>
      <c r="AL28" s="27">
        <f t="shared" si="20"/>
        <v>2</v>
      </c>
      <c r="AM28" s="27">
        <f t="shared" si="21"/>
        <v>2</v>
      </c>
      <c r="AN28" s="27">
        <f t="shared" si="22"/>
        <v>4</v>
      </c>
      <c r="AO28" s="27">
        <f t="shared" si="23"/>
        <v>57</v>
      </c>
      <c r="AP28" s="27">
        <f t="shared" si="24"/>
        <v>4</v>
      </c>
      <c r="AQ28" s="27">
        <f t="shared" si="25"/>
        <v>5</v>
      </c>
      <c r="AR28" s="27">
        <f t="shared" si="26"/>
        <v>4</v>
      </c>
      <c r="AS28" s="16"/>
    </row>
    <row r="29" spans="1:45" x14ac:dyDescent="0.7">
      <c r="A29" s="7"/>
      <c r="E29" s="24" t="s">
        <v>64</v>
      </c>
      <c r="F29" s="28">
        <v>2445</v>
      </c>
      <c r="G29" s="28">
        <v>2556</v>
      </c>
      <c r="H29" s="28">
        <v>2692</v>
      </c>
      <c r="I29" s="28">
        <v>2915</v>
      </c>
      <c r="J29" s="28">
        <v>2902</v>
      </c>
      <c r="K29" s="28">
        <v>2862</v>
      </c>
      <c r="L29" s="28">
        <v>3258</v>
      </c>
      <c r="M29" s="28">
        <v>3465</v>
      </c>
      <c r="N29" s="28">
        <v>2913</v>
      </c>
      <c r="O29" s="7"/>
      <c r="P29" s="13"/>
      <c r="T29" s="24" t="s">
        <v>64</v>
      </c>
      <c r="U29" s="27">
        <v>2445</v>
      </c>
      <c r="V29" s="27">
        <v>2556</v>
      </c>
      <c r="W29" s="27">
        <v>2693</v>
      </c>
      <c r="X29" s="27">
        <v>2916</v>
      </c>
      <c r="Y29" s="27">
        <v>2909</v>
      </c>
      <c r="Z29" s="27">
        <v>2886</v>
      </c>
      <c r="AA29" s="27">
        <v>3259</v>
      </c>
      <c r="AB29" s="27">
        <v>3466</v>
      </c>
      <c r="AC29" s="27">
        <v>2914</v>
      </c>
      <c r="AD29" s="13"/>
      <c r="AE29" s="16"/>
      <c r="AI29" s="24" t="s">
        <v>64</v>
      </c>
      <c r="AJ29" s="27">
        <f t="shared" si="18"/>
        <v>0</v>
      </c>
      <c r="AK29" s="27">
        <f t="shared" si="19"/>
        <v>0</v>
      </c>
      <c r="AL29" s="27">
        <f t="shared" si="20"/>
        <v>1</v>
      </c>
      <c r="AM29" s="27">
        <f t="shared" si="21"/>
        <v>1</v>
      </c>
      <c r="AN29" s="27">
        <f t="shared" si="22"/>
        <v>7</v>
      </c>
      <c r="AO29" s="27">
        <f t="shared" si="23"/>
        <v>24</v>
      </c>
      <c r="AP29" s="27">
        <f t="shared" si="24"/>
        <v>1</v>
      </c>
      <c r="AQ29" s="27">
        <f t="shared" si="25"/>
        <v>1</v>
      </c>
      <c r="AR29" s="27">
        <f t="shared" si="26"/>
        <v>1</v>
      </c>
      <c r="AS29" s="16"/>
    </row>
    <row r="30" spans="1:45" x14ac:dyDescent="0.7">
      <c r="A30" s="7"/>
      <c r="D30" s="24" t="s">
        <v>65</v>
      </c>
      <c r="E30" s="24" t="s">
        <v>60</v>
      </c>
      <c r="F30" s="28">
        <v>2694</v>
      </c>
      <c r="G30" s="28">
        <v>2492</v>
      </c>
      <c r="H30" s="28">
        <v>3189</v>
      </c>
      <c r="I30" s="28">
        <v>3237</v>
      </c>
      <c r="J30" s="28">
        <v>3698</v>
      </c>
      <c r="K30" s="28">
        <v>3330</v>
      </c>
      <c r="L30" s="28">
        <v>3742</v>
      </c>
      <c r="M30" s="28">
        <v>4091</v>
      </c>
      <c r="N30" s="28">
        <v>5791</v>
      </c>
      <c r="O30" s="7"/>
      <c r="P30" s="13"/>
      <c r="S30" s="24" t="s">
        <v>65</v>
      </c>
      <c r="T30" s="24" t="s">
        <v>60</v>
      </c>
      <c r="U30" s="27">
        <v>2694</v>
      </c>
      <c r="V30" s="27">
        <v>2492</v>
      </c>
      <c r="W30" s="27">
        <v>3193</v>
      </c>
      <c r="X30" s="27">
        <v>3241</v>
      </c>
      <c r="Y30" s="27">
        <v>3722</v>
      </c>
      <c r="Z30" s="27">
        <v>3448</v>
      </c>
      <c r="AA30" s="27">
        <v>3749</v>
      </c>
      <c r="AB30" s="27">
        <v>4098</v>
      </c>
      <c r="AC30" s="27">
        <v>5798</v>
      </c>
      <c r="AD30" s="13"/>
      <c r="AE30" s="16"/>
      <c r="AH30" s="24" t="s">
        <v>65</v>
      </c>
      <c r="AI30" s="24" t="s">
        <v>60</v>
      </c>
      <c r="AJ30" s="27">
        <f t="shared" si="18"/>
        <v>0</v>
      </c>
      <c r="AK30" s="27">
        <f t="shared" si="19"/>
        <v>0</v>
      </c>
      <c r="AL30" s="27">
        <f t="shared" si="20"/>
        <v>4</v>
      </c>
      <c r="AM30" s="27">
        <f t="shared" si="21"/>
        <v>4</v>
      </c>
      <c r="AN30" s="27">
        <f t="shared" si="22"/>
        <v>24</v>
      </c>
      <c r="AO30" s="27">
        <f t="shared" si="23"/>
        <v>118</v>
      </c>
      <c r="AP30" s="27">
        <f t="shared" si="24"/>
        <v>7</v>
      </c>
      <c r="AQ30" s="27">
        <f t="shared" si="25"/>
        <v>7</v>
      </c>
      <c r="AR30" s="27">
        <f t="shared" si="26"/>
        <v>7</v>
      </c>
      <c r="AS30" s="16"/>
    </row>
    <row r="31" spans="1:45" x14ac:dyDescent="0.7">
      <c r="A31" s="7"/>
      <c r="E31" s="24" t="s">
        <v>61</v>
      </c>
      <c r="F31" s="28">
        <v>524</v>
      </c>
      <c r="G31" s="28">
        <v>513</v>
      </c>
      <c r="H31" s="28">
        <v>562</v>
      </c>
      <c r="I31" s="28">
        <v>577</v>
      </c>
      <c r="J31" s="28">
        <v>582</v>
      </c>
      <c r="K31" s="28">
        <v>534</v>
      </c>
      <c r="L31" s="28">
        <v>598</v>
      </c>
      <c r="M31" s="28">
        <v>591</v>
      </c>
      <c r="N31" s="28">
        <v>594</v>
      </c>
      <c r="O31" s="7"/>
      <c r="P31" s="13"/>
      <c r="T31" s="24" t="s">
        <v>61</v>
      </c>
      <c r="U31" s="27">
        <v>524</v>
      </c>
      <c r="V31" s="27">
        <v>513</v>
      </c>
      <c r="W31" s="27">
        <v>565</v>
      </c>
      <c r="X31" s="27">
        <v>580</v>
      </c>
      <c r="Y31" s="27">
        <v>592</v>
      </c>
      <c r="Z31" s="27">
        <v>568</v>
      </c>
      <c r="AA31" s="27">
        <v>603</v>
      </c>
      <c r="AB31" s="27">
        <v>596</v>
      </c>
      <c r="AC31" s="27">
        <v>599</v>
      </c>
      <c r="AD31" s="13"/>
      <c r="AE31" s="16"/>
      <c r="AI31" s="24" t="s">
        <v>61</v>
      </c>
      <c r="AJ31" s="27">
        <f t="shared" si="18"/>
        <v>0</v>
      </c>
      <c r="AK31" s="27">
        <f t="shared" si="19"/>
        <v>0</v>
      </c>
      <c r="AL31" s="27">
        <f t="shared" si="20"/>
        <v>3</v>
      </c>
      <c r="AM31" s="27">
        <f t="shared" si="21"/>
        <v>3</v>
      </c>
      <c r="AN31" s="27">
        <f t="shared" si="22"/>
        <v>10</v>
      </c>
      <c r="AO31" s="27">
        <f t="shared" si="23"/>
        <v>34</v>
      </c>
      <c r="AP31" s="27">
        <f t="shared" si="24"/>
        <v>5</v>
      </c>
      <c r="AQ31" s="27">
        <f t="shared" si="25"/>
        <v>5</v>
      </c>
      <c r="AR31" s="27">
        <f t="shared" si="26"/>
        <v>5</v>
      </c>
      <c r="AS31" s="16"/>
    </row>
    <row r="32" spans="1:45" x14ac:dyDescent="0.7">
      <c r="A32" s="7"/>
      <c r="E32" s="24" t="s">
        <v>62</v>
      </c>
      <c r="F32" s="28">
        <v>1629</v>
      </c>
      <c r="G32" s="28">
        <v>1434</v>
      </c>
      <c r="H32" s="28">
        <v>2050</v>
      </c>
      <c r="I32" s="28">
        <v>2054</v>
      </c>
      <c r="J32" s="28">
        <v>2436</v>
      </c>
      <c r="K32" s="28">
        <v>2030</v>
      </c>
      <c r="L32" s="28">
        <v>2238</v>
      </c>
      <c r="M32" s="28">
        <v>2466</v>
      </c>
      <c r="N32" s="28">
        <v>4021</v>
      </c>
      <c r="O32" s="7"/>
      <c r="P32" s="13"/>
      <c r="T32" s="24" t="s">
        <v>62</v>
      </c>
      <c r="U32" s="27">
        <v>1629</v>
      </c>
      <c r="V32" s="27">
        <v>1434</v>
      </c>
      <c r="W32" s="27">
        <v>2050</v>
      </c>
      <c r="X32" s="27">
        <v>2054</v>
      </c>
      <c r="Y32" s="27">
        <v>2446</v>
      </c>
      <c r="Z32" s="27">
        <v>2097</v>
      </c>
      <c r="AA32" s="27">
        <v>2238</v>
      </c>
      <c r="AB32" s="27">
        <v>2466</v>
      </c>
      <c r="AC32" s="27">
        <v>4021</v>
      </c>
      <c r="AD32" s="13"/>
      <c r="AE32" s="16"/>
      <c r="AI32" s="24" t="s">
        <v>62</v>
      </c>
      <c r="AJ32" s="27">
        <f t="shared" si="18"/>
        <v>0</v>
      </c>
      <c r="AK32" s="27">
        <f t="shared" si="19"/>
        <v>0</v>
      </c>
      <c r="AL32" s="27">
        <f t="shared" si="20"/>
        <v>0</v>
      </c>
      <c r="AM32" s="27">
        <f t="shared" si="21"/>
        <v>0</v>
      </c>
      <c r="AN32" s="27">
        <f t="shared" si="22"/>
        <v>10</v>
      </c>
      <c r="AO32" s="27">
        <f t="shared" si="23"/>
        <v>67</v>
      </c>
      <c r="AP32" s="27">
        <f t="shared" si="24"/>
        <v>0</v>
      </c>
      <c r="AQ32" s="27">
        <f t="shared" si="25"/>
        <v>0</v>
      </c>
      <c r="AR32" s="27">
        <f t="shared" si="26"/>
        <v>0</v>
      </c>
      <c r="AS32" s="16"/>
    </row>
    <row r="33" spans="1:45" x14ac:dyDescent="0.7">
      <c r="A33" s="7"/>
      <c r="E33" s="24" t="s">
        <v>63</v>
      </c>
      <c r="F33" s="28">
        <v>122</v>
      </c>
      <c r="G33" s="28">
        <v>114</v>
      </c>
      <c r="H33" s="28">
        <v>124</v>
      </c>
      <c r="I33" s="28">
        <v>124</v>
      </c>
      <c r="J33" s="28">
        <v>129</v>
      </c>
      <c r="K33" s="28">
        <v>125</v>
      </c>
      <c r="L33" s="28">
        <v>134</v>
      </c>
      <c r="M33" s="28">
        <v>134</v>
      </c>
      <c r="N33" s="28">
        <v>141</v>
      </c>
      <c r="O33" s="7"/>
      <c r="P33" s="13"/>
      <c r="T33" s="24" t="s">
        <v>63</v>
      </c>
      <c r="U33" s="27">
        <v>122</v>
      </c>
      <c r="V33" s="27">
        <v>114</v>
      </c>
      <c r="W33" s="27">
        <v>125</v>
      </c>
      <c r="X33" s="27">
        <v>126</v>
      </c>
      <c r="Y33" s="27">
        <v>131</v>
      </c>
      <c r="Z33" s="27">
        <v>128</v>
      </c>
      <c r="AA33" s="27">
        <v>136</v>
      </c>
      <c r="AB33" s="27">
        <v>136</v>
      </c>
      <c r="AC33" s="27">
        <v>143</v>
      </c>
      <c r="AD33" s="13"/>
      <c r="AE33" s="16"/>
      <c r="AI33" s="24" t="s">
        <v>63</v>
      </c>
      <c r="AJ33" s="27">
        <f t="shared" si="18"/>
        <v>0</v>
      </c>
      <c r="AK33" s="27">
        <f t="shared" si="19"/>
        <v>0</v>
      </c>
      <c r="AL33" s="27">
        <f t="shared" si="20"/>
        <v>1</v>
      </c>
      <c r="AM33" s="27">
        <f t="shared" si="21"/>
        <v>2</v>
      </c>
      <c r="AN33" s="27">
        <f t="shared" si="22"/>
        <v>2</v>
      </c>
      <c r="AO33" s="27">
        <f t="shared" si="23"/>
        <v>3</v>
      </c>
      <c r="AP33" s="27">
        <f t="shared" si="24"/>
        <v>2</v>
      </c>
      <c r="AQ33" s="27">
        <f t="shared" si="25"/>
        <v>2</v>
      </c>
      <c r="AR33" s="27">
        <f t="shared" si="26"/>
        <v>2</v>
      </c>
      <c r="AS33" s="16"/>
    </row>
    <row r="34" spans="1:45" x14ac:dyDescent="0.7">
      <c r="A34" s="7"/>
      <c r="E34" s="24" t="s">
        <v>64</v>
      </c>
      <c r="F34" s="28">
        <v>419</v>
      </c>
      <c r="G34" s="28">
        <v>431</v>
      </c>
      <c r="H34" s="28">
        <v>453</v>
      </c>
      <c r="I34" s="28">
        <v>482</v>
      </c>
      <c r="J34" s="28">
        <v>550</v>
      </c>
      <c r="K34" s="28">
        <v>641</v>
      </c>
      <c r="L34" s="28">
        <v>772</v>
      </c>
      <c r="M34" s="28">
        <v>900</v>
      </c>
      <c r="N34" s="28">
        <v>1035</v>
      </c>
      <c r="O34" s="7"/>
      <c r="P34" s="13"/>
      <c r="T34" s="24" t="s">
        <v>64</v>
      </c>
      <c r="U34" s="27">
        <v>419</v>
      </c>
      <c r="V34" s="27">
        <v>431</v>
      </c>
      <c r="W34" s="27">
        <v>453</v>
      </c>
      <c r="X34" s="27">
        <v>482</v>
      </c>
      <c r="Y34" s="27">
        <v>553</v>
      </c>
      <c r="Z34" s="27">
        <v>655</v>
      </c>
      <c r="AA34" s="27">
        <v>772</v>
      </c>
      <c r="AB34" s="27">
        <v>900</v>
      </c>
      <c r="AC34" s="27">
        <v>1035</v>
      </c>
      <c r="AD34" s="13"/>
      <c r="AE34" s="16"/>
      <c r="AI34" s="24" t="s">
        <v>64</v>
      </c>
      <c r="AJ34" s="27">
        <f t="shared" si="18"/>
        <v>0</v>
      </c>
      <c r="AK34" s="27">
        <f t="shared" si="19"/>
        <v>0</v>
      </c>
      <c r="AL34" s="27">
        <f t="shared" si="20"/>
        <v>0</v>
      </c>
      <c r="AM34" s="27">
        <f t="shared" si="21"/>
        <v>0</v>
      </c>
      <c r="AN34" s="27">
        <f t="shared" si="22"/>
        <v>3</v>
      </c>
      <c r="AO34" s="27">
        <f t="shared" si="23"/>
        <v>14</v>
      </c>
      <c r="AP34" s="27">
        <f t="shared" si="24"/>
        <v>0</v>
      </c>
      <c r="AQ34" s="27">
        <f t="shared" si="25"/>
        <v>0</v>
      </c>
      <c r="AR34" s="27">
        <f t="shared" si="26"/>
        <v>0</v>
      </c>
      <c r="AS34" s="16"/>
    </row>
    <row r="35" spans="1:45" x14ac:dyDescent="0.7">
      <c r="A35" s="7"/>
      <c r="B35" s="24" t="s">
        <v>44</v>
      </c>
      <c r="C35" s="24" t="s">
        <v>50</v>
      </c>
      <c r="D35" s="24" t="s">
        <v>59</v>
      </c>
      <c r="E35" s="24" t="s">
        <v>60</v>
      </c>
      <c r="F35" s="28">
        <v>2298095</v>
      </c>
      <c r="G35" s="28">
        <v>2131356</v>
      </c>
      <c r="H35" s="28">
        <v>2099216</v>
      </c>
      <c r="I35" s="28">
        <v>2242562</v>
      </c>
      <c r="J35" s="28">
        <v>2400319</v>
      </c>
      <c r="K35" s="28">
        <v>2293906</v>
      </c>
      <c r="L35" s="28">
        <v>2340124</v>
      </c>
      <c r="M35" s="28">
        <v>2231825</v>
      </c>
      <c r="N35" s="28">
        <v>2597770</v>
      </c>
      <c r="O35" s="7"/>
      <c r="P35" s="13"/>
      <c r="Q35" s="24" t="s">
        <v>44</v>
      </c>
      <c r="R35" s="24" t="s">
        <v>50</v>
      </c>
      <c r="S35" s="24" t="s">
        <v>59</v>
      </c>
      <c r="T35" s="24" t="s">
        <v>60</v>
      </c>
      <c r="U35" s="27">
        <v>2298094</v>
      </c>
      <c r="V35" s="27">
        <v>2131356</v>
      </c>
      <c r="W35" s="27">
        <v>2099434</v>
      </c>
      <c r="X35" s="27">
        <v>2242885</v>
      </c>
      <c r="Y35" s="27">
        <v>2405029</v>
      </c>
      <c r="Z35" s="27">
        <v>2294233</v>
      </c>
      <c r="AA35" s="27">
        <v>2325669</v>
      </c>
      <c r="AB35" s="27">
        <v>2232188</v>
      </c>
      <c r="AC35" s="27">
        <v>2598151</v>
      </c>
      <c r="AD35" s="13"/>
      <c r="AE35" s="16"/>
      <c r="AF35" s="24" t="s">
        <v>44</v>
      </c>
      <c r="AG35" s="24" t="s">
        <v>50</v>
      </c>
      <c r="AH35" s="24" t="s">
        <v>59</v>
      </c>
      <c r="AI35" s="24" t="s">
        <v>60</v>
      </c>
      <c r="AJ35" s="27">
        <f t="shared" si="18"/>
        <v>-1</v>
      </c>
      <c r="AK35" s="27">
        <f t="shared" si="19"/>
        <v>0</v>
      </c>
      <c r="AL35" s="27">
        <f t="shared" si="20"/>
        <v>218</v>
      </c>
      <c r="AM35" s="27">
        <f t="shared" si="21"/>
        <v>323</v>
      </c>
      <c r="AN35" s="27">
        <f t="shared" si="22"/>
        <v>4710</v>
      </c>
      <c r="AO35" s="27">
        <f t="shared" si="23"/>
        <v>327</v>
      </c>
      <c r="AP35" s="27">
        <f t="shared" si="24"/>
        <v>-14455</v>
      </c>
      <c r="AQ35" s="27">
        <f t="shared" si="25"/>
        <v>363</v>
      </c>
      <c r="AR35" s="27">
        <f t="shared" si="26"/>
        <v>381</v>
      </c>
      <c r="AS35" s="16"/>
    </row>
    <row r="36" spans="1:45" x14ac:dyDescent="0.7">
      <c r="A36" s="7"/>
      <c r="E36" s="24" t="s">
        <v>61</v>
      </c>
      <c r="F36" s="28">
        <v>506225</v>
      </c>
      <c r="G36" s="28">
        <v>506479</v>
      </c>
      <c r="H36" s="28">
        <v>462452</v>
      </c>
      <c r="I36" s="28">
        <v>450110</v>
      </c>
      <c r="J36" s="28">
        <v>489305</v>
      </c>
      <c r="K36" s="28">
        <v>507813</v>
      </c>
      <c r="L36" s="28">
        <v>490827</v>
      </c>
      <c r="M36" s="28">
        <v>468293</v>
      </c>
      <c r="N36" s="28">
        <v>639223</v>
      </c>
      <c r="O36" s="7"/>
      <c r="P36" s="13"/>
      <c r="T36" s="24" t="s">
        <v>61</v>
      </c>
      <c r="U36" s="27">
        <v>506225</v>
      </c>
      <c r="V36" s="27">
        <v>506479</v>
      </c>
      <c r="W36" s="27">
        <v>462559</v>
      </c>
      <c r="X36" s="27">
        <v>450272</v>
      </c>
      <c r="Y36" s="27">
        <v>491903</v>
      </c>
      <c r="Z36" s="27">
        <v>507931</v>
      </c>
      <c r="AA36" s="27">
        <v>490961</v>
      </c>
      <c r="AB36" s="27">
        <v>468452</v>
      </c>
      <c r="AC36" s="27">
        <v>639373</v>
      </c>
      <c r="AD36" s="13"/>
      <c r="AE36" s="16"/>
      <c r="AI36" s="24" t="s">
        <v>61</v>
      </c>
      <c r="AJ36" s="27">
        <f t="shared" si="18"/>
        <v>0</v>
      </c>
      <c r="AK36" s="27">
        <f t="shared" si="19"/>
        <v>0</v>
      </c>
      <c r="AL36" s="27">
        <f t="shared" si="20"/>
        <v>107</v>
      </c>
      <c r="AM36" s="27">
        <f t="shared" si="21"/>
        <v>162</v>
      </c>
      <c r="AN36" s="27">
        <f t="shared" si="22"/>
        <v>2598</v>
      </c>
      <c r="AO36" s="27">
        <f t="shared" si="23"/>
        <v>118</v>
      </c>
      <c r="AP36" s="27">
        <f t="shared" si="24"/>
        <v>134</v>
      </c>
      <c r="AQ36" s="27">
        <f t="shared" si="25"/>
        <v>159</v>
      </c>
      <c r="AR36" s="27">
        <f t="shared" si="26"/>
        <v>150</v>
      </c>
      <c r="AS36" s="16"/>
    </row>
    <row r="37" spans="1:45" x14ac:dyDescent="0.7">
      <c r="A37" s="7"/>
      <c r="E37" s="24" t="s">
        <v>62</v>
      </c>
      <c r="F37" s="28">
        <v>320394</v>
      </c>
      <c r="G37" s="28">
        <v>297355</v>
      </c>
      <c r="H37" s="28">
        <v>300136</v>
      </c>
      <c r="I37" s="28">
        <v>304340</v>
      </c>
      <c r="J37" s="28">
        <v>332122</v>
      </c>
      <c r="K37" s="28">
        <v>337078</v>
      </c>
      <c r="L37" s="28">
        <v>381851</v>
      </c>
      <c r="M37" s="28">
        <v>386302</v>
      </c>
      <c r="N37" s="28">
        <v>459362</v>
      </c>
      <c r="O37" s="7"/>
      <c r="P37" s="13"/>
      <c r="T37" s="24" t="s">
        <v>62</v>
      </c>
      <c r="U37" s="27">
        <v>320394</v>
      </c>
      <c r="V37" s="27">
        <v>297355</v>
      </c>
      <c r="W37" s="27">
        <v>300136</v>
      </c>
      <c r="X37" s="27">
        <v>304340</v>
      </c>
      <c r="Y37" s="27">
        <v>333146</v>
      </c>
      <c r="Z37" s="27">
        <v>337078</v>
      </c>
      <c r="AA37" s="27">
        <v>381851</v>
      </c>
      <c r="AB37" s="27">
        <v>386302</v>
      </c>
      <c r="AC37" s="27">
        <v>459362</v>
      </c>
      <c r="AD37" s="13"/>
      <c r="AE37" s="16"/>
      <c r="AI37" s="24" t="s">
        <v>62</v>
      </c>
      <c r="AJ37" s="27">
        <f t="shared" si="18"/>
        <v>0</v>
      </c>
      <c r="AK37" s="27">
        <f t="shared" si="19"/>
        <v>0</v>
      </c>
      <c r="AL37" s="27">
        <f t="shared" si="20"/>
        <v>0</v>
      </c>
      <c r="AM37" s="27">
        <f t="shared" si="21"/>
        <v>0</v>
      </c>
      <c r="AN37" s="27">
        <f t="shared" si="22"/>
        <v>1024</v>
      </c>
      <c r="AO37" s="27">
        <f t="shared" si="23"/>
        <v>0</v>
      </c>
      <c r="AP37" s="27">
        <f t="shared" si="24"/>
        <v>0</v>
      </c>
      <c r="AQ37" s="27">
        <f t="shared" si="25"/>
        <v>0</v>
      </c>
      <c r="AR37" s="27">
        <f t="shared" si="26"/>
        <v>0</v>
      </c>
      <c r="AS37" s="16"/>
    </row>
    <row r="38" spans="1:45" x14ac:dyDescent="0.7">
      <c r="A38" s="7"/>
      <c r="E38" s="24" t="s">
        <v>63</v>
      </c>
      <c r="F38" s="28">
        <v>732475</v>
      </c>
      <c r="G38" s="28">
        <v>687584</v>
      </c>
      <c r="H38" s="28">
        <v>629118</v>
      </c>
      <c r="I38" s="28">
        <v>771919</v>
      </c>
      <c r="J38" s="28">
        <v>790283</v>
      </c>
      <c r="K38" s="28">
        <v>753863</v>
      </c>
      <c r="L38" s="28">
        <v>765699</v>
      </c>
      <c r="M38" s="28">
        <v>667694</v>
      </c>
      <c r="N38" s="28">
        <v>684798</v>
      </c>
      <c r="O38" s="7"/>
      <c r="P38" s="13"/>
      <c r="T38" s="24" t="s">
        <v>63</v>
      </c>
      <c r="U38" s="27">
        <v>732475</v>
      </c>
      <c r="V38" s="27">
        <v>687584</v>
      </c>
      <c r="W38" s="27">
        <v>629208</v>
      </c>
      <c r="X38" s="27">
        <v>772059</v>
      </c>
      <c r="Y38" s="27">
        <v>790576</v>
      </c>
      <c r="Z38" s="27">
        <v>754029</v>
      </c>
      <c r="AA38" s="27">
        <v>755716</v>
      </c>
      <c r="AB38" s="27">
        <v>667863</v>
      </c>
      <c r="AC38" s="27">
        <v>684986</v>
      </c>
      <c r="AD38" s="13"/>
      <c r="AE38" s="16"/>
      <c r="AI38" s="24" t="s">
        <v>63</v>
      </c>
      <c r="AJ38" s="27">
        <f t="shared" si="18"/>
        <v>0</v>
      </c>
      <c r="AK38" s="27">
        <f t="shared" si="19"/>
        <v>0</v>
      </c>
      <c r="AL38" s="27">
        <f t="shared" si="20"/>
        <v>90</v>
      </c>
      <c r="AM38" s="27">
        <f t="shared" si="21"/>
        <v>140</v>
      </c>
      <c r="AN38" s="27">
        <f t="shared" si="22"/>
        <v>293</v>
      </c>
      <c r="AO38" s="27">
        <f t="shared" si="23"/>
        <v>166</v>
      </c>
      <c r="AP38" s="27">
        <f t="shared" si="24"/>
        <v>-9983</v>
      </c>
      <c r="AQ38" s="27">
        <f t="shared" si="25"/>
        <v>169</v>
      </c>
      <c r="AR38" s="27">
        <f t="shared" si="26"/>
        <v>188</v>
      </c>
      <c r="AS38" s="16"/>
    </row>
    <row r="39" spans="1:45" x14ac:dyDescent="0.7">
      <c r="A39" s="7"/>
      <c r="E39" s="24" t="s">
        <v>64</v>
      </c>
      <c r="F39" s="28">
        <v>739001</v>
      </c>
      <c r="G39" s="28">
        <v>639938</v>
      </c>
      <c r="H39" s="28">
        <v>707510</v>
      </c>
      <c r="I39" s="28">
        <v>716193</v>
      </c>
      <c r="J39" s="28">
        <v>788610</v>
      </c>
      <c r="K39" s="28">
        <v>695152</v>
      </c>
      <c r="L39" s="28">
        <v>701747</v>
      </c>
      <c r="M39" s="28">
        <v>709536</v>
      </c>
      <c r="N39" s="28">
        <v>814387</v>
      </c>
      <c r="O39" s="7"/>
      <c r="P39" s="13"/>
      <c r="T39" s="24" t="s">
        <v>64</v>
      </c>
      <c r="U39" s="27">
        <v>739000</v>
      </c>
      <c r="V39" s="27">
        <v>639939</v>
      </c>
      <c r="W39" s="27">
        <v>707531</v>
      </c>
      <c r="X39" s="27">
        <v>716214</v>
      </c>
      <c r="Y39" s="27">
        <v>789404</v>
      </c>
      <c r="Z39" s="27">
        <v>695195</v>
      </c>
      <c r="AA39" s="27">
        <v>697141</v>
      </c>
      <c r="AB39" s="27">
        <v>709571</v>
      </c>
      <c r="AC39" s="27">
        <v>814430</v>
      </c>
      <c r="AD39" s="13"/>
      <c r="AE39" s="16"/>
      <c r="AI39" s="24" t="s">
        <v>64</v>
      </c>
      <c r="AJ39" s="27">
        <f t="shared" si="18"/>
        <v>-1</v>
      </c>
      <c r="AK39" s="27">
        <f t="shared" si="19"/>
        <v>1</v>
      </c>
      <c r="AL39" s="27">
        <f t="shared" si="20"/>
        <v>21</v>
      </c>
      <c r="AM39" s="27">
        <f t="shared" si="21"/>
        <v>21</v>
      </c>
      <c r="AN39" s="27">
        <f t="shared" si="22"/>
        <v>794</v>
      </c>
      <c r="AO39" s="27">
        <f t="shared" si="23"/>
        <v>43</v>
      </c>
      <c r="AP39" s="27">
        <f t="shared" si="24"/>
        <v>-4606</v>
      </c>
      <c r="AQ39" s="27">
        <f t="shared" si="25"/>
        <v>35</v>
      </c>
      <c r="AR39" s="27">
        <f t="shared" si="26"/>
        <v>43</v>
      </c>
      <c r="AS39" s="16"/>
    </row>
    <row r="40" spans="1:45" x14ac:dyDescent="0.7">
      <c r="A40" s="7"/>
      <c r="D40" s="24" t="s">
        <v>65</v>
      </c>
      <c r="E40" s="24" t="s">
        <v>60</v>
      </c>
      <c r="F40" s="28">
        <v>2078785</v>
      </c>
      <c r="G40" s="28">
        <v>2134012</v>
      </c>
      <c r="H40" s="28">
        <v>1775454</v>
      </c>
      <c r="I40" s="28">
        <v>1914541</v>
      </c>
      <c r="J40" s="28">
        <v>1992756</v>
      </c>
      <c r="K40" s="28">
        <v>1928628</v>
      </c>
      <c r="L40" s="28">
        <v>2002487</v>
      </c>
      <c r="M40" s="28">
        <v>1875654</v>
      </c>
      <c r="N40" s="28">
        <v>2129077</v>
      </c>
      <c r="O40" s="7"/>
      <c r="P40" s="13"/>
      <c r="S40" s="24" t="s">
        <v>65</v>
      </c>
      <c r="T40" s="24" t="s">
        <v>60</v>
      </c>
      <c r="U40" s="27">
        <v>2078785</v>
      </c>
      <c r="V40" s="27">
        <v>2134011</v>
      </c>
      <c r="W40" s="27">
        <v>1775684</v>
      </c>
      <c r="X40" s="27">
        <v>1914844</v>
      </c>
      <c r="Y40" s="27">
        <v>1998177</v>
      </c>
      <c r="Z40" s="27">
        <v>1928880</v>
      </c>
      <c r="AA40" s="27">
        <v>1987987</v>
      </c>
      <c r="AB40" s="27">
        <v>1875976</v>
      </c>
      <c r="AC40" s="27">
        <v>2129393</v>
      </c>
      <c r="AD40" s="13"/>
      <c r="AE40" s="16"/>
      <c r="AH40" s="24" t="s">
        <v>65</v>
      </c>
      <c r="AI40" s="24" t="s">
        <v>60</v>
      </c>
      <c r="AJ40" s="27">
        <f t="shared" si="18"/>
        <v>0</v>
      </c>
      <c r="AK40" s="27">
        <f t="shared" si="19"/>
        <v>-1</v>
      </c>
      <c r="AL40" s="27">
        <f t="shared" si="20"/>
        <v>230</v>
      </c>
      <c r="AM40" s="27">
        <f t="shared" si="21"/>
        <v>303</v>
      </c>
      <c r="AN40" s="27">
        <f t="shared" si="22"/>
        <v>5421</v>
      </c>
      <c r="AO40" s="27">
        <f t="shared" si="23"/>
        <v>252</v>
      </c>
      <c r="AP40" s="27">
        <f t="shared" si="24"/>
        <v>-14500</v>
      </c>
      <c r="AQ40" s="27">
        <f t="shared" si="25"/>
        <v>322</v>
      </c>
      <c r="AR40" s="27">
        <f t="shared" si="26"/>
        <v>316</v>
      </c>
      <c r="AS40" s="16"/>
    </row>
    <row r="41" spans="1:45" x14ac:dyDescent="0.7">
      <c r="A41" s="7"/>
      <c r="E41" s="24" t="s">
        <v>61</v>
      </c>
      <c r="F41" s="28">
        <v>586187</v>
      </c>
      <c r="G41" s="28">
        <v>854433</v>
      </c>
      <c r="H41" s="28">
        <v>535062</v>
      </c>
      <c r="I41" s="28">
        <v>559980</v>
      </c>
      <c r="J41" s="28">
        <v>572413</v>
      </c>
      <c r="K41" s="28">
        <v>562257</v>
      </c>
      <c r="L41" s="28">
        <v>581290</v>
      </c>
      <c r="M41" s="28">
        <v>528476</v>
      </c>
      <c r="N41" s="28">
        <v>629305</v>
      </c>
      <c r="O41" s="7"/>
      <c r="P41" s="13"/>
      <c r="T41" s="24" t="s">
        <v>61</v>
      </c>
      <c r="U41" s="27">
        <v>586187</v>
      </c>
      <c r="V41" s="27">
        <v>854432</v>
      </c>
      <c r="W41" s="27">
        <v>535192</v>
      </c>
      <c r="X41" s="27">
        <v>560147</v>
      </c>
      <c r="Y41" s="27">
        <v>576072</v>
      </c>
      <c r="Z41" s="27">
        <v>562422</v>
      </c>
      <c r="AA41" s="27">
        <v>581520</v>
      </c>
      <c r="AB41" s="27">
        <v>528648</v>
      </c>
      <c r="AC41" s="27">
        <v>629497</v>
      </c>
      <c r="AD41" s="13"/>
      <c r="AE41" s="16"/>
      <c r="AI41" s="24" t="s">
        <v>61</v>
      </c>
      <c r="AJ41" s="27">
        <f t="shared" si="18"/>
        <v>0</v>
      </c>
      <c r="AK41" s="27">
        <f t="shared" si="19"/>
        <v>-1</v>
      </c>
      <c r="AL41" s="27">
        <f t="shared" si="20"/>
        <v>130</v>
      </c>
      <c r="AM41" s="27">
        <f t="shared" si="21"/>
        <v>167</v>
      </c>
      <c r="AN41" s="27">
        <f t="shared" si="22"/>
        <v>3659</v>
      </c>
      <c r="AO41" s="27">
        <f t="shared" si="23"/>
        <v>165</v>
      </c>
      <c r="AP41" s="27">
        <f t="shared" si="24"/>
        <v>230</v>
      </c>
      <c r="AQ41" s="27">
        <f t="shared" si="25"/>
        <v>172</v>
      </c>
      <c r="AR41" s="27">
        <f t="shared" si="26"/>
        <v>192</v>
      </c>
      <c r="AS41" s="16"/>
    </row>
    <row r="42" spans="1:45" x14ac:dyDescent="0.7">
      <c r="A42" s="7"/>
      <c r="E42" s="24" t="s">
        <v>62</v>
      </c>
      <c r="F42" s="28">
        <v>223778</v>
      </c>
      <c r="G42" s="28">
        <v>197587</v>
      </c>
      <c r="H42" s="28">
        <v>199702</v>
      </c>
      <c r="I42" s="28">
        <v>187669</v>
      </c>
      <c r="J42" s="28">
        <v>215072</v>
      </c>
      <c r="K42" s="28">
        <v>225347</v>
      </c>
      <c r="L42" s="28">
        <v>238006</v>
      </c>
      <c r="M42" s="28">
        <v>236271</v>
      </c>
      <c r="N42" s="28">
        <v>268543</v>
      </c>
      <c r="O42" s="7"/>
      <c r="P42" s="13"/>
      <c r="T42" s="24" t="s">
        <v>62</v>
      </c>
      <c r="U42" s="27">
        <v>223778</v>
      </c>
      <c r="V42" s="27">
        <v>197588</v>
      </c>
      <c r="W42" s="27">
        <v>199702</v>
      </c>
      <c r="X42" s="27">
        <v>187669</v>
      </c>
      <c r="Y42" s="27">
        <v>215881</v>
      </c>
      <c r="Z42" s="27">
        <v>225347</v>
      </c>
      <c r="AA42" s="27">
        <v>238006</v>
      </c>
      <c r="AB42" s="27">
        <v>236271</v>
      </c>
      <c r="AC42" s="27">
        <v>268543</v>
      </c>
      <c r="AD42" s="13"/>
      <c r="AE42" s="16"/>
      <c r="AI42" s="24" t="s">
        <v>62</v>
      </c>
      <c r="AJ42" s="27">
        <f t="shared" si="18"/>
        <v>0</v>
      </c>
      <c r="AK42" s="27">
        <f t="shared" si="19"/>
        <v>1</v>
      </c>
      <c r="AL42" s="27">
        <f t="shared" si="20"/>
        <v>0</v>
      </c>
      <c r="AM42" s="27">
        <f t="shared" si="21"/>
        <v>0</v>
      </c>
      <c r="AN42" s="27">
        <f t="shared" si="22"/>
        <v>809</v>
      </c>
      <c r="AO42" s="27">
        <f t="shared" si="23"/>
        <v>0</v>
      </c>
      <c r="AP42" s="27">
        <f t="shared" si="24"/>
        <v>0</v>
      </c>
      <c r="AQ42" s="27">
        <f t="shared" si="25"/>
        <v>0</v>
      </c>
      <c r="AR42" s="27">
        <f t="shared" si="26"/>
        <v>0</v>
      </c>
      <c r="AS42" s="16"/>
    </row>
    <row r="43" spans="1:45" x14ac:dyDescent="0.7">
      <c r="A43" s="7"/>
      <c r="E43" s="24" t="s">
        <v>63</v>
      </c>
      <c r="F43" s="28">
        <v>623025</v>
      </c>
      <c r="G43" s="28">
        <v>532070</v>
      </c>
      <c r="H43" s="28">
        <v>484665</v>
      </c>
      <c r="I43" s="28">
        <v>619968</v>
      </c>
      <c r="J43" s="28">
        <v>633003</v>
      </c>
      <c r="K43" s="28">
        <v>586740</v>
      </c>
      <c r="L43" s="28">
        <v>618301</v>
      </c>
      <c r="M43" s="28">
        <v>546030</v>
      </c>
      <c r="N43" s="28">
        <v>542094</v>
      </c>
      <c r="O43" s="7"/>
      <c r="P43" s="13"/>
      <c r="T43" s="24" t="s">
        <v>63</v>
      </c>
      <c r="U43" s="27">
        <v>623025</v>
      </c>
      <c r="V43" s="27">
        <v>532069</v>
      </c>
      <c r="W43" s="27">
        <v>484760</v>
      </c>
      <c r="X43" s="27">
        <v>620100</v>
      </c>
      <c r="Y43" s="27">
        <v>633315</v>
      </c>
      <c r="Z43" s="27">
        <v>586817</v>
      </c>
      <c r="AA43" s="27">
        <v>608218</v>
      </c>
      <c r="AB43" s="27">
        <v>546163</v>
      </c>
      <c r="AC43" s="27">
        <v>542208</v>
      </c>
      <c r="AD43" s="13"/>
      <c r="AE43" s="16"/>
      <c r="AI43" s="24" t="s">
        <v>63</v>
      </c>
      <c r="AJ43" s="27">
        <f t="shared" si="18"/>
        <v>0</v>
      </c>
      <c r="AK43" s="27">
        <f t="shared" si="19"/>
        <v>-1</v>
      </c>
      <c r="AL43" s="27">
        <f t="shared" si="20"/>
        <v>95</v>
      </c>
      <c r="AM43" s="27">
        <f t="shared" si="21"/>
        <v>132</v>
      </c>
      <c r="AN43" s="27">
        <f t="shared" si="22"/>
        <v>312</v>
      </c>
      <c r="AO43" s="27">
        <f t="shared" si="23"/>
        <v>77</v>
      </c>
      <c r="AP43" s="27">
        <f t="shared" si="24"/>
        <v>-10083</v>
      </c>
      <c r="AQ43" s="27">
        <f t="shared" si="25"/>
        <v>133</v>
      </c>
      <c r="AR43" s="27">
        <f t="shared" si="26"/>
        <v>114</v>
      </c>
      <c r="AS43" s="16"/>
    </row>
    <row r="44" spans="1:45" x14ac:dyDescent="0.7">
      <c r="A44" s="7"/>
      <c r="E44" s="24" t="s">
        <v>64</v>
      </c>
      <c r="F44" s="28">
        <v>645795</v>
      </c>
      <c r="G44" s="28">
        <v>549922</v>
      </c>
      <c r="H44" s="28">
        <v>556025</v>
      </c>
      <c r="I44" s="28">
        <v>546925</v>
      </c>
      <c r="J44" s="28">
        <v>572268</v>
      </c>
      <c r="K44" s="28">
        <v>554285</v>
      </c>
      <c r="L44" s="28">
        <v>564892</v>
      </c>
      <c r="M44" s="28">
        <v>564877</v>
      </c>
      <c r="N44" s="28">
        <v>689136</v>
      </c>
      <c r="O44" s="7"/>
      <c r="P44" s="13"/>
      <c r="T44" s="24" t="s">
        <v>64</v>
      </c>
      <c r="U44" s="27">
        <v>645795</v>
      </c>
      <c r="V44" s="27">
        <v>549922</v>
      </c>
      <c r="W44" s="27">
        <v>556030</v>
      </c>
      <c r="X44" s="27">
        <v>546928</v>
      </c>
      <c r="Y44" s="27">
        <v>572909</v>
      </c>
      <c r="Z44" s="27">
        <v>554294</v>
      </c>
      <c r="AA44" s="27">
        <v>560244</v>
      </c>
      <c r="AB44" s="27">
        <v>564894</v>
      </c>
      <c r="AC44" s="27">
        <v>689145</v>
      </c>
      <c r="AD44" s="13"/>
      <c r="AE44" s="16"/>
      <c r="AI44" s="24" t="s">
        <v>64</v>
      </c>
      <c r="AJ44" s="27">
        <f t="shared" si="18"/>
        <v>0</v>
      </c>
      <c r="AK44" s="27">
        <f t="shared" si="19"/>
        <v>0</v>
      </c>
      <c r="AL44" s="27">
        <f t="shared" si="20"/>
        <v>5</v>
      </c>
      <c r="AM44" s="27">
        <f t="shared" si="21"/>
        <v>3</v>
      </c>
      <c r="AN44" s="27">
        <f t="shared" si="22"/>
        <v>641</v>
      </c>
      <c r="AO44" s="27">
        <f t="shared" si="23"/>
        <v>9</v>
      </c>
      <c r="AP44" s="27">
        <f t="shared" si="24"/>
        <v>-4648</v>
      </c>
      <c r="AQ44" s="27">
        <f t="shared" si="25"/>
        <v>17</v>
      </c>
      <c r="AR44" s="27">
        <f t="shared" si="26"/>
        <v>9</v>
      </c>
      <c r="AS44" s="16"/>
    </row>
    <row r="45" spans="1:45" x14ac:dyDescent="0.7">
      <c r="A45" s="7"/>
      <c r="C45" s="24" t="s">
        <v>66</v>
      </c>
      <c r="D45" s="24" t="s">
        <v>59</v>
      </c>
      <c r="E45" s="24" t="s">
        <v>60</v>
      </c>
      <c r="F45" s="28">
        <v>574790</v>
      </c>
      <c r="G45" s="28">
        <v>485046</v>
      </c>
      <c r="H45" s="28">
        <v>513339</v>
      </c>
      <c r="I45" s="28">
        <v>622998</v>
      </c>
      <c r="J45" s="28">
        <v>611218</v>
      </c>
      <c r="K45" s="28">
        <v>589236</v>
      </c>
      <c r="L45" s="28">
        <v>609577</v>
      </c>
      <c r="M45" s="28">
        <v>531306</v>
      </c>
      <c r="N45" s="28">
        <v>510760</v>
      </c>
      <c r="O45" s="7"/>
      <c r="P45" s="13"/>
      <c r="R45" s="24" t="s">
        <v>66</v>
      </c>
      <c r="S45" s="24" t="s">
        <v>59</v>
      </c>
      <c r="T45" s="24" t="s">
        <v>60</v>
      </c>
      <c r="U45" s="27">
        <v>574789</v>
      </c>
      <c r="V45" s="27">
        <v>485046</v>
      </c>
      <c r="W45" s="27">
        <v>513339</v>
      </c>
      <c r="X45" s="27">
        <v>622998</v>
      </c>
      <c r="Y45" s="27">
        <v>611317</v>
      </c>
      <c r="Z45" s="27">
        <v>589236</v>
      </c>
      <c r="AA45" s="27">
        <v>594666</v>
      </c>
      <c r="AB45" s="27">
        <v>531306</v>
      </c>
      <c r="AC45" s="27">
        <v>510760</v>
      </c>
      <c r="AD45" s="13"/>
      <c r="AE45" s="16"/>
      <c r="AG45" s="24" t="s">
        <v>66</v>
      </c>
      <c r="AH45" s="24" t="s">
        <v>59</v>
      </c>
      <c r="AI45" s="24" t="s">
        <v>60</v>
      </c>
      <c r="AJ45" s="27">
        <f t="shared" si="18"/>
        <v>-1</v>
      </c>
      <c r="AK45" s="27">
        <f t="shared" si="19"/>
        <v>0</v>
      </c>
      <c r="AL45" s="27">
        <f t="shared" si="20"/>
        <v>0</v>
      </c>
      <c r="AM45" s="27">
        <f t="shared" si="21"/>
        <v>0</v>
      </c>
      <c r="AN45" s="27">
        <f t="shared" si="22"/>
        <v>99</v>
      </c>
      <c r="AO45" s="27">
        <f t="shared" si="23"/>
        <v>0</v>
      </c>
      <c r="AP45" s="27">
        <f t="shared" si="24"/>
        <v>-14911</v>
      </c>
      <c r="AQ45" s="27">
        <f t="shared" si="25"/>
        <v>0</v>
      </c>
      <c r="AR45" s="27">
        <f t="shared" si="26"/>
        <v>0</v>
      </c>
      <c r="AS45" s="16"/>
    </row>
    <row r="46" spans="1:45" x14ac:dyDescent="0.7">
      <c r="A46" s="7"/>
      <c r="E46" s="24" t="s">
        <v>61</v>
      </c>
      <c r="F46" s="43" t="s">
        <v>40</v>
      </c>
      <c r="G46" s="43" t="s">
        <v>40</v>
      </c>
      <c r="H46" s="43" t="s">
        <v>40</v>
      </c>
      <c r="I46" s="43" t="s">
        <v>40</v>
      </c>
      <c r="J46" s="43" t="s">
        <v>40</v>
      </c>
      <c r="K46" s="43" t="s">
        <v>40</v>
      </c>
      <c r="L46" s="43" t="s">
        <v>40</v>
      </c>
      <c r="M46" s="43" t="s">
        <v>40</v>
      </c>
      <c r="N46" s="43" t="s">
        <v>40</v>
      </c>
      <c r="O46" s="7"/>
      <c r="P46" s="13"/>
      <c r="T46" s="24" t="s">
        <v>61</v>
      </c>
      <c r="U46" s="43" t="s">
        <v>40</v>
      </c>
      <c r="V46" s="43" t="s">
        <v>40</v>
      </c>
      <c r="W46" s="43" t="s">
        <v>40</v>
      </c>
      <c r="X46" s="43" t="s">
        <v>40</v>
      </c>
      <c r="Y46" s="43" t="s">
        <v>40</v>
      </c>
      <c r="Z46" s="43" t="s">
        <v>40</v>
      </c>
      <c r="AA46" s="43" t="s">
        <v>40</v>
      </c>
      <c r="AB46" s="43" t="s">
        <v>40</v>
      </c>
      <c r="AC46" s="43" t="s">
        <v>40</v>
      </c>
      <c r="AD46" s="13"/>
      <c r="AE46" s="16"/>
      <c r="AI46" s="24" t="s">
        <v>61</v>
      </c>
      <c r="AJ46" s="43" t="s">
        <v>40</v>
      </c>
      <c r="AK46" s="43" t="s">
        <v>40</v>
      </c>
      <c r="AL46" s="43" t="s">
        <v>40</v>
      </c>
      <c r="AM46" s="43" t="s">
        <v>40</v>
      </c>
      <c r="AN46" s="43" t="s">
        <v>40</v>
      </c>
      <c r="AO46" s="43" t="s">
        <v>40</v>
      </c>
      <c r="AP46" s="43" t="s">
        <v>40</v>
      </c>
      <c r="AQ46" s="43" t="s">
        <v>40</v>
      </c>
      <c r="AR46" s="43" t="s">
        <v>40</v>
      </c>
      <c r="AS46" s="16"/>
    </row>
    <row r="47" spans="1:45" x14ac:dyDescent="0.7">
      <c r="A47" s="7"/>
      <c r="E47" s="24" t="s">
        <v>62</v>
      </c>
      <c r="F47" s="28">
        <v>23172</v>
      </c>
      <c r="G47" s="28">
        <v>21978</v>
      </c>
      <c r="H47" s="28">
        <v>19264</v>
      </c>
      <c r="I47" s="28">
        <v>19063</v>
      </c>
      <c r="J47" s="28">
        <v>20470</v>
      </c>
      <c r="K47" s="28">
        <v>21404</v>
      </c>
      <c r="L47" s="28">
        <v>22094</v>
      </c>
      <c r="M47" s="28">
        <v>26291</v>
      </c>
      <c r="N47" s="28">
        <v>26578</v>
      </c>
      <c r="O47" s="7"/>
      <c r="P47" s="13"/>
      <c r="T47" s="24" t="s">
        <v>62</v>
      </c>
      <c r="U47" s="27">
        <v>23172</v>
      </c>
      <c r="V47" s="27">
        <v>21978</v>
      </c>
      <c r="W47" s="27">
        <v>19264</v>
      </c>
      <c r="X47" s="27">
        <v>19063</v>
      </c>
      <c r="Y47" s="27">
        <v>20522</v>
      </c>
      <c r="Z47" s="27">
        <v>21404</v>
      </c>
      <c r="AA47" s="27">
        <v>22094</v>
      </c>
      <c r="AB47" s="27">
        <v>26291</v>
      </c>
      <c r="AC47" s="27">
        <v>26578</v>
      </c>
      <c r="AD47" s="13"/>
      <c r="AE47" s="16"/>
      <c r="AI47" s="24" t="s">
        <v>62</v>
      </c>
      <c r="AJ47" s="27">
        <f t="shared" ref="AJ47:AJ50" si="27">U47-F47</f>
        <v>0</v>
      </c>
      <c r="AK47" s="27">
        <f t="shared" ref="AK47:AK50" si="28">V47-G47</f>
        <v>0</v>
      </c>
      <c r="AL47" s="27">
        <f t="shared" ref="AL47:AL50" si="29">W47-H47</f>
        <v>0</v>
      </c>
      <c r="AM47" s="27">
        <f t="shared" ref="AM47:AM50" si="30">X47-I47</f>
        <v>0</v>
      </c>
      <c r="AN47" s="27">
        <f t="shared" ref="AN47:AN50" si="31">Y47-J47</f>
        <v>52</v>
      </c>
      <c r="AO47" s="27">
        <f t="shared" ref="AO47:AO50" si="32">Z47-K47</f>
        <v>0</v>
      </c>
      <c r="AP47" s="27">
        <f t="shared" ref="AP47:AP50" si="33">AA47-L47</f>
        <v>0</v>
      </c>
      <c r="AQ47" s="27">
        <f t="shared" ref="AQ47:AQ50" si="34">AB47-M47</f>
        <v>0</v>
      </c>
      <c r="AR47" s="27">
        <f t="shared" ref="AR47:AR50" si="35">AC47-N47</f>
        <v>0</v>
      </c>
      <c r="AS47" s="16"/>
    </row>
    <row r="48" spans="1:45" x14ac:dyDescent="0.7">
      <c r="A48" s="7"/>
      <c r="E48" s="24" t="s">
        <v>63</v>
      </c>
      <c r="F48" s="28">
        <v>355614</v>
      </c>
      <c r="G48" s="28">
        <v>303746</v>
      </c>
      <c r="H48" s="28">
        <v>322722</v>
      </c>
      <c r="I48" s="28">
        <v>461148</v>
      </c>
      <c r="J48" s="28">
        <v>447012</v>
      </c>
      <c r="K48" s="28">
        <v>430022</v>
      </c>
      <c r="L48" s="28">
        <v>450883</v>
      </c>
      <c r="M48" s="28">
        <v>376700</v>
      </c>
      <c r="N48" s="28">
        <v>333638</v>
      </c>
      <c r="O48" s="7"/>
      <c r="P48" s="13"/>
      <c r="T48" s="24" t="s">
        <v>63</v>
      </c>
      <c r="U48" s="27">
        <v>355614</v>
      </c>
      <c r="V48" s="27">
        <v>303746</v>
      </c>
      <c r="W48" s="27">
        <v>322722</v>
      </c>
      <c r="X48" s="27">
        <v>461148</v>
      </c>
      <c r="Y48" s="27">
        <v>447015</v>
      </c>
      <c r="Z48" s="27">
        <v>430022</v>
      </c>
      <c r="AA48" s="27">
        <v>440633</v>
      </c>
      <c r="AB48" s="27">
        <v>376700</v>
      </c>
      <c r="AC48" s="27">
        <v>333638</v>
      </c>
      <c r="AD48" s="13"/>
      <c r="AE48" s="16"/>
      <c r="AI48" s="24" t="s">
        <v>63</v>
      </c>
      <c r="AJ48" s="27">
        <f t="shared" si="27"/>
        <v>0</v>
      </c>
      <c r="AK48" s="27">
        <f t="shared" si="28"/>
        <v>0</v>
      </c>
      <c r="AL48" s="27">
        <f t="shared" si="29"/>
        <v>0</v>
      </c>
      <c r="AM48" s="27">
        <f t="shared" si="30"/>
        <v>0</v>
      </c>
      <c r="AN48" s="27">
        <f t="shared" si="31"/>
        <v>3</v>
      </c>
      <c r="AO48" s="27">
        <f t="shared" si="32"/>
        <v>0</v>
      </c>
      <c r="AP48" s="27">
        <f t="shared" si="33"/>
        <v>-10250</v>
      </c>
      <c r="AQ48" s="27">
        <f t="shared" si="34"/>
        <v>0</v>
      </c>
      <c r="AR48" s="27">
        <f t="shared" si="35"/>
        <v>0</v>
      </c>
      <c r="AS48" s="16"/>
    </row>
    <row r="49" spans="1:45" x14ac:dyDescent="0.7">
      <c r="A49" s="7"/>
      <c r="E49" s="24" t="s">
        <v>64</v>
      </c>
      <c r="F49" s="28">
        <v>196004</v>
      </c>
      <c r="G49" s="28">
        <v>159322</v>
      </c>
      <c r="H49" s="28">
        <v>171354</v>
      </c>
      <c r="I49" s="28">
        <v>142788</v>
      </c>
      <c r="J49" s="28">
        <v>143736</v>
      </c>
      <c r="K49" s="28">
        <v>137810</v>
      </c>
      <c r="L49" s="28">
        <v>136599</v>
      </c>
      <c r="M49" s="28">
        <v>128315</v>
      </c>
      <c r="N49" s="28">
        <v>150544</v>
      </c>
      <c r="O49" s="7"/>
      <c r="P49" s="13"/>
      <c r="T49" s="24" t="s">
        <v>64</v>
      </c>
      <c r="U49" s="27">
        <v>196004</v>
      </c>
      <c r="V49" s="27">
        <v>159322</v>
      </c>
      <c r="W49" s="27">
        <v>171354</v>
      </c>
      <c r="X49" s="27">
        <v>142788</v>
      </c>
      <c r="Y49" s="27">
        <v>143780</v>
      </c>
      <c r="Z49" s="27">
        <v>137810</v>
      </c>
      <c r="AA49" s="27">
        <v>131939</v>
      </c>
      <c r="AB49" s="27">
        <v>128315</v>
      </c>
      <c r="AC49" s="27">
        <v>150544</v>
      </c>
      <c r="AD49" s="13"/>
      <c r="AE49" s="16"/>
      <c r="AI49" s="24" t="s">
        <v>64</v>
      </c>
      <c r="AJ49" s="27">
        <f t="shared" si="27"/>
        <v>0</v>
      </c>
      <c r="AK49" s="27">
        <f t="shared" si="28"/>
        <v>0</v>
      </c>
      <c r="AL49" s="27">
        <f t="shared" si="29"/>
        <v>0</v>
      </c>
      <c r="AM49" s="27">
        <f t="shared" si="30"/>
        <v>0</v>
      </c>
      <c r="AN49" s="27">
        <f t="shared" si="31"/>
        <v>44</v>
      </c>
      <c r="AO49" s="27">
        <f t="shared" si="32"/>
        <v>0</v>
      </c>
      <c r="AP49" s="27">
        <f t="shared" si="33"/>
        <v>-4660</v>
      </c>
      <c r="AQ49" s="27">
        <f t="shared" si="34"/>
        <v>0</v>
      </c>
      <c r="AR49" s="27">
        <f t="shared" si="35"/>
        <v>0</v>
      </c>
      <c r="AS49" s="16"/>
    </row>
    <row r="50" spans="1:45" x14ac:dyDescent="0.7">
      <c r="A50" s="7"/>
      <c r="D50" s="24" t="s">
        <v>65</v>
      </c>
      <c r="E50" s="24" t="s">
        <v>60</v>
      </c>
      <c r="F50" s="28">
        <v>574790</v>
      </c>
      <c r="G50" s="28">
        <v>485046</v>
      </c>
      <c r="H50" s="28">
        <v>513339</v>
      </c>
      <c r="I50" s="28">
        <v>622998</v>
      </c>
      <c r="J50" s="28">
        <v>611218</v>
      </c>
      <c r="K50" s="28">
        <v>589236</v>
      </c>
      <c r="L50" s="28">
        <v>609577</v>
      </c>
      <c r="M50" s="28">
        <v>531306</v>
      </c>
      <c r="N50" s="28">
        <v>510760</v>
      </c>
      <c r="O50" s="7"/>
      <c r="P50" s="13"/>
      <c r="S50" s="24" t="s">
        <v>65</v>
      </c>
      <c r="T50" s="24" t="s">
        <v>60</v>
      </c>
      <c r="U50" s="27">
        <v>574789</v>
      </c>
      <c r="V50" s="27">
        <v>485046</v>
      </c>
      <c r="W50" s="27">
        <v>513339</v>
      </c>
      <c r="X50" s="27">
        <v>622998</v>
      </c>
      <c r="Y50" s="27">
        <v>611317</v>
      </c>
      <c r="Z50" s="27">
        <v>589236</v>
      </c>
      <c r="AA50" s="27">
        <v>594666</v>
      </c>
      <c r="AB50" s="27">
        <v>531306</v>
      </c>
      <c r="AC50" s="27">
        <v>510760</v>
      </c>
      <c r="AD50" s="13"/>
      <c r="AE50" s="16"/>
      <c r="AH50" s="24" t="s">
        <v>65</v>
      </c>
      <c r="AI50" s="24" t="s">
        <v>60</v>
      </c>
      <c r="AJ50" s="27">
        <f t="shared" si="27"/>
        <v>-1</v>
      </c>
      <c r="AK50" s="27">
        <f t="shared" si="28"/>
        <v>0</v>
      </c>
      <c r="AL50" s="27">
        <f t="shared" si="29"/>
        <v>0</v>
      </c>
      <c r="AM50" s="27">
        <f t="shared" si="30"/>
        <v>0</v>
      </c>
      <c r="AN50" s="27">
        <f t="shared" si="31"/>
        <v>99</v>
      </c>
      <c r="AO50" s="27">
        <f t="shared" si="32"/>
        <v>0</v>
      </c>
      <c r="AP50" s="27">
        <f t="shared" si="33"/>
        <v>-14911</v>
      </c>
      <c r="AQ50" s="27">
        <f t="shared" si="34"/>
        <v>0</v>
      </c>
      <c r="AR50" s="27">
        <f t="shared" si="35"/>
        <v>0</v>
      </c>
      <c r="AS50" s="16"/>
    </row>
    <row r="51" spans="1:45" x14ac:dyDescent="0.7">
      <c r="A51" s="7"/>
      <c r="E51" s="24" t="s">
        <v>61</v>
      </c>
      <c r="F51" s="43" t="s">
        <v>40</v>
      </c>
      <c r="G51" s="43" t="s">
        <v>40</v>
      </c>
      <c r="H51" s="43" t="s">
        <v>40</v>
      </c>
      <c r="I51" s="43" t="s">
        <v>40</v>
      </c>
      <c r="J51" s="43" t="s">
        <v>40</v>
      </c>
      <c r="K51" s="43" t="s">
        <v>40</v>
      </c>
      <c r="L51" s="43" t="s">
        <v>40</v>
      </c>
      <c r="M51" s="43" t="s">
        <v>40</v>
      </c>
      <c r="N51" s="43" t="s">
        <v>40</v>
      </c>
      <c r="O51" s="7"/>
      <c r="P51" s="13"/>
      <c r="T51" s="24" t="s">
        <v>61</v>
      </c>
      <c r="U51" s="43" t="s">
        <v>40</v>
      </c>
      <c r="V51" s="43" t="s">
        <v>40</v>
      </c>
      <c r="W51" s="43" t="s">
        <v>40</v>
      </c>
      <c r="X51" s="43" t="s">
        <v>40</v>
      </c>
      <c r="Y51" s="43" t="s">
        <v>40</v>
      </c>
      <c r="Z51" s="43" t="s">
        <v>40</v>
      </c>
      <c r="AA51" s="43" t="s">
        <v>40</v>
      </c>
      <c r="AB51" s="43" t="s">
        <v>40</v>
      </c>
      <c r="AC51" s="43" t="s">
        <v>40</v>
      </c>
      <c r="AD51" s="13"/>
      <c r="AE51" s="16"/>
      <c r="AI51" s="24" t="s">
        <v>61</v>
      </c>
      <c r="AJ51" s="43" t="s">
        <v>40</v>
      </c>
      <c r="AK51" s="43" t="s">
        <v>40</v>
      </c>
      <c r="AL51" s="43" t="s">
        <v>40</v>
      </c>
      <c r="AM51" s="43" t="s">
        <v>40</v>
      </c>
      <c r="AN51" s="43" t="s">
        <v>40</v>
      </c>
      <c r="AO51" s="43" t="s">
        <v>40</v>
      </c>
      <c r="AP51" s="43" t="s">
        <v>40</v>
      </c>
      <c r="AQ51" s="43" t="s">
        <v>40</v>
      </c>
      <c r="AR51" s="43" t="s">
        <v>40</v>
      </c>
      <c r="AS51" s="16"/>
    </row>
    <row r="52" spans="1:45" x14ac:dyDescent="0.7">
      <c r="A52" s="7"/>
      <c r="E52" s="24" t="s">
        <v>62</v>
      </c>
      <c r="F52" s="28">
        <v>23172</v>
      </c>
      <c r="G52" s="28">
        <v>21978</v>
      </c>
      <c r="H52" s="28">
        <v>19264</v>
      </c>
      <c r="I52" s="28">
        <v>19063</v>
      </c>
      <c r="J52" s="28">
        <v>20470</v>
      </c>
      <c r="K52" s="28">
        <v>21404</v>
      </c>
      <c r="L52" s="28">
        <v>22094</v>
      </c>
      <c r="M52" s="28">
        <v>26291</v>
      </c>
      <c r="N52" s="28">
        <v>26578</v>
      </c>
      <c r="O52" s="7"/>
      <c r="P52" s="13"/>
      <c r="T52" s="24" t="s">
        <v>62</v>
      </c>
      <c r="U52" s="27">
        <v>23172</v>
      </c>
      <c r="V52" s="27">
        <v>21978</v>
      </c>
      <c r="W52" s="27">
        <v>19264</v>
      </c>
      <c r="X52" s="27">
        <v>19063</v>
      </c>
      <c r="Y52" s="27">
        <v>20522</v>
      </c>
      <c r="Z52" s="27">
        <v>21404</v>
      </c>
      <c r="AA52" s="27">
        <v>22094</v>
      </c>
      <c r="AB52" s="27">
        <v>26291</v>
      </c>
      <c r="AC52" s="27">
        <v>26578</v>
      </c>
      <c r="AD52" s="13"/>
      <c r="AE52" s="16"/>
      <c r="AI52" s="24" t="s">
        <v>62</v>
      </c>
      <c r="AJ52" s="27">
        <f t="shared" ref="AJ52:AJ64" si="36">U52-F52</f>
        <v>0</v>
      </c>
      <c r="AK52" s="27">
        <f t="shared" ref="AK52:AK64" si="37">V52-G52</f>
        <v>0</v>
      </c>
      <c r="AL52" s="27">
        <f t="shared" ref="AL52:AL64" si="38">W52-H52</f>
        <v>0</v>
      </c>
      <c r="AM52" s="27">
        <f t="shared" ref="AM52:AM64" si="39">X52-I52</f>
        <v>0</v>
      </c>
      <c r="AN52" s="27">
        <f t="shared" ref="AN52:AN64" si="40">Y52-J52</f>
        <v>52</v>
      </c>
      <c r="AO52" s="27">
        <f t="shared" ref="AO52:AO64" si="41">Z52-K52</f>
        <v>0</v>
      </c>
      <c r="AP52" s="27">
        <f t="shared" ref="AP52:AP64" si="42">AA52-L52</f>
        <v>0</v>
      </c>
      <c r="AQ52" s="27">
        <f t="shared" ref="AQ52:AQ64" si="43">AB52-M52</f>
        <v>0</v>
      </c>
      <c r="AR52" s="27">
        <f t="shared" ref="AR52:AR64" si="44">AC52-N52</f>
        <v>0</v>
      </c>
      <c r="AS52" s="16"/>
    </row>
    <row r="53" spans="1:45" x14ac:dyDescent="0.7">
      <c r="A53" s="7"/>
      <c r="E53" s="24" t="s">
        <v>63</v>
      </c>
      <c r="F53" s="28">
        <v>355614</v>
      </c>
      <c r="G53" s="28">
        <v>303746</v>
      </c>
      <c r="H53" s="28">
        <v>322722</v>
      </c>
      <c r="I53" s="28">
        <v>461148</v>
      </c>
      <c r="J53" s="28">
        <v>447012</v>
      </c>
      <c r="K53" s="28">
        <v>430022</v>
      </c>
      <c r="L53" s="28">
        <v>450883</v>
      </c>
      <c r="M53" s="28">
        <v>376700</v>
      </c>
      <c r="N53" s="28">
        <v>333638</v>
      </c>
      <c r="O53" s="7"/>
      <c r="P53" s="13"/>
      <c r="T53" s="24" t="s">
        <v>63</v>
      </c>
      <c r="U53" s="27">
        <v>355614</v>
      </c>
      <c r="V53" s="27">
        <v>303746</v>
      </c>
      <c r="W53" s="27">
        <v>322722</v>
      </c>
      <c r="X53" s="27">
        <v>461148</v>
      </c>
      <c r="Y53" s="27">
        <v>447015</v>
      </c>
      <c r="Z53" s="27">
        <v>430022</v>
      </c>
      <c r="AA53" s="27">
        <v>440633</v>
      </c>
      <c r="AB53" s="27">
        <v>376700</v>
      </c>
      <c r="AC53" s="27">
        <v>333638</v>
      </c>
      <c r="AD53" s="13"/>
      <c r="AE53" s="16"/>
      <c r="AI53" s="24" t="s">
        <v>63</v>
      </c>
      <c r="AJ53" s="27">
        <f t="shared" si="36"/>
        <v>0</v>
      </c>
      <c r="AK53" s="27">
        <f t="shared" si="37"/>
        <v>0</v>
      </c>
      <c r="AL53" s="27">
        <f t="shared" si="38"/>
        <v>0</v>
      </c>
      <c r="AM53" s="27">
        <f t="shared" si="39"/>
        <v>0</v>
      </c>
      <c r="AN53" s="27">
        <f t="shared" si="40"/>
        <v>3</v>
      </c>
      <c r="AO53" s="27">
        <f t="shared" si="41"/>
        <v>0</v>
      </c>
      <c r="AP53" s="27">
        <f t="shared" si="42"/>
        <v>-10250</v>
      </c>
      <c r="AQ53" s="27">
        <f t="shared" si="43"/>
        <v>0</v>
      </c>
      <c r="AR53" s="27">
        <f t="shared" si="44"/>
        <v>0</v>
      </c>
      <c r="AS53" s="16"/>
    </row>
    <row r="54" spans="1:45" x14ac:dyDescent="0.7">
      <c r="A54" s="7"/>
      <c r="E54" s="24" t="s">
        <v>64</v>
      </c>
      <c r="F54" s="28">
        <v>196004</v>
      </c>
      <c r="G54" s="28">
        <v>159322</v>
      </c>
      <c r="H54" s="28">
        <v>171354</v>
      </c>
      <c r="I54" s="28">
        <v>142788</v>
      </c>
      <c r="J54" s="28">
        <v>143736</v>
      </c>
      <c r="K54" s="28">
        <v>137810</v>
      </c>
      <c r="L54" s="28">
        <v>136599</v>
      </c>
      <c r="M54" s="28">
        <v>128315</v>
      </c>
      <c r="N54" s="28">
        <v>150544</v>
      </c>
      <c r="O54" s="7"/>
      <c r="P54" s="13"/>
      <c r="T54" s="24" t="s">
        <v>64</v>
      </c>
      <c r="U54" s="27">
        <v>196004</v>
      </c>
      <c r="V54" s="27">
        <v>159322</v>
      </c>
      <c r="W54" s="27">
        <v>171354</v>
      </c>
      <c r="X54" s="27">
        <v>142788</v>
      </c>
      <c r="Y54" s="27">
        <v>143780</v>
      </c>
      <c r="Z54" s="27">
        <v>137810</v>
      </c>
      <c r="AA54" s="27">
        <v>131939</v>
      </c>
      <c r="AB54" s="27">
        <v>128315</v>
      </c>
      <c r="AC54" s="27">
        <v>150544</v>
      </c>
      <c r="AD54" s="13"/>
      <c r="AE54" s="16"/>
      <c r="AI54" s="24" t="s">
        <v>64</v>
      </c>
      <c r="AJ54" s="27">
        <f t="shared" si="36"/>
        <v>0</v>
      </c>
      <c r="AK54" s="27">
        <f t="shared" si="37"/>
        <v>0</v>
      </c>
      <c r="AL54" s="27">
        <f t="shared" si="38"/>
        <v>0</v>
      </c>
      <c r="AM54" s="27">
        <f t="shared" si="39"/>
        <v>0</v>
      </c>
      <c r="AN54" s="27">
        <f t="shared" si="40"/>
        <v>44</v>
      </c>
      <c r="AO54" s="27">
        <f t="shared" si="41"/>
        <v>0</v>
      </c>
      <c r="AP54" s="27">
        <f t="shared" si="42"/>
        <v>-4660</v>
      </c>
      <c r="AQ54" s="27">
        <f t="shared" si="43"/>
        <v>0</v>
      </c>
      <c r="AR54" s="27">
        <f t="shared" si="44"/>
        <v>0</v>
      </c>
      <c r="AS54" s="16"/>
    </row>
    <row r="55" spans="1:45" x14ac:dyDescent="0.7">
      <c r="A55" s="7"/>
      <c r="C55" s="24" t="s">
        <v>67</v>
      </c>
      <c r="D55" s="24" t="s">
        <v>59</v>
      </c>
      <c r="E55" s="24" t="s">
        <v>60</v>
      </c>
      <c r="F55" s="28">
        <v>1723305</v>
      </c>
      <c r="G55" s="28">
        <v>1646310</v>
      </c>
      <c r="H55" s="28">
        <v>1585877</v>
      </c>
      <c r="I55" s="28">
        <v>1619563</v>
      </c>
      <c r="J55" s="28">
        <v>1789102</v>
      </c>
      <c r="K55" s="28">
        <v>1704670</v>
      </c>
      <c r="L55" s="28">
        <v>1730547</v>
      </c>
      <c r="M55" s="28">
        <v>1700519</v>
      </c>
      <c r="N55" s="28">
        <v>2087010</v>
      </c>
      <c r="O55" s="7"/>
      <c r="P55" s="13"/>
      <c r="R55" s="24" t="s">
        <v>67</v>
      </c>
      <c r="S55" s="24" t="s">
        <v>59</v>
      </c>
      <c r="T55" s="24" t="s">
        <v>60</v>
      </c>
      <c r="U55" s="27">
        <v>1723305</v>
      </c>
      <c r="V55" s="27">
        <v>1646310</v>
      </c>
      <c r="W55" s="27">
        <v>1586094</v>
      </c>
      <c r="X55" s="27">
        <v>1619887</v>
      </c>
      <c r="Y55" s="27">
        <v>1793712</v>
      </c>
      <c r="Z55" s="27">
        <v>1704997</v>
      </c>
      <c r="AA55" s="27">
        <v>1731002</v>
      </c>
      <c r="AB55" s="27">
        <v>1700882</v>
      </c>
      <c r="AC55" s="27">
        <v>2087391</v>
      </c>
      <c r="AD55" s="13"/>
      <c r="AE55" s="16"/>
      <c r="AG55" s="24" t="s">
        <v>67</v>
      </c>
      <c r="AH55" s="24" t="s">
        <v>59</v>
      </c>
      <c r="AI55" s="24" t="s">
        <v>60</v>
      </c>
      <c r="AJ55" s="27">
        <f t="shared" si="36"/>
        <v>0</v>
      </c>
      <c r="AK55" s="27">
        <f t="shared" si="37"/>
        <v>0</v>
      </c>
      <c r="AL55" s="27">
        <f t="shared" si="38"/>
        <v>217</v>
      </c>
      <c r="AM55" s="27">
        <f t="shared" si="39"/>
        <v>324</v>
      </c>
      <c r="AN55" s="27">
        <f t="shared" si="40"/>
        <v>4610</v>
      </c>
      <c r="AO55" s="27">
        <f t="shared" si="41"/>
        <v>327</v>
      </c>
      <c r="AP55" s="27">
        <f t="shared" si="42"/>
        <v>455</v>
      </c>
      <c r="AQ55" s="27">
        <f t="shared" si="43"/>
        <v>363</v>
      </c>
      <c r="AR55" s="27">
        <f t="shared" si="44"/>
        <v>381</v>
      </c>
      <c r="AS55" s="16"/>
    </row>
    <row r="56" spans="1:45" x14ac:dyDescent="0.7">
      <c r="A56" s="7"/>
      <c r="E56" s="24" t="s">
        <v>61</v>
      </c>
      <c r="F56" s="28">
        <v>506225</v>
      </c>
      <c r="G56" s="28">
        <v>506479</v>
      </c>
      <c r="H56" s="28">
        <v>462452</v>
      </c>
      <c r="I56" s="28">
        <v>450110</v>
      </c>
      <c r="J56" s="28">
        <v>489305</v>
      </c>
      <c r="K56" s="28">
        <v>507813</v>
      </c>
      <c r="L56" s="28">
        <v>490827</v>
      </c>
      <c r="M56" s="28">
        <v>468293</v>
      </c>
      <c r="N56" s="28">
        <v>639223</v>
      </c>
      <c r="O56" s="7"/>
      <c r="P56" s="13"/>
      <c r="T56" s="24" t="s">
        <v>61</v>
      </c>
      <c r="U56" s="27">
        <v>506225</v>
      </c>
      <c r="V56" s="27">
        <v>506479</v>
      </c>
      <c r="W56" s="27">
        <v>462559</v>
      </c>
      <c r="X56" s="27">
        <v>450272</v>
      </c>
      <c r="Y56" s="27">
        <v>491903</v>
      </c>
      <c r="Z56" s="27">
        <v>507931</v>
      </c>
      <c r="AA56" s="27">
        <v>490961</v>
      </c>
      <c r="AB56" s="27">
        <v>468452</v>
      </c>
      <c r="AC56" s="27">
        <v>639373</v>
      </c>
      <c r="AD56" s="13"/>
      <c r="AE56" s="16"/>
      <c r="AI56" s="24" t="s">
        <v>61</v>
      </c>
      <c r="AJ56" s="27">
        <f t="shared" si="36"/>
        <v>0</v>
      </c>
      <c r="AK56" s="27">
        <f t="shared" si="37"/>
        <v>0</v>
      </c>
      <c r="AL56" s="27">
        <f t="shared" si="38"/>
        <v>107</v>
      </c>
      <c r="AM56" s="27">
        <f t="shared" si="39"/>
        <v>162</v>
      </c>
      <c r="AN56" s="27">
        <f t="shared" si="40"/>
        <v>2598</v>
      </c>
      <c r="AO56" s="27">
        <f t="shared" si="41"/>
        <v>118</v>
      </c>
      <c r="AP56" s="27">
        <f t="shared" si="42"/>
        <v>134</v>
      </c>
      <c r="AQ56" s="27">
        <f t="shared" si="43"/>
        <v>159</v>
      </c>
      <c r="AR56" s="27">
        <f t="shared" si="44"/>
        <v>150</v>
      </c>
      <c r="AS56" s="16"/>
    </row>
    <row r="57" spans="1:45" x14ac:dyDescent="0.7">
      <c r="A57" s="7"/>
      <c r="E57" s="24" t="s">
        <v>62</v>
      </c>
      <c r="F57" s="28">
        <v>297222</v>
      </c>
      <c r="G57" s="28">
        <v>275377</v>
      </c>
      <c r="H57" s="28">
        <v>280872</v>
      </c>
      <c r="I57" s="28">
        <v>285277</v>
      </c>
      <c r="J57" s="28">
        <v>311652</v>
      </c>
      <c r="K57" s="28">
        <v>315674</v>
      </c>
      <c r="L57" s="28">
        <v>359757</v>
      </c>
      <c r="M57" s="28">
        <v>360011</v>
      </c>
      <c r="N57" s="28">
        <v>432784</v>
      </c>
      <c r="O57" s="7"/>
      <c r="P57" s="13"/>
      <c r="T57" s="24" t="s">
        <v>62</v>
      </c>
      <c r="U57" s="27">
        <v>297222</v>
      </c>
      <c r="V57" s="27">
        <v>275377</v>
      </c>
      <c r="W57" s="27">
        <v>280872</v>
      </c>
      <c r="X57" s="27">
        <v>285277</v>
      </c>
      <c r="Y57" s="27">
        <v>312624</v>
      </c>
      <c r="Z57" s="27">
        <v>315674</v>
      </c>
      <c r="AA57" s="27">
        <v>359757</v>
      </c>
      <c r="AB57" s="27">
        <v>360011</v>
      </c>
      <c r="AC57" s="27">
        <v>432784</v>
      </c>
      <c r="AD57" s="13"/>
      <c r="AE57" s="16"/>
      <c r="AI57" s="24" t="s">
        <v>62</v>
      </c>
      <c r="AJ57" s="27">
        <f t="shared" si="36"/>
        <v>0</v>
      </c>
      <c r="AK57" s="27">
        <f t="shared" si="37"/>
        <v>0</v>
      </c>
      <c r="AL57" s="27">
        <f t="shared" si="38"/>
        <v>0</v>
      </c>
      <c r="AM57" s="27">
        <f t="shared" si="39"/>
        <v>0</v>
      </c>
      <c r="AN57" s="27">
        <f t="shared" si="40"/>
        <v>972</v>
      </c>
      <c r="AO57" s="27">
        <f t="shared" si="41"/>
        <v>0</v>
      </c>
      <c r="AP57" s="27">
        <f t="shared" si="42"/>
        <v>0</v>
      </c>
      <c r="AQ57" s="27">
        <f t="shared" si="43"/>
        <v>0</v>
      </c>
      <c r="AR57" s="27">
        <f t="shared" si="44"/>
        <v>0</v>
      </c>
      <c r="AS57" s="16"/>
    </row>
    <row r="58" spans="1:45" x14ac:dyDescent="0.7">
      <c r="A58" s="7"/>
      <c r="E58" s="24" t="s">
        <v>63</v>
      </c>
      <c r="F58" s="28">
        <v>376861</v>
      </c>
      <c r="G58" s="28">
        <v>383838</v>
      </c>
      <c r="H58" s="28">
        <v>306396</v>
      </c>
      <c r="I58" s="28">
        <v>310772</v>
      </c>
      <c r="J58" s="28">
        <v>343271</v>
      </c>
      <c r="K58" s="28">
        <v>323842</v>
      </c>
      <c r="L58" s="28">
        <v>314816</v>
      </c>
      <c r="M58" s="28">
        <v>290993</v>
      </c>
      <c r="N58" s="28">
        <v>351160</v>
      </c>
      <c r="O58" s="7"/>
      <c r="P58" s="13"/>
      <c r="T58" s="24" t="s">
        <v>63</v>
      </c>
      <c r="U58" s="27">
        <v>376861</v>
      </c>
      <c r="V58" s="27">
        <v>383838</v>
      </c>
      <c r="W58" s="27">
        <v>306486</v>
      </c>
      <c r="X58" s="27">
        <v>310911</v>
      </c>
      <c r="Y58" s="27">
        <v>343562</v>
      </c>
      <c r="Z58" s="27">
        <v>324007</v>
      </c>
      <c r="AA58" s="27">
        <v>315083</v>
      </c>
      <c r="AB58" s="27">
        <v>291163</v>
      </c>
      <c r="AC58" s="27">
        <v>351348</v>
      </c>
      <c r="AD58" s="13"/>
      <c r="AE58" s="16"/>
      <c r="AI58" s="24" t="s">
        <v>63</v>
      </c>
      <c r="AJ58" s="27">
        <f t="shared" si="36"/>
        <v>0</v>
      </c>
      <c r="AK58" s="27">
        <f t="shared" si="37"/>
        <v>0</v>
      </c>
      <c r="AL58" s="27">
        <f t="shared" si="38"/>
        <v>90</v>
      </c>
      <c r="AM58" s="27">
        <f t="shared" si="39"/>
        <v>139</v>
      </c>
      <c r="AN58" s="27">
        <f t="shared" si="40"/>
        <v>291</v>
      </c>
      <c r="AO58" s="27">
        <f t="shared" si="41"/>
        <v>165</v>
      </c>
      <c r="AP58" s="27">
        <f t="shared" si="42"/>
        <v>267</v>
      </c>
      <c r="AQ58" s="27">
        <f t="shared" si="43"/>
        <v>170</v>
      </c>
      <c r="AR58" s="27">
        <f t="shared" si="44"/>
        <v>188</v>
      </c>
      <c r="AS58" s="16"/>
    </row>
    <row r="59" spans="1:45" x14ac:dyDescent="0.7">
      <c r="A59" s="7"/>
      <c r="E59" s="24" t="s">
        <v>64</v>
      </c>
      <c r="F59" s="28">
        <v>542997</v>
      </c>
      <c r="G59" s="28">
        <v>480616</v>
      </c>
      <c r="H59" s="28">
        <v>536156</v>
      </c>
      <c r="I59" s="28">
        <v>573405</v>
      </c>
      <c r="J59" s="28">
        <v>644874</v>
      </c>
      <c r="K59" s="28">
        <v>557342</v>
      </c>
      <c r="L59" s="28">
        <v>565148</v>
      </c>
      <c r="M59" s="28">
        <v>581221</v>
      </c>
      <c r="N59" s="28">
        <v>663843</v>
      </c>
      <c r="O59" s="7"/>
      <c r="P59" s="13"/>
      <c r="T59" s="24" t="s">
        <v>64</v>
      </c>
      <c r="U59" s="27">
        <v>542997</v>
      </c>
      <c r="V59" s="27">
        <v>480616</v>
      </c>
      <c r="W59" s="27">
        <v>536177</v>
      </c>
      <c r="X59" s="27">
        <v>573426</v>
      </c>
      <c r="Y59" s="27">
        <v>645624</v>
      </c>
      <c r="Z59" s="27">
        <v>557385</v>
      </c>
      <c r="AA59" s="27">
        <v>565202</v>
      </c>
      <c r="AB59" s="27">
        <v>581256</v>
      </c>
      <c r="AC59" s="27">
        <v>663886</v>
      </c>
      <c r="AD59" s="13"/>
      <c r="AE59" s="16"/>
      <c r="AI59" s="24" t="s">
        <v>64</v>
      </c>
      <c r="AJ59" s="27">
        <f t="shared" si="36"/>
        <v>0</v>
      </c>
      <c r="AK59" s="27">
        <f t="shared" si="37"/>
        <v>0</v>
      </c>
      <c r="AL59" s="27">
        <f t="shared" si="38"/>
        <v>21</v>
      </c>
      <c r="AM59" s="27">
        <f t="shared" si="39"/>
        <v>21</v>
      </c>
      <c r="AN59" s="27">
        <f t="shared" si="40"/>
        <v>750</v>
      </c>
      <c r="AO59" s="27">
        <f t="shared" si="41"/>
        <v>43</v>
      </c>
      <c r="AP59" s="27">
        <f t="shared" si="42"/>
        <v>54</v>
      </c>
      <c r="AQ59" s="27">
        <f t="shared" si="43"/>
        <v>35</v>
      </c>
      <c r="AR59" s="27">
        <f t="shared" si="44"/>
        <v>43</v>
      </c>
      <c r="AS59" s="16"/>
    </row>
    <row r="60" spans="1:45" x14ac:dyDescent="0.7">
      <c r="A60" s="7"/>
      <c r="D60" s="24" t="s">
        <v>65</v>
      </c>
      <c r="E60" s="24" t="s">
        <v>60</v>
      </c>
      <c r="F60" s="28">
        <v>1503995</v>
      </c>
      <c r="G60" s="28">
        <v>1648966</v>
      </c>
      <c r="H60" s="28">
        <v>1262114</v>
      </c>
      <c r="I60" s="28">
        <v>1291543</v>
      </c>
      <c r="J60" s="28">
        <v>1381538</v>
      </c>
      <c r="K60" s="28">
        <v>1339392</v>
      </c>
      <c r="L60" s="28">
        <v>1392911</v>
      </c>
      <c r="M60" s="28">
        <v>1344348</v>
      </c>
      <c r="N60" s="28">
        <v>1618318</v>
      </c>
      <c r="O60" s="7"/>
      <c r="P60" s="13"/>
      <c r="S60" s="24" t="s">
        <v>65</v>
      </c>
      <c r="T60" s="24" t="s">
        <v>60</v>
      </c>
      <c r="U60" s="27">
        <v>1503996</v>
      </c>
      <c r="V60" s="27">
        <v>1648965</v>
      </c>
      <c r="W60" s="27">
        <v>1262344</v>
      </c>
      <c r="X60" s="27">
        <v>1291846</v>
      </c>
      <c r="Y60" s="27">
        <v>1386860</v>
      </c>
      <c r="Z60" s="27">
        <v>1339643</v>
      </c>
      <c r="AA60" s="27">
        <v>1393321</v>
      </c>
      <c r="AB60" s="27">
        <v>1344670</v>
      </c>
      <c r="AC60" s="27">
        <v>1618633</v>
      </c>
      <c r="AD60" s="13"/>
      <c r="AE60" s="16"/>
      <c r="AH60" s="24" t="s">
        <v>65</v>
      </c>
      <c r="AI60" s="24" t="s">
        <v>60</v>
      </c>
      <c r="AJ60" s="27">
        <f t="shared" si="36"/>
        <v>1</v>
      </c>
      <c r="AK60" s="27">
        <f t="shared" si="37"/>
        <v>-1</v>
      </c>
      <c r="AL60" s="27">
        <f t="shared" si="38"/>
        <v>230</v>
      </c>
      <c r="AM60" s="27">
        <f t="shared" si="39"/>
        <v>303</v>
      </c>
      <c r="AN60" s="27">
        <f t="shared" si="40"/>
        <v>5322</v>
      </c>
      <c r="AO60" s="27">
        <f t="shared" si="41"/>
        <v>251</v>
      </c>
      <c r="AP60" s="27">
        <f t="shared" si="42"/>
        <v>410</v>
      </c>
      <c r="AQ60" s="27">
        <f t="shared" si="43"/>
        <v>322</v>
      </c>
      <c r="AR60" s="27">
        <f t="shared" si="44"/>
        <v>315</v>
      </c>
      <c r="AS60" s="16"/>
    </row>
    <row r="61" spans="1:45" x14ac:dyDescent="0.7">
      <c r="A61" s="7"/>
      <c r="E61" s="24" t="s">
        <v>61</v>
      </c>
      <c r="F61" s="28">
        <v>586187</v>
      </c>
      <c r="G61" s="28">
        <v>854433</v>
      </c>
      <c r="H61" s="28">
        <v>535062</v>
      </c>
      <c r="I61" s="28">
        <v>559980</v>
      </c>
      <c r="J61" s="28">
        <v>572413</v>
      </c>
      <c r="K61" s="28">
        <v>562257</v>
      </c>
      <c r="L61" s="28">
        <v>581290</v>
      </c>
      <c r="M61" s="28">
        <v>528476</v>
      </c>
      <c r="N61" s="28">
        <v>629305</v>
      </c>
      <c r="O61" s="7"/>
      <c r="P61" s="13"/>
      <c r="T61" s="24" t="s">
        <v>61</v>
      </c>
      <c r="U61" s="27">
        <v>586187</v>
      </c>
      <c r="V61" s="27">
        <v>854432</v>
      </c>
      <c r="W61" s="27">
        <v>535192</v>
      </c>
      <c r="X61" s="27">
        <v>560147</v>
      </c>
      <c r="Y61" s="27">
        <v>576072</v>
      </c>
      <c r="Z61" s="27">
        <v>562422</v>
      </c>
      <c r="AA61" s="27">
        <v>581520</v>
      </c>
      <c r="AB61" s="27">
        <v>528648</v>
      </c>
      <c r="AC61" s="27">
        <v>629497</v>
      </c>
      <c r="AD61" s="13"/>
      <c r="AE61" s="16"/>
      <c r="AI61" s="24" t="s">
        <v>61</v>
      </c>
      <c r="AJ61" s="27">
        <f t="shared" si="36"/>
        <v>0</v>
      </c>
      <c r="AK61" s="27">
        <f t="shared" si="37"/>
        <v>-1</v>
      </c>
      <c r="AL61" s="27">
        <f t="shared" si="38"/>
        <v>130</v>
      </c>
      <c r="AM61" s="27">
        <f t="shared" si="39"/>
        <v>167</v>
      </c>
      <c r="AN61" s="27">
        <f t="shared" si="40"/>
        <v>3659</v>
      </c>
      <c r="AO61" s="27">
        <f t="shared" si="41"/>
        <v>165</v>
      </c>
      <c r="AP61" s="27">
        <f t="shared" si="42"/>
        <v>230</v>
      </c>
      <c r="AQ61" s="27">
        <f t="shared" si="43"/>
        <v>172</v>
      </c>
      <c r="AR61" s="27">
        <f t="shared" si="44"/>
        <v>192</v>
      </c>
      <c r="AS61" s="16"/>
    </row>
    <row r="62" spans="1:45" x14ac:dyDescent="0.7">
      <c r="A62" s="7"/>
      <c r="E62" s="24" t="s">
        <v>62</v>
      </c>
      <c r="F62" s="28">
        <v>200606</v>
      </c>
      <c r="G62" s="28">
        <v>175609</v>
      </c>
      <c r="H62" s="28">
        <v>180439</v>
      </c>
      <c r="I62" s="28">
        <v>168606</v>
      </c>
      <c r="J62" s="28">
        <v>194602</v>
      </c>
      <c r="K62" s="28">
        <v>203943</v>
      </c>
      <c r="L62" s="28">
        <v>215911</v>
      </c>
      <c r="M62" s="28">
        <v>209981</v>
      </c>
      <c r="N62" s="28">
        <v>241965</v>
      </c>
      <c r="O62" s="7"/>
      <c r="P62" s="13"/>
      <c r="T62" s="24" t="s">
        <v>62</v>
      </c>
      <c r="U62" s="27">
        <v>200606</v>
      </c>
      <c r="V62" s="27">
        <v>175609</v>
      </c>
      <c r="W62" s="27">
        <v>180439</v>
      </c>
      <c r="X62" s="27">
        <v>168606</v>
      </c>
      <c r="Y62" s="27">
        <v>195359</v>
      </c>
      <c r="Z62" s="27">
        <v>203943</v>
      </c>
      <c r="AA62" s="27">
        <v>215911</v>
      </c>
      <c r="AB62" s="27">
        <v>209981</v>
      </c>
      <c r="AC62" s="27">
        <v>241965</v>
      </c>
      <c r="AD62" s="13"/>
      <c r="AE62" s="16"/>
      <c r="AI62" s="24" t="s">
        <v>62</v>
      </c>
      <c r="AJ62" s="27">
        <f t="shared" si="36"/>
        <v>0</v>
      </c>
      <c r="AK62" s="27">
        <f t="shared" si="37"/>
        <v>0</v>
      </c>
      <c r="AL62" s="27">
        <f t="shared" si="38"/>
        <v>0</v>
      </c>
      <c r="AM62" s="27">
        <f t="shared" si="39"/>
        <v>0</v>
      </c>
      <c r="AN62" s="27">
        <f t="shared" si="40"/>
        <v>757</v>
      </c>
      <c r="AO62" s="27">
        <f t="shared" si="41"/>
        <v>0</v>
      </c>
      <c r="AP62" s="27">
        <f t="shared" si="42"/>
        <v>0</v>
      </c>
      <c r="AQ62" s="27">
        <f t="shared" si="43"/>
        <v>0</v>
      </c>
      <c r="AR62" s="27">
        <f t="shared" si="44"/>
        <v>0</v>
      </c>
      <c r="AS62" s="16"/>
    </row>
    <row r="63" spans="1:45" x14ac:dyDescent="0.7">
      <c r="A63" s="7"/>
      <c r="E63" s="24" t="s">
        <v>63</v>
      </c>
      <c r="F63" s="28">
        <v>267411</v>
      </c>
      <c r="G63" s="28">
        <v>228324</v>
      </c>
      <c r="H63" s="28">
        <v>161943</v>
      </c>
      <c r="I63" s="28">
        <v>158820</v>
      </c>
      <c r="J63" s="28">
        <v>185992</v>
      </c>
      <c r="K63" s="28">
        <v>156719</v>
      </c>
      <c r="L63" s="28">
        <v>167417</v>
      </c>
      <c r="M63" s="28">
        <v>169330</v>
      </c>
      <c r="N63" s="28">
        <v>208456</v>
      </c>
      <c r="O63" s="7"/>
      <c r="P63" s="13"/>
      <c r="T63" s="24" t="s">
        <v>63</v>
      </c>
      <c r="U63" s="27">
        <v>267411</v>
      </c>
      <c r="V63" s="27">
        <v>228323</v>
      </c>
      <c r="W63" s="27">
        <v>162038</v>
      </c>
      <c r="X63" s="27">
        <v>158952</v>
      </c>
      <c r="Y63" s="27">
        <v>186300</v>
      </c>
      <c r="Z63" s="27">
        <v>156795</v>
      </c>
      <c r="AA63" s="27">
        <v>167584</v>
      </c>
      <c r="AB63" s="27">
        <v>169462</v>
      </c>
      <c r="AC63" s="27">
        <v>208570</v>
      </c>
      <c r="AD63" s="13"/>
      <c r="AE63" s="16"/>
      <c r="AI63" s="24" t="s">
        <v>63</v>
      </c>
      <c r="AJ63" s="27">
        <f t="shared" si="36"/>
        <v>0</v>
      </c>
      <c r="AK63" s="27">
        <f t="shared" si="37"/>
        <v>-1</v>
      </c>
      <c r="AL63" s="27">
        <f t="shared" si="38"/>
        <v>95</v>
      </c>
      <c r="AM63" s="27">
        <f t="shared" si="39"/>
        <v>132</v>
      </c>
      <c r="AN63" s="27">
        <f t="shared" si="40"/>
        <v>308</v>
      </c>
      <c r="AO63" s="27">
        <f t="shared" si="41"/>
        <v>76</v>
      </c>
      <c r="AP63" s="27">
        <f t="shared" si="42"/>
        <v>167</v>
      </c>
      <c r="AQ63" s="27">
        <f t="shared" si="43"/>
        <v>132</v>
      </c>
      <c r="AR63" s="27">
        <f t="shared" si="44"/>
        <v>114</v>
      </c>
      <c r="AS63" s="16"/>
    </row>
    <row r="64" spans="1:45" x14ac:dyDescent="0.7">
      <c r="A64" s="7"/>
      <c r="E64" s="24" t="s">
        <v>64</v>
      </c>
      <c r="F64" s="28">
        <v>449791</v>
      </c>
      <c r="G64" s="28">
        <v>390600</v>
      </c>
      <c r="H64" s="28">
        <v>384671</v>
      </c>
      <c r="I64" s="28">
        <v>404136</v>
      </c>
      <c r="J64" s="28">
        <v>428533</v>
      </c>
      <c r="K64" s="28">
        <v>416474</v>
      </c>
      <c r="L64" s="28">
        <v>428292</v>
      </c>
      <c r="M64" s="28">
        <v>436562</v>
      </c>
      <c r="N64" s="28">
        <v>538592</v>
      </c>
      <c r="O64" s="7"/>
      <c r="P64" s="13"/>
      <c r="T64" s="24" t="s">
        <v>64</v>
      </c>
      <c r="U64" s="27">
        <v>449791</v>
      </c>
      <c r="V64" s="27">
        <v>390600</v>
      </c>
      <c r="W64" s="27">
        <v>384676</v>
      </c>
      <c r="X64" s="27">
        <v>404140</v>
      </c>
      <c r="Y64" s="27">
        <v>429129</v>
      </c>
      <c r="Z64" s="27">
        <v>416484</v>
      </c>
      <c r="AA64" s="27">
        <v>428305</v>
      </c>
      <c r="AB64" s="27">
        <v>436578</v>
      </c>
      <c r="AC64" s="27">
        <v>538601</v>
      </c>
      <c r="AD64" s="13"/>
      <c r="AE64" s="16"/>
      <c r="AI64" s="24" t="s">
        <v>64</v>
      </c>
      <c r="AJ64" s="27">
        <f t="shared" si="36"/>
        <v>0</v>
      </c>
      <c r="AK64" s="27">
        <f t="shared" si="37"/>
        <v>0</v>
      </c>
      <c r="AL64" s="27">
        <f t="shared" si="38"/>
        <v>5</v>
      </c>
      <c r="AM64" s="27">
        <f t="shared" si="39"/>
        <v>4</v>
      </c>
      <c r="AN64" s="27">
        <f t="shared" si="40"/>
        <v>596</v>
      </c>
      <c r="AO64" s="27">
        <f t="shared" si="41"/>
        <v>10</v>
      </c>
      <c r="AP64" s="27">
        <f t="shared" si="42"/>
        <v>13</v>
      </c>
      <c r="AQ64" s="27">
        <f t="shared" si="43"/>
        <v>16</v>
      </c>
      <c r="AR64" s="27">
        <f t="shared" si="44"/>
        <v>9</v>
      </c>
      <c r="AS64" s="16"/>
    </row>
    <row r="65" spans="1:45" x14ac:dyDescent="0.7">
      <c r="A65" s="7"/>
      <c r="B65" s="7"/>
      <c r="C65" s="7"/>
      <c r="D65" s="7"/>
      <c r="E65" s="7"/>
      <c r="F65" s="7"/>
      <c r="G65" s="7"/>
      <c r="H65" s="7"/>
      <c r="I65" s="7"/>
      <c r="J65" s="7"/>
      <c r="K65" s="7"/>
      <c r="L65" s="7"/>
      <c r="M65" s="7"/>
      <c r="N65" s="7"/>
      <c r="O65" s="7"/>
      <c r="P65" s="13"/>
      <c r="Q65" s="13"/>
      <c r="R65" s="13"/>
      <c r="S65" s="13"/>
      <c r="T65" s="13"/>
      <c r="U65" s="13"/>
      <c r="V65" s="13"/>
      <c r="W65" s="13"/>
      <c r="X65" s="13"/>
      <c r="Y65" s="13"/>
      <c r="Z65" s="13"/>
      <c r="AA65" s="13"/>
      <c r="AB65" s="13"/>
      <c r="AC65" s="13"/>
      <c r="AD65" s="13"/>
      <c r="AE65" s="16"/>
      <c r="AF65" s="16"/>
      <c r="AG65" s="16"/>
      <c r="AH65" s="16"/>
      <c r="AI65" s="16"/>
      <c r="AJ65" s="16"/>
      <c r="AK65" s="16"/>
      <c r="AL65" s="16"/>
      <c r="AM65" s="16"/>
      <c r="AN65" s="16"/>
      <c r="AO65" s="16"/>
      <c r="AP65" s="16"/>
      <c r="AQ65" s="16"/>
      <c r="AR65" s="16"/>
      <c r="AS65" s="16"/>
    </row>
    <row r="71" spans="1:45" hidden="1" x14ac:dyDescent="0.7">
      <c r="I71" s="24"/>
      <c r="J71" s="24"/>
      <c r="K71" s="24"/>
      <c r="L71" s="24"/>
      <c r="M71" s="24"/>
      <c r="N71" s="24"/>
      <c r="O71" s="24"/>
      <c r="P71" s="24"/>
      <c r="Q71" s="24"/>
      <c r="R71" s="24"/>
      <c r="S71" s="24"/>
      <c r="T71" s="24"/>
    </row>
    <row r="72" spans="1:45" hidden="1" x14ac:dyDescent="0.7">
      <c r="I72" s="25"/>
      <c r="J72" s="25"/>
      <c r="K72" s="25"/>
      <c r="L72" s="25"/>
      <c r="M72" s="25"/>
      <c r="N72" s="25"/>
      <c r="O72" s="25"/>
      <c r="P72" s="25"/>
      <c r="Q72" s="25"/>
      <c r="R72" s="25"/>
      <c r="S72" s="25"/>
      <c r="T72" s="25"/>
    </row>
    <row r="74" spans="1:45" hidden="1" x14ac:dyDescent="0.7">
      <c r="I74" s="25"/>
      <c r="J74" s="25"/>
      <c r="K74" s="25"/>
      <c r="L74" s="25"/>
      <c r="M74" s="25"/>
      <c r="N74" s="25"/>
      <c r="O74" s="25"/>
      <c r="P74" s="25"/>
      <c r="Q74" s="25"/>
      <c r="R74" s="25"/>
      <c r="S74" s="25"/>
      <c r="T74" s="25"/>
    </row>
    <row r="76" spans="1:45" hidden="1" x14ac:dyDescent="0.7">
      <c r="I76" s="25"/>
      <c r="J76" s="25"/>
      <c r="K76" s="25"/>
      <c r="L76" s="25"/>
      <c r="M76" s="25"/>
      <c r="N76" s="25"/>
      <c r="O76" s="25"/>
      <c r="P76" s="25"/>
      <c r="Q76" s="25"/>
      <c r="R76" s="25"/>
      <c r="S76" s="25"/>
      <c r="T76" s="25"/>
    </row>
    <row r="78" spans="1:45" hidden="1" x14ac:dyDescent="0.7">
      <c r="I78" s="25"/>
      <c r="J78" s="25"/>
      <c r="K78" s="25"/>
      <c r="L78" s="25"/>
      <c r="M78" s="25"/>
      <c r="N78" s="25"/>
      <c r="O78" s="25"/>
      <c r="P78" s="25"/>
      <c r="Q78" s="25"/>
      <c r="R78" s="25"/>
      <c r="S78" s="25"/>
      <c r="T78" s="25"/>
    </row>
    <row r="80" spans="1:45" hidden="1" x14ac:dyDescent="0.7">
      <c r="I80" s="25"/>
      <c r="J80" s="25"/>
      <c r="K80" s="25"/>
      <c r="L80" s="25"/>
      <c r="M80" s="25"/>
      <c r="N80" s="25"/>
      <c r="O80" s="25"/>
      <c r="P80" s="25"/>
      <c r="Q80" s="25"/>
      <c r="R80" s="25"/>
      <c r="S80" s="25"/>
      <c r="T80" s="25"/>
    </row>
    <row r="86" spans="9:20" hidden="1" x14ac:dyDescent="0.7">
      <c r="I86" s="24"/>
      <c r="J86" s="24"/>
      <c r="K86" s="24"/>
      <c r="L86" s="24"/>
      <c r="M86" s="24"/>
      <c r="N86" s="24"/>
      <c r="O86" s="24"/>
      <c r="P86" s="24"/>
      <c r="Q86" s="24"/>
      <c r="R86" s="24"/>
      <c r="S86" s="24"/>
      <c r="T86" s="24"/>
    </row>
    <row r="87" spans="9:20" hidden="1" x14ac:dyDescent="0.7">
      <c r="I87" s="25"/>
      <c r="J87" s="25"/>
      <c r="K87" s="25"/>
      <c r="L87" s="25"/>
      <c r="M87" s="25"/>
      <c r="N87" s="25"/>
      <c r="O87" s="25"/>
      <c r="P87" s="25"/>
      <c r="Q87" s="25"/>
      <c r="R87" s="25"/>
      <c r="S87" s="25"/>
      <c r="T87" s="25"/>
    </row>
    <row r="89" spans="9:20" hidden="1" x14ac:dyDescent="0.7">
      <c r="I89" s="25"/>
      <c r="J89" s="25"/>
      <c r="K89" s="25"/>
      <c r="L89" s="25"/>
      <c r="M89" s="25"/>
      <c r="N89" s="25"/>
      <c r="O89" s="25"/>
      <c r="P89" s="25"/>
      <c r="Q89" s="25"/>
      <c r="R89" s="25"/>
      <c r="S89" s="25"/>
      <c r="T89" s="25"/>
    </row>
    <row r="91" spans="9:20" hidden="1" x14ac:dyDescent="0.7">
      <c r="I91" s="25"/>
      <c r="J91" s="25"/>
      <c r="K91" s="25"/>
      <c r="L91" s="25"/>
      <c r="M91" s="25"/>
      <c r="N91" s="25"/>
      <c r="O91" s="25"/>
      <c r="P91" s="25"/>
      <c r="Q91" s="25"/>
      <c r="R91" s="25"/>
      <c r="S91" s="25"/>
      <c r="T91" s="25"/>
    </row>
    <row r="93" spans="9:20" hidden="1" x14ac:dyDescent="0.7">
      <c r="I93" s="25"/>
      <c r="J93" s="25"/>
      <c r="K93" s="25"/>
      <c r="L93" s="25"/>
      <c r="M93" s="25"/>
      <c r="N93" s="25"/>
      <c r="O93" s="25"/>
      <c r="P93" s="25"/>
      <c r="Q93" s="25"/>
      <c r="R93" s="25"/>
      <c r="S93" s="25"/>
      <c r="T93" s="25"/>
    </row>
    <row r="95" spans="9:20" hidden="1" x14ac:dyDescent="0.7">
      <c r="I95" s="25"/>
      <c r="J95" s="25"/>
      <c r="K95" s="25"/>
      <c r="L95" s="25"/>
      <c r="M95" s="25"/>
      <c r="N95" s="25"/>
      <c r="O95" s="25"/>
      <c r="P95" s="25"/>
      <c r="Q95" s="25"/>
      <c r="R95" s="25"/>
      <c r="S95" s="25"/>
      <c r="T95" s="25"/>
    </row>
    <row r="102" spans="9:20" hidden="1" x14ac:dyDescent="0.7">
      <c r="I102" s="24"/>
      <c r="J102" s="24"/>
      <c r="K102" s="24"/>
      <c r="L102" s="24"/>
      <c r="M102" s="24"/>
      <c r="N102" s="24"/>
      <c r="O102" s="24"/>
      <c r="P102" s="24"/>
      <c r="Q102" s="24"/>
      <c r="R102" s="24"/>
      <c r="S102" s="24"/>
      <c r="T102" s="24"/>
    </row>
    <row r="103" spans="9:20" hidden="1" x14ac:dyDescent="0.7">
      <c r="I103" s="25"/>
      <c r="J103" s="25"/>
      <c r="K103" s="25"/>
      <c r="L103" s="25"/>
      <c r="M103" s="25"/>
      <c r="N103" s="25"/>
      <c r="O103" s="25"/>
      <c r="P103" s="25"/>
      <c r="Q103" s="25"/>
      <c r="R103" s="25"/>
      <c r="S103" s="25"/>
      <c r="T103" s="25"/>
    </row>
    <row r="105" spans="9:20" hidden="1" x14ac:dyDescent="0.7">
      <c r="I105" s="25"/>
      <c r="J105" s="25"/>
      <c r="K105" s="25"/>
      <c r="L105" s="25"/>
      <c r="M105" s="25"/>
      <c r="N105" s="25"/>
      <c r="O105" s="25"/>
      <c r="P105" s="25"/>
      <c r="Q105" s="25"/>
      <c r="R105" s="25"/>
      <c r="S105" s="25"/>
      <c r="T105" s="25"/>
    </row>
    <row r="107" spans="9:20" hidden="1" x14ac:dyDescent="0.7">
      <c r="I107" s="25"/>
      <c r="J107" s="25"/>
      <c r="K107" s="25"/>
      <c r="L107" s="25"/>
      <c r="M107" s="25"/>
      <c r="N107" s="25"/>
      <c r="O107" s="25"/>
      <c r="P107" s="25"/>
      <c r="Q107" s="25"/>
      <c r="R107" s="25"/>
      <c r="S107" s="25"/>
      <c r="T107" s="25"/>
    </row>
    <row r="109" spans="9:20" hidden="1" x14ac:dyDescent="0.7">
      <c r="I109" s="25"/>
      <c r="J109" s="25"/>
      <c r="K109" s="25"/>
      <c r="L109" s="25"/>
      <c r="M109" s="25"/>
      <c r="N109" s="25"/>
      <c r="O109" s="25"/>
      <c r="P109" s="25"/>
      <c r="Q109" s="25"/>
      <c r="R109" s="25"/>
      <c r="S109" s="25"/>
      <c r="T109" s="25"/>
    </row>
    <row r="111" spans="9:20" hidden="1" x14ac:dyDescent="0.7">
      <c r="I111" s="25"/>
      <c r="J111" s="25"/>
      <c r="K111" s="25"/>
      <c r="L111" s="25"/>
      <c r="M111" s="25"/>
      <c r="N111" s="25"/>
      <c r="O111" s="25"/>
      <c r="P111" s="25"/>
      <c r="Q111" s="25"/>
      <c r="R111" s="25"/>
      <c r="S111" s="25"/>
      <c r="T111" s="25"/>
    </row>
    <row r="118" spans="9:20" hidden="1" x14ac:dyDescent="0.7">
      <c r="I118" s="24"/>
      <c r="J118" s="24"/>
      <c r="K118" s="24"/>
      <c r="L118" s="24"/>
      <c r="M118" s="24"/>
      <c r="N118" s="24"/>
      <c r="O118" s="24"/>
      <c r="P118" s="24"/>
      <c r="Q118" s="24"/>
      <c r="R118" s="24"/>
      <c r="S118" s="24"/>
      <c r="T118" s="24"/>
    </row>
    <row r="119" spans="9:20" hidden="1" x14ac:dyDescent="0.7">
      <c r="I119" s="25"/>
      <c r="J119" s="25"/>
      <c r="K119" s="25"/>
      <c r="L119" s="25"/>
      <c r="M119" s="25"/>
      <c r="N119" s="25"/>
      <c r="O119" s="25"/>
      <c r="P119" s="25"/>
      <c r="Q119" s="25"/>
      <c r="R119" s="25"/>
      <c r="S119" s="25"/>
      <c r="T119" s="25"/>
    </row>
    <row r="121" spans="9:20" hidden="1" x14ac:dyDescent="0.7">
      <c r="I121" s="25"/>
      <c r="J121" s="25"/>
      <c r="K121" s="25"/>
      <c r="L121" s="25"/>
      <c r="M121" s="25"/>
      <c r="N121" s="25"/>
      <c r="O121" s="25"/>
      <c r="P121" s="25"/>
      <c r="Q121" s="25"/>
      <c r="R121" s="25"/>
      <c r="S121" s="25"/>
      <c r="T121" s="25"/>
    </row>
    <row r="123" spans="9:20" hidden="1" x14ac:dyDescent="0.7">
      <c r="I123" s="25"/>
      <c r="J123" s="25"/>
      <c r="K123" s="25"/>
      <c r="L123" s="25"/>
      <c r="M123" s="25"/>
      <c r="N123" s="25"/>
      <c r="O123" s="25"/>
      <c r="P123" s="25"/>
      <c r="Q123" s="25"/>
      <c r="R123" s="25"/>
      <c r="S123" s="25"/>
      <c r="T123" s="25"/>
    </row>
    <row r="125" spans="9:20" hidden="1" x14ac:dyDescent="0.7">
      <c r="I125" s="25"/>
      <c r="J125" s="25"/>
      <c r="K125" s="25"/>
      <c r="L125" s="25"/>
      <c r="M125" s="25"/>
      <c r="N125" s="25"/>
      <c r="O125" s="25"/>
      <c r="P125" s="25"/>
      <c r="Q125" s="25"/>
      <c r="R125" s="25"/>
      <c r="S125" s="25"/>
      <c r="T125" s="25"/>
    </row>
    <row r="127" spans="9:20" hidden="1" x14ac:dyDescent="0.7">
      <c r="I127" s="25"/>
      <c r="J127" s="25"/>
      <c r="K127" s="25"/>
      <c r="L127" s="25"/>
      <c r="M127" s="25"/>
      <c r="N127" s="25"/>
      <c r="O127" s="25"/>
      <c r="P127" s="25"/>
      <c r="Q127" s="25"/>
      <c r="R127" s="25"/>
      <c r="S127" s="25"/>
      <c r="T127" s="25"/>
    </row>
  </sheetData>
  <pageMargins left="0.75" right="0.75" top="0.75" bottom="0.5" header="0.5" footer="0.75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3F53811F7293B4DAA35715FC64F8729" ma:contentTypeVersion="11" ma:contentTypeDescription="Opret et nyt dokument." ma:contentTypeScope="" ma:versionID="d77ae50550e025b92af9de5e7680a961">
  <xsd:schema xmlns:xsd="http://www.w3.org/2001/XMLSchema" xmlns:xs="http://www.w3.org/2001/XMLSchema" xmlns:p="http://schemas.microsoft.com/office/2006/metadata/properties" xmlns:ns2="371fd57e-aae3-4613-b1d2-2942fedb8013" xmlns:ns3="d44d60b2-616a-4662-b4fd-3d0dce3992f2" targetNamespace="http://schemas.microsoft.com/office/2006/metadata/properties" ma:root="true" ma:fieldsID="3de81e8a2b9bb1ee066813fc6ca9de0e" ns2:_="" ns3:_="">
    <xsd:import namespace="371fd57e-aae3-4613-b1d2-2942fedb8013"/>
    <xsd:import namespace="d44d60b2-616a-4662-b4fd-3d0dce3992f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71fd57e-aae3-4613-b1d2-2942fedb801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d694786c-a329-47f2-9688-31d01033598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44d60b2-616a-4662-b4fd-3d0dce3992f2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0e2d2ea-daf7-41fa-bfcc-d11197fdb2d4}" ma:internalName="TaxCatchAll" ma:showField="CatchAllData" ma:web="d44d60b2-616a-4662-b4fd-3d0dce3992f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44d60b2-616a-4662-b4fd-3d0dce3992f2" xsi:nil="true"/>
    <lcf76f155ced4ddcb4097134ff3c332f xmlns="371fd57e-aae3-4613-b1d2-2942fedb8013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D1C3359F-0DE8-48EF-ABA1-DC13F096FC7F}">
  <ds:schemaRefs/>
</ds:datastoreItem>
</file>

<file path=customXml/itemProps2.xml><?xml version="1.0" encoding="utf-8"?>
<ds:datastoreItem xmlns:ds="http://schemas.openxmlformats.org/officeDocument/2006/customXml" ds:itemID="{BC4E3A07-61A6-4080-9463-42350479BC0A}">
  <ds:schemaRefs/>
</ds:datastoreItem>
</file>

<file path=customXml/itemProps3.xml><?xml version="1.0" encoding="utf-8"?>
<ds:datastoreItem xmlns:ds="http://schemas.openxmlformats.org/officeDocument/2006/customXml" ds:itemID="{2515EAC8-A04B-4EC9-BE2E-1F559CC5202C}"/>
</file>

<file path=customXml/itemProps4.xml><?xml version="1.0" encoding="utf-8"?>
<ds:datastoreItem xmlns:ds="http://schemas.openxmlformats.org/officeDocument/2006/customXml" ds:itemID="{5F4D297C-AE42-4434-9B83-0484B81C3F29}"/>
</file>

<file path=customXml/itemProps5.xml><?xml version="1.0" encoding="utf-8"?>
<ds:datastoreItem xmlns:ds="http://schemas.openxmlformats.org/officeDocument/2006/customXml" ds:itemID="{5B285F72-0440-4147-B717-236820D64EAA}"/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6</vt:i4>
      </vt:variant>
    </vt:vector>
  </HeadingPairs>
  <TitlesOfParts>
    <vt:vector size="6" baseType="lpstr">
      <vt:lpstr>Info</vt:lpstr>
      <vt:lpstr>DNBSTS</vt:lpstr>
      <vt:lpstr>DNBSTP</vt:lpstr>
      <vt:lpstr>DNBSTK</vt:lpstr>
      <vt:lpstr>DNBSIKO</vt:lpstr>
      <vt:lpstr>DNBSVKO</vt:lpstr>
    </vt:vector>
  </TitlesOfParts>
  <Company>Danmarks Nationalban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Rasmus Kofoed Mandsberg</dc:creator>
  <cp:lastModifiedBy>Rasmus Kofoed Mandsberg</cp:lastModifiedBy>
  <dcterms:created xsi:type="dcterms:W3CDTF">2024-06-06T09:20:08Z</dcterms:created>
  <dcterms:modified xsi:type="dcterms:W3CDTF">2026-06-25T19:19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temp</vt:lpwstr>
  </property>
  <property fmtid="{D5CDD505-2E9C-101B-9397-08002B2CF9AE}" pid="3" name="TemplafyTemplateId">
    <vt:lpwstr>710624407351460001</vt:lpwstr>
  </property>
  <property fmtid="{D5CDD505-2E9C-101B-9397-08002B2CF9AE}" pid="4" name="TemplafyUserProfileId">
    <vt:lpwstr>638133374157143039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F3F53811F7293B4DAA35715FC64F8729</vt:lpwstr>
  </property>
</Properties>
</file>